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3_月報HP\R4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B$1:$KM$41</definedName>
    <definedName name="_xlnm.Print_Area" localSheetId="2">'第２-2表'!$B$1:$KM$41</definedName>
    <definedName name="_xlnm.Print_Area" localSheetId="3">'第２-3表'!$B$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52511"/>
</workbook>
</file>

<file path=xl/calcChain.xml><?xml version="1.0" encoding="utf-8"?>
<calcChain xmlns="http://schemas.openxmlformats.org/spreadsheetml/2006/main">
  <c r="F1" i="33" l="1"/>
  <c r="G1" i="33" s="1"/>
  <c r="E1" i="33"/>
  <c r="F1" i="25" l="1"/>
  <c r="G1" i="25" s="1"/>
  <c r="E1" i="25"/>
  <c r="F1" i="34" l="1"/>
  <c r="G1" i="34" s="1"/>
  <c r="E1" i="34"/>
  <c r="J1" i="32" l="1"/>
  <c r="K1" i="32" s="1"/>
  <c r="H1" i="32"/>
  <c r="K1" i="31"/>
  <c r="L1" i="31" s="1"/>
  <c r="I1" i="31"/>
  <c r="L1" i="30"/>
  <c r="M1" i="30" s="1"/>
  <c r="J1" i="30"/>
  <c r="K1" i="29"/>
  <c r="L1" i="29" s="1"/>
  <c r="I1" i="29"/>
  <c r="H1" i="28"/>
  <c r="I1" i="28" s="1"/>
  <c r="F1" i="28"/>
  <c r="E1" i="18" l="1"/>
  <c r="E1" i="26"/>
  <c r="G1" i="6"/>
  <c r="E1" i="5"/>
  <c r="H1" i="24"/>
  <c r="H1" i="14"/>
  <c r="I1" i="23"/>
  <c r="I1" i="13"/>
  <c r="H1" i="4"/>
  <c r="J1" i="22"/>
  <c r="J1" i="11"/>
  <c r="I1" i="21"/>
  <c r="I1" i="10"/>
  <c r="G1" i="9"/>
  <c r="F1" i="19"/>
  <c r="F1" i="8"/>
  <c r="F1" i="18" l="1"/>
  <c r="F1" i="26"/>
  <c r="H1" i="6"/>
  <c r="F1" i="5"/>
  <c r="J1" i="24"/>
  <c r="J1" i="14"/>
  <c r="K1" i="23"/>
  <c r="K1" i="13"/>
  <c r="J1" i="4"/>
  <c r="L1" i="22"/>
  <c r="L1" i="11"/>
  <c r="K1" i="21"/>
  <c r="K1" i="10"/>
  <c r="I1" i="9"/>
  <c r="H1" i="19"/>
  <c r="H1" i="8"/>
  <c r="J1" i="9" l="1"/>
  <c r="G1" i="26"/>
  <c r="K1" i="24"/>
  <c r="L1" i="23"/>
  <c r="M1" i="22"/>
  <c r="L1" i="21"/>
  <c r="I1" i="19"/>
  <c r="G1" i="18"/>
  <c r="K1" i="14"/>
  <c r="L1" i="13"/>
  <c r="M1" i="11"/>
  <c r="L1" i="10"/>
  <c r="I1" i="6"/>
  <c r="G1" i="5"/>
  <c r="K1" i="4"/>
  <c r="I1" i="8"/>
  <c r="H4" i="1"/>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6">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3" fontId="8"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0" fontId="0" fillId="0" borderId="3" xfId="0" applyBorder="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0" fontId="0" fillId="0" borderId="7" xfId="0"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6" fontId="8" fillId="0" borderId="0" xfId="0" applyNumberFormat="1" applyFont="1" applyBorder="1" applyAlignment="1">
      <alignment horizontal="right"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43"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6"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0" fillId="0" borderId="84" xfId="0" applyBorder="1" applyAlignment="1"/>
    <xf numFmtId="0" fontId="0" fillId="0" borderId="10" xfId="0" applyBorder="1" applyAlignment="1"/>
    <xf numFmtId="0" fontId="3" fillId="0" borderId="57" xfId="0" applyFont="1" applyBorder="1" applyAlignment="1">
      <alignment horizontal="center" vertical="center" wrapText="1"/>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71"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30" xfId="0" applyFont="1" applyBorder="1" applyAlignment="1">
      <alignment horizontal="center" vertical="center"/>
    </xf>
    <xf numFmtId="0" fontId="3" fillId="0" borderId="40"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48" xfId="0" applyFont="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99"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59" xfId="0" applyFont="1" applyFill="1" applyBorder="1" applyAlignment="1">
      <alignment horizontal="center" vertical="center"/>
    </xf>
    <xf numFmtId="0" fontId="2" fillId="0" borderId="56" xfId="0" applyFont="1" applyBorder="1" applyAlignment="1">
      <alignment horizontal="center" vertical="center"/>
    </xf>
    <xf numFmtId="0" fontId="2" fillId="0" borderId="69" xfId="0" applyFont="1" applyBorder="1" applyAlignment="1">
      <alignment horizontal="center" vertical="center"/>
    </xf>
    <xf numFmtId="0" fontId="2" fillId="0" borderId="78"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97" xfId="0" applyFont="1" applyBorder="1" applyAlignment="1">
      <alignment horizontal="center" vertical="center"/>
    </xf>
    <xf numFmtId="0" fontId="2" fillId="0" borderId="42" xfId="0" applyFont="1" applyBorder="1" applyAlignment="1">
      <alignment horizontal="center" vertical="center"/>
    </xf>
    <xf numFmtId="0" fontId="2" fillId="0" borderId="80"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82" xfId="0" applyFont="1" applyBorder="1" applyAlignment="1">
      <alignment horizontal="center" vertical="center"/>
    </xf>
    <xf numFmtId="0" fontId="2" fillId="0" borderId="81" xfId="0" applyFont="1" applyBorder="1" applyAlignment="1">
      <alignment horizontal="center" vertical="center"/>
    </xf>
    <xf numFmtId="0" fontId="2" fillId="0" borderId="30" xfId="0" applyFont="1" applyBorder="1" applyAlignment="1">
      <alignment horizontal="center" vertical="center"/>
    </xf>
    <xf numFmtId="0" fontId="2" fillId="0" borderId="49" xfId="0" applyFont="1" applyBorder="1" applyAlignment="1">
      <alignment horizontal="center" vertical="center"/>
    </xf>
    <xf numFmtId="0" fontId="2" fillId="0" borderId="4"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96"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71" xfId="0" applyFont="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xf numFmtId="182" fontId="3" fillId="0" borderId="0" xfId="0" applyNumberFormat="1" applyFont="1" applyBorder="1" applyAlignment="1">
      <alignment horizontal="left"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48"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22" xfId="0" applyBorder="1" applyAlignment="1">
      <alignment horizontal="center" vertical="center"/>
    </xf>
    <xf numFmtId="0" fontId="0" fillId="0" borderId="10" xfId="0" applyBorder="1" applyAlignment="1">
      <alignment horizontal="lef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18" customHeight="1" x14ac:dyDescent="0.2">
      <c r="B1" s="2"/>
      <c r="C1" s="2"/>
      <c r="D1" s="2"/>
      <c r="E1" s="501" t="s">
        <v>0</v>
      </c>
      <c r="F1" s="501"/>
      <c r="G1" s="501"/>
      <c r="H1" s="501"/>
      <c r="I1" s="2"/>
      <c r="J1" s="2"/>
      <c r="K1" s="2"/>
      <c r="L1" s="2"/>
    </row>
    <row r="2" spans="1:13" ht="18" customHeight="1" x14ac:dyDescent="0.2">
      <c r="A2" s="2"/>
      <c r="B2" s="2"/>
      <c r="C2" s="2"/>
      <c r="D2" s="2"/>
      <c r="E2" s="2"/>
      <c r="F2" s="367">
        <v>4</v>
      </c>
      <c r="G2" s="246">
        <v>7</v>
      </c>
      <c r="H2" s="2"/>
      <c r="I2" s="2"/>
      <c r="J2" s="2"/>
      <c r="K2" s="2"/>
      <c r="L2" s="2"/>
      <c r="M2" s="2"/>
    </row>
    <row r="3" spans="1:13" ht="26.25" customHeight="1" x14ac:dyDescent="0.2"/>
    <row r="4" spans="1:13" ht="20.25" customHeight="1" x14ac:dyDescent="0.2">
      <c r="D4" s="3"/>
      <c r="E4" s="4" t="s">
        <v>1</v>
      </c>
      <c r="F4" s="3"/>
      <c r="H4" s="254">
        <f>G2</f>
        <v>7</v>
      </c>
    </row>
    <row r="5" spans="1:13" ht="10.5" customHeight="1" thickBot="1" x14ac:dyDescent="0.25">
      <c r="E5" s="5"/>
    </row>
    <row r="6" spans="1:13" ht="17.25" customHeight="1" x14ac:dyDescent="0.2">
      <c r="E6" s="343"/>
      <c r="F6" s="502" t="s">
        <v>2</v>
      </c>
      <c r="G6" s="503"/>
      <c r="H6" s="503"/>
      <c r="I6" s="504"/>
    </row>
    <row r="7" spans="1:13" ht="17.25" customHeight="1" x14ac:dyDescent="0.2">
      <c r="E7" s="7"/>
      <c r="F7" s="8"/>
      <c r="G7" s="9" t="s">
        <v>3</v>
      </c>
      <c r="H7" s="346" t="s">
        <v>150</v>
      </c>
      <c r="I7" s="347" t="s">
        <v>149</v>
      </c>
    </row>
    <row r="8" spans="1:13" ht="16.5" customHeight="1" x14ac:dyDescent="0.2">
      <c r="E8" s="344" t="s">
        <v>4</v>
      </c>
      <c r="F8" s="374">
        <v>2340536</v>
      </c>
      <c r="G8" s="374">
        <v>1083709</v>
      </c>
      <c r="H8" s="374">
        <v>867821</v>
      </c>
      <c r="I8" s="375">
        <v>389006</v>
      </c>
    </row>
    <row r="9" spans="1:13" ht="16.5" customHeight="1" x14ac:dyDescent="0.2">
      <c r="E9" s="10" t="s">
        <v>5</v>
      </c>
      <c r="F9" s="376">
        <v>933478</v>
      </c>
      <c r="G9" s="376">
        <v>429621</v>
      </c>
      <c r="H9" s="376">
        <v>342379</v>
      </c>
      <c r="I9" s="377">
        <v>161478</v>
      </c>
    </row>
    <row r="10" spans="1:13" ht="16.5" customHeight="1" x14ac:dyDescent="0.2">
      <c r="E10" s="10" t="s">
        <v>6</v>
      </c>
      <c r="F10" s="376">
        <v>306970</v>
      </c>
      <c r="G10" s="376">
        <v>147100</v>
      </c>
      <c r="H10" s="376">
        <v>108727</v>
      </c>
      <c r="I10" s="377">
        <v>51143</v>
      </c>
    </row>
    <row r="11" spans="1:13" ht="16.5" customHeight="1" x14ac:dyDescent="0.2">
      <c r="E11" s="10" t="s">
        <v>14</v>
      </c>
      <c r="F11" s="376">
        <v>188047</v>
      </c>
      <c r="G11" s="376">
        <v>88731</v>
      </c>
      <c r="H11" s="376">
        <v>71939</v>
      </c>
      <c r="I11" s="377">
        <v>27377</v>
      </c>
    </row>
    <row r="12" spans="1:13" ht="16.5" customHeight="1" x14ac:dyDescent="0.2">
      <c r="E12" s="10" t="s">
        <v>7</v>
      </c>
      <c r="F12" s="376">
        <v>125973</v>
      </c>
      <c r="G12" s="376">
        <v>55634</v>
      </c>
      <c r="H12" s="376">
        <v>48441</v>
      </c>
      <c r="I12" s="377">
        <v>21898</v>
      </c>
    </row>
    <row r="13" spans="1:13" ht="16.5" customHeight="1" x14ac:dyDescent="0.2">
      <c r="E13" s="10" t="s">
        <v>8</v>
      </c>
      <c r="F13" s="376">
        <v>73168</v>
      </c>
      <c r="G13" s="376">
        <v>34609</v>
      </c>
      <c r="H13" s="376">
        <v>27048</v>
      </c>
      <c r="I13" s="377">
        <v>11511</v>
      </c>
    </row>
    <row r="14" spans="1:13" ht="16.5" customHeight="1" x14ac:dyDescent="0.2">
      <c r="E14" s="10" t="s">
        <v>9</v>
      </c>
      <c r="F14" s="376">
        <v>53794</v>
      </c>
      <c r="G14" s="376">
        <v>21676</v>
      </c>
      <c r="H14" s="376">
        <v>20500</v>
      </c>
      <c r="I14" s="377">
        <v>11618</v>
      </c>
    </row>
    <row r="15" spans="1:13" ht="16.5" customHeight="1" x14ac:dyDescent="0.2">
      <c r="E15" s="10" t="s">
        <v>10</v>
      </c>
      <c r="F15" s="376">
        <v>108207</v>
      </c>
      <c r="G15" s="376">
        <v>49021</v>
      </c>
      <c r="H15" s="376">
        <v>40505</v>
      </c>
      <c r="I15" s="377">
        <v>18681</v>
      </c>
    </row>
    <row r="16" spans="1:13" ht="16.5" customHeight="1" x14ac:dyDescent="0.2">
      <c r="E16" s="10" t="s">
        <v>11</v>
      </c>
      <c r="F16" s="376">
        <v>57378</v>
      </c>
      <c r="G16" s="376">
        <v>26656</v>
      </c>
      <c r="H16" s="376">
        <v>20837</v>
      </c>
      <c r="I16" s="377">
        <v>9885</v>
      </c>
    </row>
    <row r="17" spans="5:13" ht="16.5" customHeight="1" x14ac:dyDescent="0.2">
      <c r="E17" s="10" t="s">
        <v>12</v>
      </c>
      <c r="F17" s="376">
        <v>65413</v>
      </c>
      <c r="G17" s="376">
        <v>29594</v>
      </c>
      <c r="H17" s="376">
        <v>24576</v>
      </c>
      <c r="I17" s="377">
        <v>11243</v>
      </c>
    </row>
    <row r="18" spans="5:13" ht="16.5" customHeight="1" x14ac:dyDescent="0.2">
      <c r="E18" s="10" t="s">
        <v>13</v>
      </c>
      <c r="F18" s="376">
        <v>18637</v>
      </c>
      <c r="G18" s="376">
        <v>7477</v>
      </c>
      <c r="H18" s="376">
        <v>7139</v>
      </c>
      <c r="I18" s="377">
        <v>4021</v>
      </c>
      <c r="M18" s="1" t="s">
        <v>87</v>
      </c>
    </row>
    <row r="19" spans="5:13" ht="16.5" customHeight="1" x14ac:dyDescent="0.2">
      <c r="E19" s="10" t="s">
        <v>15</v>
      </c>
      <c r="F19" s="376">
        <v>16293</v>
      </c>
      <c r="G19" s="376">
        <v>7547</v>
      </c>
      <c r="H19" s="376">
        <v>5925</v>
      </c>
      <c r="I19" s="377">
        <v>2821</v>
      </c>
    </row>
    <row r="20" spans="5:13" ht="16.5" customHeight="1" x14ac:dyDescent="0.2">
      <c r="E20" s="10" t="s">
        <v>16</v>
      </c>
      <c r="F20" s="376">
        <v>49358</v>
      </c>
      <c r="G20" s="376">
        <v>24510</v>
      </c>
      <c r="H20" s="376">
        <v>18015</v>
      </c>
      <c r="I20" s="377">
        <v>6833</v>
      </c>
    </row>
    <row r="21" spans="5:13" ht="16.5" customHeight="1" x14ac:dyDescent="0.2">
      <c r="E21" s="10" t="s">
        <v>17</v>
      </c>
      <c r="F21" s="376">
        <v>58518</v>
      </c>
      <c r="G21" s="376">
        <v>28722</v>
      </c>
      <c r="H21" s="376">
        <v>22111</v>
      </c>
      <c r="I21" s="377">
        <v>7685</v>
      </c>
    </row>
    <row r="22" spans="5:13" ht="16.5" customHeight="1" x14ac:dyDescent="0.2">
      <c r="E22" s="10" t="s">
        <v>18</v>
      </c>
      <c r="F22" s="376">
        <v>58036</v>
      </c>
      <c r="G22" s="376">
        <v>26939</v>
      </c>
      <c r="H22" s="376">
        <v>22499</v>
      </c>
      <c r="I22" s="377">
        <v>8598</v>
      </c>
    </row>
    <row r="23" spans="5:13" ht="16.5" customHeight="1" x14ac:dyDescent="0.2">
      <c r="E23" s="10" t="s">
        <v>19</v>
      </c>
      <c r="F23" s="376">
        <v>26610</v>
      </c>
      <c r="G23" s="376">
        <v>12519</v>
      </c>
      <c r="H23" s="376">
        <v>10113</v>
      </c>
      <c r="I23" s="377">
        <v>3978</v>
      </c>
    </row>
    <row r="24" spans="5:13" ht="16.5" customHeight="1" x14ac:dyDescent="0.2">
      <c r="E24" s="10" t="s">
        <v>20</v>
      </c>
      <c r="F24" s="376">
        <v>33988</v>
      </c>
      <c r="G24" s="376">
        <v>16355</v>
      </c>
      <c r="H24" s="376">
        <v>13006</v>
      </c>
      <c r="I24" s="377">
        <v>4627</v>
      </c>
    </row>
    <row r="25" spans="5:13" ht="16.5" customHeight="1" x14ac:dyDescent="0.2">
      <c r="E25" s="10" t="s">
        <v>21</v>
      </c>
      <c r="F25" s="376">
        <v>34204</v>
      </c>
      <c r="G25" s="376">
        <v>16217</v>
      </c>
      <c r="H25" s="376">
        <v>13121</v>
      </c>
      <c r="I25" s="377">
        <v>4866</v>
      </c>
    </row>
    <row r="26" spans="5:13" ht="16.5" customHeight="1" x14ac:dyDescent="0.2">
      <c r="E26" s="10" t="s">
        <v>22</v>
      </c>
      <c r="F26" s="376">
        <v>13642</v>
      </c>
      <c r="G26" s="376">
        <v>6080</v>
      </c>
      <c r="H26" s="376">
        <v>5255</v>
      </c>
      <c r="I26" s="377">
        <v>2307</v>
      </c>
    </row>
    <row r="27" spans="5:13" ht="16.5" customHeight="1" x14ac:dyDescent="0.2">
      <c r="E27" s="10" t="s">
        <v>23</v>
      </c>
      <c r="F27" s="376">
        <v>22996</v>
      </c>
      <c r="G27" s="376">
        <v>10368</v>
      </c>
      <c r="H27" s="376">
        <v>9608</v>
      </c>
      <c r="I27" s="377">
        <v>3020</v>
      </c>
    </row>
    <row r="28" spans="5:13" ht="16.5" customHeight="1" x14ac:dyDescent="0.2">
      <c r="E28" s="10" t="s">
        <v>24</v>
      </c>
      <c r="F28" s="376">
        <v>10239</v>
      </c>
      <c r="G28" s="376">
        <v>4204</v>
      </c>
      <c r="H28" s="376">
        <v>4026</v>
      </c>
      <c r="I28" s="377">
        <v>2009</v>
      </c>
    </row>
    <row r="29" spans="5:13" ht="16.5" customHeight="1" x14ac:dyDescent="0.2">
      <c r="E29" s="10" t="s">
        <v>25</v>
      </c>
      <c r="F29" s="376">
        <v>13452</v>
      </c>
      <c r="G29" s="376">
        <v>6576</v>
      </c>
      <c r="H29" s="376">
        <v>5113</v>
      </c>
      <c r="I29" s="377">
        <v>1763</v>
      </c>
    </row>
    <row r="30" spans="5:13" ht="16.5" customHeight="1" x14ac:dyDescent="0.2">
      <c r="E30" s="10" t="s">
        <v>26</v>
      </c>
      <c r="F30" s="376">
        <v>11175</v>
      </c>
      <c r="G30" s="376">
        <v>5030</v>
      </c>
      <c r="H30" s="376">
        <v>4267</v>
      </c>
      <c r="I30" s="377">
        <v>1878</v>
      </c>
    </row>
    <row r="31" spans="5:13" ht="16.5" customHeight="1" x14ac:dyDescent="0.2">
      <c r="E31" s="10" t="s">
        <v>27</v>
      </c>
      <c r="F31" s="376">
        <v>9866</v>
      </c>
      <c r="G31" s="376">
        <v>4188</v>
      </c>
      <c r="H31" s="376">
        <v>3860</v>
      </c>
      <c r="I31" s="377">
        <v>1818</v>
      </c>
    </row>
    <row r="32" spans="5:13" ht="16.5" customHeight="1" x14ac:dyDescent="0.2">
      <c r="E32" s="10" t="s">
        <v>28</v>
      </c>
      <c r="F32" s="376">
        <v>3237</v>
      </c>
      <c r="G32" s="376">
        <v>1600</v>
      </c>
      <c r="H32" s="376">
        <v>1202</v>
      </c>
      <c r="I32" s="377">
        <v>435</v>
      </c>
    </row>
    <row r="33" spans="5:9" ht="16.5" customHeight="1" x14ac:dyDescent="0.2">
      <c r="E33" s="10" t="s">
        <v>29</v>
      </c>
      <c r="F33" s="376">
        <v>4988</v>
      </c>
      <c r="G33" s="376">
        <v>2377</v>
      </c>
      <c r="H33" s="376">
        <v>1889</v>
      </c>
      <c r="I33" s="377">
        <v>722</v>
      </c>
    </row>
    <row r="34" spans="5:9" ht="16.5" customHeight="1" x14ac:dyDescent="0.2">
      <c r="E34" s="10" t="s">
        <v>30</v>
      </c>
      <c r="F34" s="376">
        <v>3732</v>
      </c>
      <c r="G34" s="376">
        <v>1699</v>
      </c>
      <c r="H34" s="376">
        <v>1346</v>
      </c>
      <c r="I34" s="377">
        <v>687</v>
      </c>
    </row>
    <row r="35" spans="5:9" ht="16.5" customHeight="1" x14ac:dyDescent="0.2">
      <c r="E35" s="10" t="s">
        <v>31</v>
      </c>
      <c r="F35" s="376">
        <v>4034</v>
      </c>
      <c r="G35" s="376">
        <v>1979</v>
      </c>
      <c r="H35" s="376">
        <v>1285</v>
      </c>
      <c r="I35" s="377">
        <v>770</v>
      </c>
    </row>
    <row r="36" spans="5:9" ht="16.5" customHeight="1" x14ac:dyDescent="0.2">
      <c r="E36" s="10" t="s">
        <v>32</v>
      </c>
      <c r="F36" s="376">
        <v>4579</v>
      </c>
      <c r="G36" s="376">
        <v>2106</v>
      </c>
      <c r="H36" s="376">
        <v>1737</v>
      </c>
      <c r="I36" s="377">
        <v>736</v>
      </c>
    </row>
    <row r="37" spans="5:9" ht="16.5" customHeight="1" x14ac:dyDescent="0.2">
      <c r="E37" s="10" t="s">
        <v>33</v>
      </c>
      <c r="F37" s="376">
        <v>4142</v>
      </c>
      <c r="G37" s="376">
        <v>1902</v>
      </c>
      <c r="H37" s="376">
        <v>1549</v>
      </c>
      <c r="I37" s="377">
        <v>691</v>
      </c>
    </row>
    <row r="38" spans="5:9" ht="16.5" customHeight="1" x14ac:dyDescent="0.2">
      <c r="E38" s="10" t="s">
        <v>34</v>
      </c>
      <c r="F38" s="376">
        <v>3039</v>
      </c>
      <c r="G38" s="376">
        <v>1363</v>
      </c>
      <c r="H38" s="376">
        <v>1148</v>
      </c>
      <c r="I38" s="377">
        <v>528</v>
      </c>
    </row>
    <row r="39" spans="5:9" ht="16.5" customHeight="1" x14ac:dyDescent="0.2">
      <c r="E39" s="10" t="s">
        <v>35</v>
      </c>
      <c r="F39" s="376">
        <v>9923</v>
      </c>
      <c r="G39" s="376">
        <v>4360</v>
      </c>
      <c r="H39" s="376">
        <v>3802</v>
      </c>
      <c r="I39" s="377">
        <v>1761</v>
      </c>
    </row>
    <row r="40" spans="5:9" ht="16.5" customHeight="1" x14ac:dyDescent="0.2">
      <c r="E40" s="10" t="s">
        <v>36</v>
      </c>
      <c r="F40" s="376">
        <v>12349</v>
      </c>
      <c r="G40" s="376">
        <v>6380</v>
      </c>
      <c r="H40" s="376">
        <v>4498</v>
      </c>
      <c r="I40" s="377">
        <v>1471</v>
      </c>
    </row>
    <row r="41" spans="5:9" ht="16.5" customHeight="1" thickBot="1" x14ac:dyDescent="0.25">
      <c r="E41" s="11" t="s">
        <v>37</v>
      </c>
      <c r="F41" s="378">
        <v>1071</v>
      </c>
      <c r="G41" s="378">
        <v>569</v>
      </c>
      <c r="H41" s="378">
        <v>355</v>
      </c>
      <c r="I41" s="379">
        <v>147</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6"/>
    <col min="6" max="6" width="7.77734375" style="256" customWidth="1"/>
    <col min="7" max="7" width="9" style="256"/>
    <col min="8" max="8" width="10.6640625" style="256" customWidth="1"/>
    <col min="9" max="16" width="9" style="256"/>
    <col min="17" max="17" width="7.88671875" style="256" customWidth="1"/>
    <col min="18" max="27" width="9" style="256"/>
    <col min="28" max="28" width="7.77734375" style="256" customWidth="1"/>
    <col min="29" max="38" width="9" style="256"/>
    <col min="39" max="39" width="6.77734375" style="256" customWidth="1"/>
    <col min="40" max="49" width="9" style="256"/>
    <col min="50" max="50" width="7.77734375" style="256" customWidth="1"/>
    <col min="51" max="60" width="9" style="256"/>
    <col min="61" max="61" width="7.4414062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6384" width="9" style="256"/>
  </cols>
  <sheetData>
    <row r="1" spans="2:112" ht="24" customHeight="1" x14ac:dyDescent="0.2">
      <c r="B1" s="291" t="s">
        <v>123</v>
      </c>
      <c r="J1" s="528">
        <f>第１表!F2</f>
        <v>4</v>
      </c>
      <c r="K1" s="528"/>
      <c r="L1" s="248">
        <f>第１表!G2</f>
        <v>7</v>
      </c>
      <c r="M1" s="529">
        <f>IF(L1&lt;3,L1+12-2,L1-2)</f>
        <v>5</v>
      </c>
      <c r="N1" s="529"/>
    </row>
    <row r="2" spans="2:112" ht="24" customHeight="1" thickBot="1" x14ac:dyDescent="0.25">
      <c r="B2" s="291" t="s">
        <v>131</v>
      </c>
    </row>
    <row r="3" spans="2:112" ht="13.8"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x14ac:dyDescent="0.2">
      <c r="B4" s="550"/>
      <c r="C4" s="554" t="s">
        <v>61</v>
      </c>
      <c r="D4" s="537"/>
      <c r="E4" s="538"/>
      <c r="F4" s="536" t="s">
        <v>62</v>
      </c>
      <c r="G4" s="537"/>
      <c r="H4" s="537"/>
      <c r="I4" s="537"/>
      <c r="J4" s="537"/>
      <c r="K4" s="537"/>
      <c r="L4" s="545"/>
      <c r="M4" s="539" t="s">
        <v>52</v>
      </c>
      <c r="N4" s="554" t="s">
        <v>61</v>
      </c>
      <c r="O4" s="537"/>
      <c r="P4" s="538"/>
      <c r="Q4" s="536" t="s">
        <v>62</v>
      </c>
      <c r="R4" s="537"/>
      <c r="S4" s="537"/>
      <c r="T4" s="537"/>
      <c r="U4" s="537"/>
      <c r="V4" s="537"/>
      <c r="W4" s="538"/>
      <c r="X4" s="539" t="s">
        <v>52</v>
      </c>
      <c r="Y4" s="541" t="s">
        <v>61</v>
      </c>
      <c r="Z4" s="537"/>
      <c r="AA4" s="545"/>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45"/>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row>
    <row r="5" spans="2:112" ht="28.5" customHeight="1" thickBot="1" x14ac:dyDescent="0.25">
      <c r="B5" s="551"/>
      <c r="C5" s="265" t="s">
        <v>43</v>
      </c>
      <c r="D5" s="260" t="s">
        <v>44</v>
      </c>
      <c r="E5" s="383" t="s">
        <v>45</v>
      </c>
      <c r="F5" s="268" t="s">
        <v>83</v>
      </c>
      <c r="G5" s="260" t="s">
        <v>47</v>
      </c>
      <c r="H5" s="260" t="s">
        <v>48</v>
      </c>
      <c r="I5" s="260" t="s">
        <v>49</v>
      </c>
      <c r="J5" s="260" t="s">
        <v>50</v>
      </c>
      <c r="K5" s="260" t="s">
        <v>51</v>
      </c>
      <c r="L5" s="269" t="s">
        <v>45</v>
      </c>
      <c r="M5" s="540"/>
      <c r="N5" s="265" t="s">
        <v>43</v>
      </c>
      <c r="O5" s="260" t="s">
        <v>44</v>
      </c>
      <c r="P5" s="266" t="s">
        <v>45</v>
      </c>
      <c r="Q5" s="268" t="s">
        <v>83</v>
      </c>
      <c r="R5" s="260" t="s">
        <v>47</v>
      </c>
      <c r="S5" s="260" t="s">
        <v>48</v>
      </c>
      <c r="T5" s="260" t="s">
        <v>49</v>
      </c>
      <c r="U5" s="260" t="s">
        <v>50</v>
      </c>
      <c r="V5" s="260" t="s">
        <v>51</v>
      </c>
      <c r="W5" s="266" t="s">
        <v>45</v>
      </c>
      <c r="X5" s="540"/>
      <c r="Y5" s="324" t="s">
        <v>43</v>
      </c>
      <c r="Z5" s="260" t="s">
        <v>44</v>
      </c>
      <c r="AA5" s="269" t="s">
        <v>45</v>
      </c>
      <c r="AB5" s="268" t="s">
        <v>83</v>
      </c>
      <c r="AC5" s="260" t="s">
        <v>47</v>
      </c>
      <c r="AD5" s="260" t="s">
        <v>48</v>
      </c>
      <c r="AE5" s="260" t="s">
        <v>49</v>
      </c>
      <c r="AF5" s="260" t="s">
        <v>50</v>
      </c>
      <c r="AG5" s="260" t="s">
        <v>51</v>
      </c>
      <c r="AH5" s="266" t="s">
        <v>45</v>
      </c>
      <c r="AI5" s="540"/>
      <c r="AJ5" s="324" t="s">
        <v>43</v>
      </c>
      <c r="AK5" s="260" t="s">
        <v>44</v>
      </c>
      <c r="AL5" s="266" t="s">
        <v>45</v>
      </c>
      <c r="AM5" s="268" t="s">
        <v>83</v>
      </c>
      <c r="AN5" s="260" t="s">
        <v>47</v>
      </c>
      <c r="AO5" s="260" t="s">
        <v>48</v>
      </c>
      <c r="AP5" s="260" t="s">
        <v>49</v>
      </c>
      <c r="AQ5" s="260" t="s">
        <v>50</v>
      </c>
      <c r="AR5" s="260" t="s">
        <v>51</v>
      </c>
      <c r="AS5" s="266" t="s">
        <v>45</v>
      </c>
      <c r="AT5" s="540"/>
      <c r="AU5" s="324" t="s">
        <v>43</v>
      </c>
      <c r="AV5" s="260" t="s">
        <v>44</v>
      </c>
      <c r="AW5" s="269" t="s">
        <v>45</v>
      </c>
      <c r="AX5" s="268" t="s">
        <v>83</v>
      </c>
      <c r="AY5" s="260" t="s">
        <v>47</v>
      </c>
      <c r="AZ5" s="260" t="s">
        <v>48</v>
      </c>
      <c r="BA5" s="260" t="s">
        <v>49</v>
      </c>
      <c r="BB5" s="260" t="s">
        <v>50</v>
      </c>
      <c r="BC5" s="260" t="s">
        <v>51</v>
      </c>
      <c r="BD5" s="269" t="s">
        <v>45</v>
      </c>
      <c r="BE5" s="540"/>
      <c r="BF5" s="324" t="s">
        <v>43</v>
      </c>
      <c r="BG5" s="260" t="s">
        <v>44</v>
      </c>
      <c r="BH5" s="266" t="s">
        <v>45</v>
      </c>
      <c r="BI5" s="268" t="s">
        <v>83</v>
      </c>
      <c r="BJ5" s="260" t="s">
        <v>47</v>
      </c>
      <c r="BK5" s="260" t="s">
        <v>48</v>
      </c>
      <c r="BL5" s="260" t="s">
        <v>49</v>
      </c>
      <c r="BM5" s="260" t="s">
        <v>50</v>
      </c>
      <c r="BN5" s="260" t="s">
        <v>51</v>
      </c>
      <c r="BO5" s="266" t="s">
        <v>45</v>
      </c>
      <c r="BP5" s="540"/>
      <c r="BQ5" s="324" t="s">
        <v>43</v>
      </c>
      <c r="BR5" s="260" t="s">
        <v>44</v>
      </c>
      <c r="BS5" s="266" t="s">
        <v>45</v>
      </c>
      <c r="BT5" s="268" t="s">
        <v>83</v>
      </c>
      <c r="BU5" s="260" t="s">
        <v>47</v>
      </c>
      <c r="BV5" s="260" t="s">
        <v>48</v>
      </c>
      <c r="BW5" s="260" t="s">
        <v>49</v>
      </c>
      <c r="BX5" s="260" t="s">
        <v>50</v>
      </c>
      <c r="BY5" s="260" t="s">
        <v>51</v>
      </c>
      <c r="BZ5" s="266" t="s">
        <v>45</v>
      </c>
      <c r="CA5" s="540"/>
      <c r="CB5" s="324" t="s">
        <v>43</v>
      </c>
      <c r="CC5" s="260" t="s">
        <v>44</v>
      </c>
      <c r="CD5" s="266" t="s">
        <v>45</v>
      </c>
      <c r="CE5" s="268" t="s">
        <v>83</v>
      </c>
      <c r="CF5" s="260" t="s">
        <v>47</v>
      </c>
      <c r="CG5" s="260" t="s">
        <v>48</v>
      </c>
      <c r="CH5" s="260" t="s">
        <v>49</v>
      </c>
      <c r="CI5" s="260" t="s">
        <v>50</v>
      </c>
      <c r="CJ5" s="260" t="s">
        <v>51</v>
      </c>
      <c r="CK5" s="266" t="s">
        <v>45</v>
      </c>
      <c r="CL5" s="540"/>
      <c r="CM5" s="324" t="s">
        <v>43</v>
      </c>
      <c r="CN5" s="260" t="s">
        <v>44</v>
      </c>
      <c r="CO5" s="266" t="s">
        <v>45</v>
      </c>
      <c r="CP5" s="268" t="s">
        <v>83</v>
      </c>
      <c r="CQ5" s="260" t="s">
        <v>47</v>
      </c>
      <c r="CR5" s="260" t="s">
        <v>48</v>
      </c>
      <c r="CS5" s="260" t="s">
        <v>49</v>
      </c>
      <c r="CT5" s="260" t="s">
        <v>50</v>
      </c>
      <c r="CU5" s="260" t="s">
        <v>51</v>
      </c>
      <c r="CV5" s="266" t="s">
        <v>45</v>
      </c>
      <c r="CW5" s="540"/>
      <c r="CX5" s="366" t="s">
        <v>43</v>
      </c>
      <c r="CY5" s="260" t="s">
        <v>44</v>
      </c>
      <c r="CZ5" s="266" t="s">
        <v>45</v>
      </c>
      <c r="DA5" s="268" t="s">
        <v>83</v>
      </c>
      <c r="DB5" s="260" t="s">
        <v>47</v>
      </c>
      <c r="DC5" s="260" t="s">
        <v>48</v>
      </c>
      <c r="DD5" s="260" t="s">
        <v>49</v>
      </c>
      <c r="DE5" s="260" t="s">
        <v>50</v>
      </c>
      <c r="DF5" s="260" t="s">
        <v>51</v>
      </c>
      <c r="DG5" s="266" t="s">
        <v>45</v>
      </c>
      <c r="DH5" s="540"/>
    </row>
    <row r="6" spans="2:112" ht="18.75" customHeight="1" x14ac:dyDescent="0.2">
      <c r="B6" s="261" t="s">
        <v>4</v>
      </c>
      <c r="C6" s="270">
        <v>0</v>
      </c>
      <c r="D6" s="274">
        <v>0</v>
      </c>
      <c r="E6" s="384">
        <v>0</v>
      </c>
      <c r="F6" s="273">
        <v>0</v>
      </c>
      <c r="G6" s="274">
        <v>14271</v>
      </c>
      <c r="H6" s="274">
        <v>19873</v>
      </c>
      <c r="I6" s="274">
        <v>21252</v>
      </c>
      <c r="J6" s="274">
        <v>22477</v>
      </c>
      <c r="K6" s="274">
        <v>19586</v>
      </c>
      <c r="L6" s="275">
        <v>97459</v>
      </c>
      <c r="M6" s="276">
        <v>97459</v>
      </c>
      <c r="N6" s="270">
        <v>0</v>
      </c>
      <c r="O6" s="274">
        <v>6</v>
      </c>
      <c r="P6" s="271">
        <v>6</v>
      </c>
      <c r="Q6" s="273">
        <v>0</v>
      </c>
      <c r="R6" s="274">
        <v>20</v>
      </c>
      <c r="S6" s="274">
        <v>144</v>
      </c>
      <c r="T6" s="274">
        <v>282</v>
      </c>
      <c r="U6" s="274">
        <v>616</v>
      </c>
      <c r="V6" s="274">
        <v>1162</v>
      </c>
      <c r="W6" s="271">
        <v>2224</v>
      </c>
      <c r="X6" s="276">
        <v>2230</v>
      </c>
      <c r="Y6" s="270">
        <v>908</v>
      </c>
      <c r="Z6" s="274">
        <v>2311</v>
      </c>
      <c r="AA6" s="271">
        <v>3219</v>
      </c>
      <c r="AB6" s="273">
        <v>0</v>
      </c>
      <c r="AC6" s="274">
        <v>8046</v>
      </c>
      <c r="AD6" s="274">
        <v>11254</v>
      </c>
      <c r="AE6" s="274">
        <v>7895</v>
      </c>
      <c r="AF6" s="274">
        <v>6691</v>
      </c>
      <c r="AG6" s="274">
        <v>4889</v>
      </c>
      <c r="AH6" s="271">
        <v>38775</v>
      </c>
      <c r="AI6" s="276">
        <v>41994</v>
      </c>
      <c r="AJ6" s="270">
        <v>181</v>
      </c>
      <c r="AK6" s="274">
        <v>614</v>
      </c>
      <c r="AL6" s="271">
        <v>795</v>
      </c>
      <c r="AM6" s="273">
        <v>0</v>
      </c>
      <c r="AN6" s="274">
        <v>761</v>
      </c>
      <c r="AO6" s="274">
        <v>1412</v>
      </c>
      <c r="AP6" s="274">
        <v>860</v>
      </c>
      <c r="AQ6" s="274">
        <v>1078</v>
      </c>
      <c r="AR6" s="274">
        <v>403</v>
      </c>
      <c r="AS6" s="271">
        <v>4514</v>
      </c>
      <c r="AT6" s="276">
        <v>5309</v>
      </c>
      <c r="AU6" s="270">
        <v>0</v>
      </c>
      <c r="AV6" s="274">
        <v>0</v>
      </c>
      <c r="AW6" s="271">
        <v>0</v>
      </c>
      <c r="AX6" s="273">
        <v>0</v>
      </c>
      <c r="AY6" s="274">
        <v>13015</v>
      </c>
      <c r="AZ6" s="274">
        <v>12320</v>
      </c>
      <c r="BA6" s="274">
        <v>8191</v>
      </c>
      <c r="BB6" s="274">
        <v>3890</v>
      </c>
      <c r="BC6" s="274">
        <v>1386</v>
      </c>
      <c r="BD6" s="275">
        <v>38802</v>
      </c>
      <c r="BE6" s="276">
        <v>38802</v>
      </c>
      <c r="BF6" s="270">
        <v>0</v>
      </c>
      <c r="BG6" s="274">
        <v>0</v>
      </c>
      <c r="BH6" s="271">
        <v>0</v>
      </c>
      <c r="BI6" s="273">
        <v>0</v>
      </c>
      <c r="BJ6" s="274">
        <v>2815</v>
      </c>
      <c r="BK6" s="274">
        <v>3942</v>
      </c>
      <c r="BL6" s="274">
        <v>2406</v>
      </c>
      <c r="BM6" s="274">
        <v>1411</v>
      </c>
      <c r="BN6" s="274">
        <v>310</v>
      </c>
      <c r="BO6" s="271">
        <v>10884</v>
      </c>
      <c r="BP6" s="276">
        <v>10884</v>
      </c>
      <c r="BQ6" s="270">
        <v>40</v>
      </c>
      <c r="BR6" s="274">
        <v>154</v>
      </c>
      <c r="BS6" s="271">
        <v>194</v>
      </c>
      <c r="BT6" s="273">
        <v>0</v>
      </c>
      <c r="BU6" s="274">
        <v>1413</v>
      </c>
      <c r="BV6" s="274">
        <v>2177</v>
      </c>
      <c r="BW6" s="274">
        <v>3784</v>
      </c>
      <c r="BX6" s="274">
        <v>2907</v>
      </c>
      <c r="BY6" s="274">
        <v>844</v>
      </c>
      <c r="BZ6" s="271">
        <v>11125</v>
      </c>
      <c r="CA6" s="276">
        <v>11319</v>
      </c>
      <c r="CB6" s="270">
        <v>0</v>
      </c>
      <c r="CC6" s="274">
        <v>3</v>
      </c>
      <c r="CD6" s="271">
        <v>3</v>
      </c>
      <c r="CE6" s="273">
        <v>0</v>
      </c>
      <c r="CF6" s="274">
        <v>149</v>
      </c>
      <c r="CG6" s="274">
        <v>271</v>
      </c>
      <c r="CH6" s="274">
        <v>469</v>
      </c>
      <c r="CI6" s="274">
        <v>340</v>
      </c>
      <c r="CJ6" s="274">
        <v>124</v>
      </c>
      <c r="CK6" s="271">
        <v>1353</v>
      </c>
      <c r="CL6" s="276">
        <v>1356</v>
      </c>
      <c r="CM6" s="270">
        <v>0</v>
      </c>
      <c r="CN6" s="274">
        <v>0</v>
      </c>
      <c r="CO6" s="271">
        <v>0</v>
      </c>
      <c r="CP6" s="273">
        <v>0</v>
      </c>
      <c r="CQ6" s="274">
        <v>0</v>
      </c>
      <c r="CR6" s="274">
        <v>0</v>
      </c>
      <c r="CS6" s="274">
        <v>0</v>
      </c>
      <c r="CT6" s="274">
        <v>0</v>
      </c>
      <c r="CU6" s="274">
        <v>0</v>
      </c>
      <c r="CV6" s="271">
        <v>0</v>
      </c>
      <c r="CW6" s="276">
        <v>0</v>
      </c>
      <c r="CX6" s="270">
        <v>0</v>
      </c>
      <c r="CY6" s="274">
        <v>0</v>
      </c>
      <c r="CZ6" s="271">
        <v>0</v>
      </c>
      <c r="DA6" s="273">
        <v>0</v>
      </c>
      <c r="DB6" s="274">
        <v>0</v>
      </c>
      <c r="DC6" s="274">
        <v>0</v>
      </c>
      <c r="DD6" s="274">
        <v>0</v>
      </c>
      <c r="DE6" s="274">
        <v>0</v>
      </c>
      <c r="DF6" s="274">
        <v>0</v>
      </c>
      <c r="DG6" s="271">
        <v>0</v>
      </c>
      <c r="DH6" s="276">
        <v>0</v>
      </c>
    </row>
    <row r="7" spans="2:112" ht="18.75" customHeight="1" x14ac:dyDescent="0.2">
      <c r="B7" s="262" t="s">
        <v>5</v>
      </c>
      <c r="C7" s="277">
        <v>0</v>
      </c>
      <c r="D7" s="281">
        <v>0</v>
      </c>
      <c r="E7" s="385">
        <v>0</v>
      </c>
      <c r="F7" s="280">
        <v>0</v>
      </c>
      <c r="G7" s="281">
        <v>5335</v>
      </c>
      <c r="H7" s="281">
        <v>8635</v>
      </c>
      <c r="I7" s="281">
        <v>8338</v>
      </c>
      <c r="J7" s="281">
        <v>8756</v>
      </c>
      <c r="K7" s="281">
        <v>7428</v>
      </c>
      <c r="L7" s="282">
        <v>38492</v>
      </c>
      <c r="M7" s="283">
        <v>38492</v>
      </c>
      <c r="N7" s="277">
        <v>0</v>
      </c>
      <c r="O7" s="281">
        <v>6</v>
      </c>
      <c r="P7" s="278">
        <v>6</v>
      </c>
      <c r="Q7" s="280">
        <v>0</v>
      </c>
      <c r="R7" s="281">
        <v>6</v>
      </c>
      <c r="S7" s="281">
        <v>73</v>
      </c>
      <c r="T7" s="281">
        <v>96</v>
      </c>
      <c r="U7" s="281">
        <v>221</v>
      </c>
      <c r="V7" s="281">
        <v>510</v>
      </c>
      <c r="W7" s="278">
        <v>906</v>
      </c>
      <c r="X7" s="283">
        <v>912</v>
      </c>
      <c r="Y7" s="277">
        <v>461</v>
      </c>
      <c r="Z7" s="281">
        <v>1341</v>
      </c>
      <c r="AA7" s="278">
        <v>1802</v>
      </c>
      <c r="AB7" s="280">
        <v>0</v>
      </c>
      <c r="AC7" s="281">
        <v>3250</v>
      </c>
      <c r="AD7" s="281">
        <v>6324</v>
      </c>
      <c r="AE7" s="281">
        <v>4134</v>
      </c>
      <c r="AF7" s="281">
        <v>3355</v>
      </c>
      <c r="AG7" s="281">
        <v>2229</v>
      </c>
      <c r="AH7" s="278">
        <v>19292</v>
      </c>
      <c r="AI7" s="283">
        <v>21094</v>
      </c>
      <c r="AJ7" s="277">
        <v>79</v>
      </c>
      <c r="AK7" s="281">
        <v>347</v>
      </c>
      <c r="AL7" s="278">
        <v>426</v>
      </c>
      <c r="AM7" s="280">
        <v>0</v>
      </c>
      <c r="AN7" s="281">
        <v>159</v>
      </c>
      <c r="AO7" s="281">
        <v>650</v>
      </c>
      <c r="AP7" s="281">
        <v>402</v>
      </c>
      <c r="AQ7" s="281">
        <v>412</v>
      </c>
      <c r="AR7" s="281">
        <v>187</v>
      </c>
      <c r="AS7" s="278">
        <v>1810</v>
      </c>
      <c r="AT7" s="283">
        <v>2236</v>
      </c>
      <c r="AU7" s="277">
        <v>0</v>
      </c>
      <c r="AV7" s="281">
        <v>0</v>
      </c>
      <c r="AW7" s="278">
        <v>0</v>
      </c>
      <c r="AX7" s="280">
        <v>0</v>
      </c>
      <c r="AY7" s="281">
        <v>4647</v>
      </c>
      <c r="AZ7" s="281">
        <v>5301</v>
      </c>
      <c r="BA7" s="281">
        <v>3140</v>
      </c>
      <c r="BB7" s="281">
        <v>1402</v>
      </c>
      <c r="BC7" s="281">
        <v>537</v>
      </c>
      <c r="BD7" s="282">
        <v>15027</v>
      </c>
      <c r="BE7" s="283">
        <v>15027</v>
      </c>
      <c r="BF7" s="277">
        <v>0</v>
      </c>
      <c r="BG7" s="281">
        <v>0</v>
      </c>
      <c r="BH7" s="278">
        <v>0</v>
      </c>
      <c r="BI7" s="280">
        <v>0</v>
      </c>
      <c r="BJ7" s="281">
        <v>979</v>
      </c>
      <c r="BK7" s="281">
        <v>1740</v>
      </c>
      <c r="BL7" s="281">
        <v>1143</v>
      </c>
      <c r="BM7" s="281">
        <v>567</v>
      </c>
      <c r="BN7" s="281">
        <v>145</v>
      </c>
      <c r="BO7" s="278">
        <v>4574</v>
      </c>
      <c r="BP7" s="283">
        <v>4574</v>
      </c>
      <c r="BQ7" s="277">
        <v>16</v>
      </c>
      <c r="BR7" s="281">
        <v>111</v>
      </c>
      <c r="BS7" s="278">
        <v>127</v>
      </c>
      <c r="BT7" s="280">
        <v>0</v>
      </c>
      <c r="BU7" s="281">
        <v>517</v>
      </c>
      <c r="BV7" s="281">
        <v>838</v>
      </c>
      <c r="BW7" s="281">
        <v>1648</v>
      </c>
      <c r="BX7" s="281">
        <v>1454</v>
      </c>
      <c r="BY7" s="281">
        <v>324</v>
      </c>
      <c r="BZ7" s="278">
        <v>4781</v>
      </c>
      <c r="CA7" s="283">
        <v>4908</v>
      </c>
      <c r="CB7" s="277">
        <v>0</v>
      </c>
      <c r="CC7" s="281">
        <v>3</v>
      </c>
      <c r="CD7" s="278">
        <v>3</v>
      </c>
      <c r="CE7" s="280">
        <v>0</v>
      </c>
      <c r="CF7" s="281">
        <v>60</v>
      </c>
      <c r="CG7" s="281">
        <v>124</v>
      </c>
      <c r="CH7" s="281">
        <v>298</v>
      </c>
      <c r="CI7" s="281">
        <v>199</v>
      </c>
      <c r="CJ7" s="281">
        <v>64</v>
      </c>
      <c r="CK7" s="278">
        <v>745</v>
      </c>
      <c r="CL7" s="283">
        <v>748</v>
      </c>
      <c r="CM7" s="277">
        <v>0</v>
      </c>
      <c r="CN7" s="281">
        <v>0</v>
      </c>
      <c r="CO7" s="278">
        <v>0</v>
      </c>
      <c r="CP7" s="280">
        <v>0</v>
      </c>
      <c r="CQ7" s="281">
        <v>0</v>
      </c>
      <c r="CR7" s="281">
        <v>0</v>
      </c>
      <c r="CS7" s="281">
        <v>0</v>
      </c>
      <c r="CT7" s="281">
        <v>0</v>
      </c>
      <c r="CU7" s="281">
        <v>0</v>
      </c>
      <c r="CV7" s="278">
        <v>0</v>
      </c>
      <c r="CW7" s="283">
        <v>0</v>
      </c>
      <c r="CX7" s="277">
        <v>0</v>
      </c>
      <c r="CY7" s="281">
        <v>0</v>
      </c>
      <c r="CZ7" s="278">
        <v>0</v>
      </c>
      <c r="DA7" s="280">
        <v>0</v>
      </c>
      <c r="DB7" s="281">
        <v>0</v>
      </c>
      <c r="DC7" s="281">
        <v>0</v>
      </c>
      <c r="DD7" s="281">
        <v>0</v>
      </c>
      <c r="DE7" s="281">
        <v>0</v>
      </c>
      <c r="DF7" s="281">
        <v>0</v>
      </c>
      <c r="DG7" s="278">
        <v>0</v>
      </c>
      <c r="DH7" s="283">
        <v>0</v>
      </c>
    </row>
    <row r="8" spans="2:112" ht="18.75" customHeight="1" x14ac:dyDescent="0.2">
      <c r="B8" s="262" t="s">
        <v>6</v>
      </c>
      <c r="C8" s="277">
        <v>0</v>
      </c>
      <c r="D8" s="281">
        <v>0</v>
      </c>
      <c r="E8" s="385">
        <v>0</v>
      </c>
      <c r="F8" s="280">
        <v>0</v>
      </c>
      <c r="G8" s="281">
        <v>1834</v>
      </c>
      <c r="H8" s="281">
        <v>1783</v>
      </c>
      <c r="I8" s="281">
        <v>2661</v>
      </c>
      <c r="J8" s="281">
        <v>3354</v>
      </c>
      <c r="K8" s="281">
        <v>2789</v>
      </c>
      <c r="L8" s="282">
        <v>12421</v>
      </c>
      <c r="M8" s="283">
        <v>12421</v>
      </c>
      <c r="N8" s="277">
        <v>0</v>
      </c>
      <c r="O8" s="281">
        <v>0</v>
      </c>
      <c r="P8" s="278">
        <v>0</v>
      </c>
      <c r="Q8" s="280">
        <v>0</v>
      </c>
      <c r="R8" s="281">
        <v>5</v>
      </c>
      <c r="S8" s="281">
        <v>17</v>
      </c>
      <c r="T8" s="281">
        <v>18</v>
      </c>
      <c r="U8" s="281">
        <v>73</v>
      </c>
      <c r="V8" s="281">
        <v>124</v>
      </c>
      <c r="W8" s="278">
        <v>237</v>
      </c>
      <c r="X8" s="283">
        <v>237</v>
      </c>
      <c r="Y8" s="277">
        <v>113</v>
      </c>
      <c r="Z8" s="281">
        <v>293</v>
      </c>
      <c r="AA8" s="278">
        <v>406</v>
      </c>
      <c r="AB8" s="280">
        <v>0</v>
      </c>
      <c r="AC8" s="281">
        <v>1286</v>
      </c>
      <c r="AD8" s="281">
        <v>1300</v>
      </c>
      <c r="AE8" s="281">
        <v>827</v>
      </c>
      <c r="AF8" s="281">
        <v>1050</v>
      </c>
      <c r="AG8" s="281">
        <v>813</v>
      </c>
      <c r="AH8" s="278">
        <v>5276</v>
      </c>
      <c r="AI8" s="283">
        <v>5682</v>
      </c>
      <c r="AJ8" s="277">
        <v>6</v>
      </c>
      <c r="AK8" s="281">
        <v>12</v>
      </c>
      <c r="AL8" s="278">
        <v>18</v>
      </c>
      <c r="AM8" s="280">
        <v>0</v>
      </c>
      <c r="AN8" s="281">
        <v>97</v>
      </c>
      <c r="AO8" s="281">
        <v>119</v>
      </c>
      <c r="AP8" s="281">
        <v>50</v>
      </c>
      <c r="AQ8" s="281">
        <v>106</v>
      </c>
      <c r="AR8" s="281">
        <v>57</v>
      </c>
      <c r="AS8" s="278">
        <v>429</v>
      </c>
      <c r="AT8" s="283">
        <v>447</v>
      </c>
      <c r="AU8" s="277">
        <v>0</v>
      </c>
      <c r="AV8" s="281">
        <v>0</v>
      </c>
      <c r="AW8" s="278">
        <v>0</v>
      </c>
      <c r="AX8" s="280">
        <v>0</v>
      </c>
      <c r="AY8" s="281">
        <v>1723</v>
      </c>
      <c r="AZ8" s="281">
        <v>1345</v>
      </c>
      <c r="BA8" s="281">
        <v>1093</v>
      </c>
      <c r="BB8" s="281">
        <v>557</v>
      </c>
      <c r="BC8" s="281">
        <v>228</v>
      </c>
      <c r="BD8" s="282">
        <v>4946</v>
      </c>
      <c r="BE8" s="283">
        <v>4946</v>
      </c>
      <c r="BF8" s="277">
        <v>0</v>
      </c>
      <c r="BG8" s="281">
        <v>0</v>
      </c>
      <c r="BH8" s="278">
        <v>0</v>
      </c>
      <c r="BI8" s="280">
        <v>0</v>
      </c>
      <c r="BJ8" s="281">
        <v>313</v>
      </c>
      <c r="BK8" s="281">
        <v>424</v>
      </c>
      <c r="BL8" s="281">
        <v>308</v>
      </c>
      <c r="BM8" s="281">
        <v>171</v>
      </c>
      <c r="BN8" s="281">
        <v>75</v>
      </c>
      <c r="BO8" s="278">
        <v>1291</v>
      </c>
      <c r="BP8" s="283">
        <v>1291</v>
      </c>
      <c r="BQ8" s="277">
        <v>6</v>
      </c>
      <c r="BR8" s="281">
        <v>14</v>
      </c>
      <c r="BS8" s="278">
        <v>20</v>
      </c>
      <c r="BT8" s="280">
        <v>0</v>
      </c>
      <c r="BU8" s="281">
        <v>134</v>
      </c>
      <c r="BV8" s="281">
        <v>214</v>
      </c>
      <c r="BW8" s="281">
        <v>189</v>
      </c>
      <c r="BX8" s="281">
        <v>153</v>
      </c>
      <c r="BY8" s="281">
        <v>97</v>
      </c>
      <c r="BZ8" s="278">
        <v>787</v>
      </c>
      <c r="CA8" s="283">
        <v>807</v>
      </c>
      <c r="CB8" s="277">
        <v>0</v>
      </c>
      <c r="CC8" s="281">
        <v>0</v>
      </c>
      <c r="CD8" s="278">
        <v>0</v>
      </c>
      <c r="CE8" s="280">
        <v>0</v>
      </c>
      <c r="CF8" s="281">
        <v>23</v>
      </c>
      <c r="CG8" s="281">
        <v>43</v>
      </c>
      <c r="CH8" s="281">
        <v>53</v>
      </c>
      <c r="CI8" s="281">
        <v>34</v>
      </c>
      <c r="CJ8" s="281">
        <v>45</v>
      </c>
      <c r="CK8" s="278">
        <v>198</v>
      </c>
      <c r="CL8" s="283">
        <v>198</v>
      </c>
      <c r="CM8" s="277">
        <v>0</v>
      </c>
      <c r="CN8" s="281">
        <v>0</v>
      </c>
      <c r="CO8" s="278">
        <v>0</v>
      </c>
      <c r="CP8" s="280">
        <v>0</v>
      </c>
      <c r="CQ8" s="281">
        <v>0</v>
      </c>
      <c r="CR8" s="281">
        <v>0</v>
      </c>
      <c r="CS8" s="281">
        <v>0</v>
      </c>
      <c r="CT8" s="281">
        <v>0</v>
      </c>
      <c r="CU8" s="281">
        <v>0</v>
      </c>
      <c r="CV8" s="278">
        <v>0</v>
      </c>
      <c r="CW8" s="283">
        <v>0</v>
      </c>
      <c r="CX8" s="277">
        <v>0</v>
      </c>
      <c r="CY8" s="281">
        <v>0</v>
      </c>
      <c r="CZ8" s="278">
        <v>0</v>
      </c>
      <c r="DA8" s="280">
        <v>0</v>
      </c>
      <c r="DB8" s="281">
        <v>0</v>
      </c>
      <c r="DC8" s="281">
        <v>0</v>
      </c>
      <c r="DD8" s="281">
        <v>0</v>
      </c>
      <c r="DE8" s="281">
        <v>0</v>
      </c>
      <c r="DF8" s="281">
        <v>0</v>
      </c>
      <c r="DG8" s="278">
        <v>0</v>
      </c>
      <c r="DH8" s="283">
        <v>0</v>
      </c>
    </row>
    <row r="9" spans="2:112" ht="18.75" customHeight="1" x14ac:dyDescent="0.2">
      <c r="B9" s="262" t="s">
        <v>14</v>
      </c>
      <c r="C9" s="277">
        <v>0</v>
      </c>
      <c r="D9" s="281">
        <v>0</v>
      </c>
      <c r="E9" s="385">
        <v>0</v>
      </c>
      <c r="F9" s="280">
        <v>0</v>
      </c>
      <c r="G9" s="281">
        <v>986</v>
      </c>
      <c r="H9" s="281">
        <v>1708</v>
      </c>
      <c r="I9" s="281">
        <v>1202</v>
      </c>
      <c r="J9" s="281">
        <v>624</v>
      </c>
      <c r="K9" s="281">
        <v>1252</v>
      </c>
      <c r="L9" s="282">
        <v>5772</v>
      </c>
      <c r="M9" s="283">
        <v>5772</v>
      </c>
      <c r="N9" s="277">
        <v>0</v>
      </c>
      <c r="O9" s="281">
        <v>0</v>
      </c>
      <c r="P9" s="278">
        <v>0</v>
      </c>
      <c r="Q9" s="280">
        <v>0</v>
      </c>
      <c r="R9" s="281">
        <v>0</v>
      </c>
      <c r="S9" s="281">
        <v>3</v>
      </c>
      <c r="T9" s="281">
        <v>11</v>
      </c>
      <c r="U9" s="281">
        <v>19</v>
      </c>
      <c r="V9" s="281">
        <v>63</v>
      </c>
      <c r="W9" s="278">
        <v>96</v>
      </c>
      <c r="X9" s="283">
        <v>96</v>
      </c>
      <c r="Y9" s="277">
        <v>27</v>
      </c>
      <c r="Z9" s="281">
        <v>178</v>
      </c>
      <c r="AA9" s="278">
        <v>205</v>
      </c>
      <c r="AB9" s="280">
        <v>0</v>
      </c>
      <c r="AC9" s="281">
        <v>489</v>
      </c>
      <c r="AD9" s="281">
        <v>733</v>
      </c>
      <c r="AE9" s="281">
        <v>602</v>
      </c>
      <c r="AF9" s="281">
        <v>378</v>
      </c>
      <c r="AG9" s="281">
        <v>509</v>
      </c>
      <c r="AH9" s="278">
        <v>2711</v>
      </c>
      <c r="AI9" s="283">
        <v>2916</v>
      </c>
      <c r="AJ9" s="277">
        <v>6</v>
      </c>
      <c r="AK9" s="281">
        <v>41</v>
      </c>
      <c r="AL9" s="278">
        <v>47</v>
      </c>
      <c r="AM9" s="280">
        <v>0</v>
      </c>
      <c r="AN9" s="281">
        <v>0</v>
      </c>
      <c r="AO9" s="281">
        <v>8</v>
      </c>
      <c r="AP9" s="281">
        <v>16</v>
      </c>
      <c r="AQ9" s="281">
        <v>43</v>
      </c>
      <c r="AR9" s="281">
        <v>0</v>
      </c>
      <c r="AS9" s="278">
        <v>67</v>
      </c>
      <c r="AT9" s="283">
        <v>114</v>
      </c>
      <c r="AU9" s="277">
        <v>0</v>
      </c>
      <c r="AV9" s="281">
        <v>0</v>
      </c>
      <c r="AW9" s="278">
        <v>0</v>
      </c>
      <c r="AX9" s="280">
        <v>0</v>
      </c>
      <c r="AY9" s="281">
        <v>1029</v>
      </c>
      <c r="AZ9" s="281">
        <v>997</v>
      </c>
      <c r="BA9" s="281">
        <v>789</v>
      </c>
      <c r="BB9" s="281">
        <v>411</v>
      </c>
      <c r="BC9" s="281">
        <v>90</v>
      </c>
      <c r="BD9" s="282">
        <v>3316</v>
      </c>
      <c r="BE9" s="283">
        <v>3316</v>
      </c>
      <c r="BF9" s="277">
        <v>0</v>
      </c>
      <c r="BG9" s="281">
        <v>0</v>
      </c>
      <c r="BH9" s="278">
        <v>0</v>
      </c>
      <c r="BI9" s="280">
        <v>0</v>
      </c>
      <c r="BJ9" s="281">
        <v>66</v>
      </c>
      <c r="BK9" s="281">
        <v>204</v>
      </c>
      <c r="BL9" s="281">
        <v>190</v>
      </c>
      <c r="BM9" s="281">
        <v>82</v>
      </c>
      <c r="BN9" s="281">
        <v>20</v>
      </c>
      <c r="BO9" s="278">
        <v>562</v>
      </c>
      <c r="BP9" s="283">
        <v>562</v>
      </c>
      <c r="BQ9" s="277">
        <v>0</v>
      </c>
      <c r="BR9" s="281">
        <v>0</v>
      </c>
      <c r="BS9" s="278">
        <v>0</v>
      </c>
      <c r="BT9" s="280">
        <v>0</v>
      </c>
      <c r="BU9" s="281">
        <v>106</v>
      </c>
      <c r="BV9" s="281">
        <v>187</v>
      </c>
      <c r="BW9" s="281">
        <v>240</v>
      </c>
      <c r="BX9" s="281">
        <v>226</v>
      </c>
      <c r="BY9" s="281">
        <v>73</v>
      </c>
      <c r="BZ9" s="278">
        <v>832</v>
      </c>
      <c r="CA9" s="283">
        <v>832</v>
      </c>
      <c r="CB9" s="277">
        <v>0</v>
      </c>
      <c r="CC9" s="281">
        <v>0</v>
      </c>
      <c r="CD9" s="278">
        <v>0</v>
      </c>
      <c r="CE9" s="280">
        <v>0</v>
      </c>
      <c r="CF9" s="281">
        <v>14</v>
      </c>
      <c r="CG9" s="281">
        <v>0</v>
      </c>
      <c r="CH9" s="281">
        <v>12</v>
      </c>
      <c r="CI9" s="281">
        <v>3</v>
      </c>
      <c r="CJ9" s="281">
        <v>5</v>
      </c>
      <c r="CK9" s="278">
        <v>34</v>
      </c>
      <c r="CL9" s="283">
        <v>34</v>
      </c>
      <c r="CM9" s="277">
        <v>0</v>
      </c>
      <c r="CN9" s="281">
        <v>0</v>
      </c>
      <c r="CO9" s="278">
        <v>0</v>
      </c>
      <c r="CP9" s="280">
        <v>0</v>
      </c>
      <c r="CQ9" s="281">
        <v>0</v>
      </c>
      <c r="CR9" s="281">
        <v>0</v>
      </c>
      <c r="CS9" s="281">
        <v>0</v>
      </c>
      <c r="CT9" s="281">
        <v>0</v>
      </c>
      <c r="CU9" s="281">
        <v>0</v>
      </c>
      <c r="CV9" s="278">
        <v>0</v>
      </c>
      <c r="CW9" s="283">
        <v>0</v>
      </c>
      <c r="CX9" s="277">
        <v>0</v>
      </c>
      <c r="CY9" s="281">
        <v>0</v>
      </c>
      <c r="CZ9" s="278">
        <v>0</v>
      </c>
      <c r="DA9" s="280">
        <v>0</v>
      </c>
      <c r="DB9" s="281">
        <v>0</v>
      </c>
      <c r="DC9" s="281">
        <v>0</v>
      </c>
      <c r="DD9" s="281">
        <v>0</v>
      </c>
      <c r="DE9" s="281">
        <v>0</v>
      </c>
      <c r="DF9" s="281">
        <v>0</v>
      </c>
      <c r="DG9" s="278">
        <v>0</v>
      </c>
      <c r="DH9" s="283">
        <v>0</v>
      </c>
    </row>
    <row r="10" spans="2:112" ht="18.75" customHeight="1" x14ac:dyDescent="0.2">
      <c r="B10" s="262" t="s">
        <v>7</v>
      </c>
      <c r="C10" s="277">
        <v>0</v>
      </c>
      <c r="D10" s="281">
        <v>0</v>
      </c>
      <c r="E10" s="385">
        <v>0</v>
      </c>
      <c r="F10" s="280">
        <v>0</v>
      </c>
      <c r="G10" s="281">
        <v>1561</v>
      </c>
      <c r="H10" s="281">
        <v>1612</v>
      </c>
      <c r="I10" s="281">
        <v>1974</v>
      </c>
      <c r="J10" s="281">
        <v>1840</v>
      </c>
      <c r="K10" s="281">
        <v>1148</v>
      </c>
      <c r="L10" s="282">
        <v>8135</v>
      </c>
      <c r="M10" s="283">
        <v>8135</v>
      </c>
      <c r="N10" s="277">
        <v>0</v>
      </c>
      <c r="O10" s="281">
        <v>0</v>
      </c>
      <c r="P10" s="278">
        <v>0</v>
      </c>
      <c r="Q10" s="280">
        <v>0</v>
      </c>
      <c r="R10" s="281">
        <v>9</v>
      </c>
      <c r="S10" s="281">
        <v>13</v>
      </c>
      <c r="T10" s="281">
        <v>49</v>
      </c>
      <c r="U10" s="281">
        <v>63</v>
      </c>
      <c r="V10" s="281">
        <v>66</v>
      </c>
      <c r="W10" s="278">
        <v>200</v>
      </c>
      <c r="X10" s="283">
        <v>200</v>
      </c>
      <c r="Y10" s="277">
        <v>27</v>
      </c>
      <c r="Z10" s="281">
        <v>30</v>
      </c>
      <c r="AA10" s="278">
        <v>57</v>
      </c>
      <c r="AB10" s="280">
        <v>0</v>
      </c>
      <c r="AC10" s="281">
        <v>363</v>
      </c>
      <c r="AD10" s="281">
        <v>367</v>
      </c>
      <c r="AE10" s="281">
        <v>359</v>
      </c>
      <c r="AF10" s="281">
        <v>217</v>
      </c>
      <c r="AG10" s="281">
        <v>158</v>
      </c>
      <c r="AH10" s="278">
        <v>1464</v>
      </c>
      <c r="AI10" s="283">
        <v>1521</v>
      </c>
      <c r="AJ10" s="277">
        <v>0</v>
      </c>
      <c r="AK10" s="281">
        <v>39</v>
      </c>
      <c r="AL10" s="278">
        <v>39</v>
      </c>
      <c r="AM10" s="280">
        <v>0</v>
      </c>
      <c r="AN10" s="281">
        <v>18</v>
      </c>
      <c r="AO10" s="281">
        <v>8</v>
      </c>
      <c r="AP10" s="281">
        <v>67</v>
      </c>
      <c r="AQ10" s="281">
        <v>129</v>
      </c>
      <c r="AR10" s="281">
        <v>0</v>
      </c>
      <c r="AS10" s="278">
        <v>222</v>
      </c>
      <c r="AT10" s="283">
        <v>261</v>
      </c>
      <c r="AU10" s="277">
        <v>0</v>
      </c>
      <c r="AV10" s="281">
        <v>0</v>
      </c>
      <c r="AW10" s="278">
        <v>0</v>
      </c>
      <c r="AX10" s="280">
        <v>0</v>
      </c>
      <c r="AY10" s="281">
        <v>1051</v>
      </c>
      <c r="AZ10" s="281">
        <v>842</v>
      </c>
      <c r="BA10" s="281">
        <v>471</v>
      </c>
      <c r="BB10" s="281">
        <v>191</v>
      </c>
      <c r="BC10" s="281">
        <v>41</v>
      </c>
      <c r="BD10" s="282">
        <v>2596</v>
      </c>
      <c r="BE10" s="283">
        <v>2596</v>
      </c>
      <c r="BF10" s="277">
        <v>0</v>
      </c>
      <c r="BG10" s="281">
        <v>0</v>
      </c>
      <c r="BH10" s="278">
        <v>0</v>
      </c>
      <c r="BI10" s="280">
        <v>0</v>
      </c>
      <c r="BJ10" s="281">
        <v>211</v>
      </c>
      <c r="BK10" s="281">
        <v>155</v>
      </c>
      <c r="BL10" s="281">
        <v>109</v>
      </c>
      <c r="BM10" s="281">
        <v>39</v>
      </c>
      <c r="BN10" s="281">
        <v>7</v>
      </c>
      <c r="BO10" s="278">
        <v>521</v>
      </c>
      <c r="BP10" s="283">
        <v>521</v>
      </c>
      <c r="BQ10" s="277">
        <v>0</v>
      </c>
      <c r="BR10" s="281">
        <v>0</v>
      </c>
      <c r="BS10" s="278">
        <v>0</v>
      </c>
      <c r="BT10" s="280">
        <v>0</v>
      </c>
      <c r="BU10" s="281">
        <v>172</v>
      </c>
      <c r="BV10" s="281">
        <v>204</v>
      </c>
      <c r="BW10" s="281">
        <v>147</v>
      </c>
      <c r="BX10" s="281">
        <v>121</v>
      </c>
      <c r="BY10" s="281">
        <v>50</v>
      </c>
      <c r="BZ10" s="278">
        <v>694</v>
      </c>
      <c r="CA10" s="283">
        <v>694</v>
      </c>
      <c r="CB10" s="277">
        <v>0</v>
      </c>
      <c r="CC10" s="281">
        <v>0</v>
      </c>
      <c r="CD10" s="278">
        <v>0</v>
      </c>
      <c r="CE10" s="280">
        <v>0</v>
      </c>
      <c r="CF10" s="281">
        <v>16</v>
      </c>
      <c r="CG10" s="281">
        <v>0</v>
      </c>
      <c r="CH10" s="281">
        <v>0</v>
      </c>
      <c r="CI10" s="281">
        <v>6</v>
      </c>
      <c r="CJ10" s="281">
        <v>0</v>
      </c>
      <c r="CK10" s="278">
        <v>22</v>
      </c>
      <c r="CL10" s="283">
        <v>22</v>
      </c>
      <c r="CM10" s="277">
        <v>0</v>
      </c>
      <c r="CN10" s="281">
        <v>0</v>
      </c>
      <c r="CO10" s="278">
        <v>0</v>
      </c>
      <c r="CP10" s="280">
        <v>0</v>
      </c>
      <c r="CQ10" s="281">
        <v>0</v>
      </c>
      <c r="CR10" s="281">
        <v>0</v>
      </c>
      <c r="CS10" s="281">
        <v>0</v>
      </c>
      <c r="CT10" s="281">
        <v>0</v>
      </c>
      <c r="CU10" s="281">
        <v>0</v>
      </c>
      <c r="CV10" s="278">
        <v>0</v>
      </c>
      <c r="CW10" s="283">
        <v>0</v>
      </c>
      <c r="CX10" s="277">
        <v>0</v>
      </c>
      <c r="CY10" s="281">
        <v>0</v>
      </c>
      <c r="CZ10" s="278">
        <v>0</v>
      </c>
      <c r="DA10" s="280">
        <v>0</v>
      </c>
      <c r="DB10" s="281">
        <v>0</v>
      </c>
      <c r="DC10" s="281">
        <v>0</v>
      </c>
      <c r="DD10" s="281">
        <v>0</v>
      </c>
      <c r="DE10" s="281">
        <v>0</v>
      </c>
      <c r="DF10" s="281">
        <v>0</v>
      </c>
      <c r="DG10" s="278">
        <v>0</v>
      </c>
      <c r="DH10" s="283">
        <v>0</v>
      </c>
    </row>
    <row r="11" spans="2:112" ht="18.75" customHeight="1" x14ac:dyDescent="0.2">
      <c r="B11" s="262" t="s">
        <v>8</v>
      </c>
      <c r="C11" s="277">
        <v>0</v>
      </c>
      <c r="D11" s="281">
        <v>0</v>
      </c>
      <c r="E11" s="385">
        <v>0</v>
      </c>
      <c r="F11" s="280">
        <v>0</v>
      </c>
      <c r="G11" s="281">
        <v>389</v>
      </c>
      <c r="H11" s="281">
        <v>612</v>
      </c>
      <c r="I11" s="281">
        <v>793</v>
      </c>
      <c r="J11" s="281">
        <v>234</v>
      </c>
      <c r="K11" s="281">
        <v>815</v>
      </c>
      <c r="L11" s="282">
        <v>2843</v>
      </c>
      <c r="M11" s="283">
        <v>2843</v>
      </c>
      <c r="N11" s="277">
        <v>0</v>
      </c>
      <c r="O11" s="281">
        <v>0</v>
      </c>
      <c r="P11" s="278">
        <v>0</v>
      </c>
      <c r="Q11" s="280">
        <v>0</v>
      </c>
      <c r="R11" s="281">
        <v>0</v>
      </c>
      <c r="S11" s="281">
        <v>5</v>
      </c>
      <c r="T11" s="281">
        <v>13</v>
      </c>
      <c r="U11" s="281">
        <v>20</v>
      </c>
      <c r="V11" s="281">
        <v>26</v>
      </c>
      <c r="W11" s="278">
        <v>64</v>
      </c>
      <c r="X11" s="283">
        <v>64</v>
      </c>
      <c r="Y11" s="277">
        <v>15</v>
      </c>
      <c r="Z11" s="281">
        <v>31</v>
      </c>
      <c r="AA11" s="278">
        <v>46</v>
      </c>
      <c r="AB11" s="280">
        <v>0</v>
      </c>
      <c r="AC11" s="281">
        <v>117</v>
      </c>
      <c r="AD11" s="281">
        <v>130</v>
      </c>
      <c r="AE11" s="281">
        <v>197</v>
      </c>
      <c r="AF11" s="281">
        <v>95</v>
      </c>
      <c r="AG11" s="281">
        <v>40</v>
      </c>
      <c r="AH11" s="278">
        <v>579</v>
      </c>
      <c r="AI11" s="283">
        <v>625</v>
      </c>
      <c r="AJ11" s="277">
        <v>0</v>
      </c>
      <c r="AK11" s="281">
        <v>8</v>
      </c>
      <c r="AL11" s="278">
        <v>8</v>
      </c>
      <c r="AM11" s="280">
        <v>0</v>
      </c>
      <c r="AN11" s="281">
        <v>24</v>
      </c>
      <c r="AO11" s="281">
        <v>31</v>
      </c>
      <c r="AP11" s="281">
        <v>59</v>
      </c>
      <c r="AQ11" s="281">
        <v>12</v>
      </c>
      <c r="AR11" s="281">
        <v>8</v>
      </c>
      <c r="AS11" s="278">
        <v>134</v>
      </c>
      <c r="AT11" s="283">
        <v>142</v>
      </c>
      <c r="AU11" s="277">
        <v>0</v>
      </c>
      <c r="AV11" s="281">
        <v>0</v>
      </c>
      <c r="AW11" s="278">
        <v>0</v>
      </c>
      <c r="AX11" s="280">
        <v>0</v>
      </c>
      <c r="AY11" s="281">
        <v>309</v>
      </c>
      <c r="AZ11" s="281">
        <v>405</v>
      </c>
      <c r="BA11" s="281">
        <v>245</v>
      </c>
      <c r="BB11" s="281">
        <v>119</v>
      </c>
      <c r="BC11" s="281">
        <v>38</v>
      </c>
      <c r="BD11" s="282">
        <v>1116</v>
      </c>
      <c r="BE11" s="283">
        <v>1116</v>
      </c>
      <c r="BF11" s="277">
        <v>0</v>
      </c>
      <c r="BG11" s="281">
        <v>0</v>
      </c>
      <c r="BH11" s="278">
        <v>0</v>
      </c>
      <c r="BI11" s="280">
        <v>0</v>
      </c>
      <c r="BJ11" s="281">
        <v>73</v>
      </c>
      <c r="BK11" s="281">
        <v>58</v>
      </c>
      <c r="BL11" s="281">
        <v>51</v>
      </c>
      <c r="BM11" s="281">
        <v>42</v>
      </c>
      <c r="BN11" s="281">
        <v>0</v>
      </c>
      <c r="BO11" s="278">
        <v>224</v>
      </c>
      <c r="BP11" s="283">
        <v>224</v>
      </c>
      <c r="BQ11" s="277">
        <v>0</v>
      </c>
      <c r="BR11" s="281">
        <v>14</v>
      </c>
      <c r="BS11" s="278">
        <v>14</v>
      </c>
      <c r="BT11" s="280">
        <v>0</v>
      </c>
      <c r="BU11" s="281">
        <v>24</v>
      </c>
      <c r="BV11" s="281">
        <v>71</v>
      </c>
      <c r="BW11" s="281">
        <v>106</v>
      </c>
      <c r="BX11" s="281">
        <v>21</v>
      </c>
      <c r="BY11" s="281">
        <v>8</v>
      </c>
      <c r="BZ11" s="278">
        <v>230</v>
      </c>
      <c r="CA11" s="283">
        <v>244</v>
      </c>
      <c r="CB11" s="277">
        <v>0</v>
      </c>
      <c r="CC11" s="281">
        <v>0</v>
      </c>
      <c r="CD11" s="278">
        <v>0</v>
      </c>
      <c r="CE11" s="280">
        <v>0</v>
      </c>
      <c r="CF11" s="281">
        <v>0</v>
      </c>
      <c r="CG11" s="281">
        <v>4</v>
      </c>
      <c r="CH11" s="281">
        <v>11</v>
      </c>
      <c r="CI11" s="281">
        <v>0</v>
      </c>
      <c r="CJ11" s="281">
        <v>0</v>
      </c>
      <c r="CK11" s="278">
        <v>15</v>
      </c>
      <c r="CL11" s="283">
        <v>15</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row>
    <row r="12" spans="2:112" ht="18.75" customHeight="1" x14ac:dyDescent="0.2">
      <c r="B12" s="262" t="s">
        <v>9</v>
      </c>
      <c r="C12" s="277">
        <v>0</v>
      </c>
      <c r="D12" s="281">
        <v>0</v>
      </c>
      <c r="E12" s="385">
        <v>0</v>
      </c>
      <c r="F12" s="280">
        <v>0</v>
      </c>
      <c r="G12" s="281">
        <v>571</v>
      </c>
      <c r="H12" s="281">
        <v>704</v>
      </c>
      <c r="I12" s="281">
        <v>673</v>
      </c>
      <c r="J12" s="281">
        <v>1440</v>
      </c>
      <c r="K12" s="281">
        <v>862</v>
      </c>
      <c r="L12" s="282">
        <v>4250</v>
      </c>
      <c r="M12" s="283">
        <v>4250</v>
      </c>
      <c r="N12" s="277">
        <v>0</v>
      </c>
      <c r="O12" s="281">
        <v>0</v>
      </c>
      <c r="P12" s="278">
        <v>0</v>
      </c>
      <c r="Q12" s="280">
        <v>0</v>
      </c>
      <c r="R12" s="281">
        <v>0</v>
      </c>
      <c r="S12" s="281">
        <v>0</v>
      </c>
      <c r="T12" s="281">
        <v>13</v>
      </c>
      <c r="U12" s="281">
        <v>0</v>
      </c>
      <c r="V12" s="281">
        <v>36</v>
      </c>
      <c r="W12" s="278">
        <v>49</v>
      </c>
      <c r="X12" s="283">
        <v>49</v>
      </c>
      <c r="Y12" s="277">
        <v>2</v>
      </c>
      <c r="Z12" s="281">
        <v>23</v>
      </c>
      <c r="AA12" s="278">
        <v>25</v>
      </c>
      <c r="AB12" s="280">
        <v>0</v>
      </c>
      <c r="AC12" s="281">
        <v>382</v>
      </c>
      <c r="AD12" s="281">
        <v>268</v>
      </c>
      <c r="AE12" s="281">
        <v>203</v>
      </c>
      <c r="AF12" s="281">
        <v>190</v>
      </c>
      <c r="AG12" s="281">
        <v>224</v>
      </c>
      <c r="AH12" s="278">
        <v>1267</v>
      </c>
      <c r="AI12" s="283">
        <v>1292</v>
      </c>
      <c r="AJ12" s="277">
        <v>6</v>
      </c>
      <c r="AK12" s="281">
        <v>0</v>
      </c>
      <c r="AL12" s="278">
        <v>6</v>
      </c>
      <c r="AM12" s="280">
        <v>0</v>
      </c>
      <c r="AN12" s="281">
        <v>22</v>
      </c>
      <c r="AO12" s="281">
        <v>62</v>
      </c>
      <c r="AP12" s="281">
        <v>34</v>
      </c>
      <c r="AQ12" s="281">
        <v>68</v>
      </c>
      <c r="AR12" s="281">
        <v>9</v>
      </c>
      <c r="AS12" s="278">
        <v>195</v>
      </c>
      <c r="AT12" s="283">
        <v>201</v>
      </c>
      <c r="AU12" s="277">
        <v>0</v>
      </c>
      <c r="AV12" s="281">
        <v>0</v>
      </c>
      <c r="AW12" s="278">
        <v>0</v>
      </c>
      <c r="AX12" s="280">
        <v>0</v>
      </c>
      <c r="AY12" s="281">
        <v>368</v>
      </c>
      <c r="AZ12" s="281">
        <v>296</v>
      </c>
      <c r="BA12" s="281">
        <v>324</v>
      </c>
      <c r="BB12" s="281">
        <v>123</v>
      </c>
      <c r="BC12" s="281">
        <v>89</v>
      </c>
      <c r="BD12" s="282">
        <v>1200</v>
      </c>
      <c r="BE12" s="283">
        <v>1200</v>
      </c>
      <c r="BF12" s="277">
        <v>0</v>
      </c>
      <c r="BG12" s="281">
        <v>0</v>
      </c>
      <c r="BH12" s="278">
        <v>0</v>
      </c>
      <c r="BI12" s="280">
        <v>0</v>
      </c>
      <c r="BJ12" s="281">
        <v>138</v>
      </c>
      <c r="BK12" s="281">
        <v>121</v>
      </c>
      <c r="BL12" s="281">
        <v>75</v>
      </c>
      <c r="BM12" s="281">
        <v>73</v>
      </c>
      <c r="BN12" s="281">
        <v>4</v>
      </c>
      <c r="BO12" s="278">
        <v>411</v>
      </c>
      <c r="BP12" s="283">
        <v>411</v>
      </c>
      <c r="BQ12" s="277">
        <v>0</v>
      </c>
      <c r="BR12" s="281">
        <v>0</v>
      </c>
      <c r="BS12" s="278">
        <v>0</v>
      </c>
      <c r="BT12" s="280">
        <v>0</v>
      </c>
      <c r="BU12" s="281">
        <v>40</v>
      </c>
      <c r="BV12" s="281">
        <v>84</v>
      </c>
      <c r="BW12" s="281">
        <v>103</v>
      </c>
      <c r="BX12" s="281">
        <v>66</v>
      </c>
      <c r="BY12" s="281">
        <v>64</v>
      </c>
      <c r="BZ12" s="278">
        <v>357</v>
      </c>
      <c r="CA12" s="283">
        <v>357</v>
      </c>
      <c r="CB12" s="277">
        <v>0</v>
      </c>
      <c r="CC12" s="281">
        <v>0</v>
      </c>
      <c r="CD12" s="278">
        <v>0</v>
      </c>
      <c r="CE12" s="280">
        <v>0</v>
      </c>
      <c r="CF12" s="281">
        <v>4</v>
      </c>
      <c r="CG12" s="281">
        <v>15</v>
      </c>
      <c r="CH12" s="281">
        <v>27</v>
      </c>
      <c r="CI12" s="281">
        <v>25</v>
      </c>
      <c r="CJ12" s="281">
        <v>0</v>
      </c>
      <c r="CK12" s="278">
        <v>71</v>
      </c>
      <c r="CL12" s="283">
        <v>71</v>
      </c>
      <c r="CM12" s="277">
        <v>0</v>
      </c>
      <c r="CN12" s="281">
        <v>0</v>
      </c>
      <c r="CO12" s="278">
        <v>0</v>
      </c>
      <c r="CP12" s="280">
        <v>0</v>
      </c>
      <c r="CQ12" s="281">
        <v>0</v>
      </c>
      <c r="CR12" s="281">
        <v>0</v>
      </c>
      <c r="CS12" s="281">
        <v>0</v>
      </c>
      <c r="CT12" s="281">
        <v>0</v>
      </c>
      <c r="CU12" s="281">
        <v>0</v>
      </c>
      <c r="CV12" s="278">
        <v>0</v>
      </c>
      <c r="CW12" s="283">
        <v>0</v>
      </c>
      <c r="CX12" s="277">
        <v>0</v>
      </c>
      <c r="CY12" s="281">
        <v>0</v>
      </c>
      <c r="CZ12" s="278">
        <v>0</v>
      </c>
      <c r="DA12" s="280">
        <v>0</v>
      </c>
      <c r="DB12" s="281">
        <v>0</v>
      </c>
      <c r="DC12" s="281">
        <v>0</v>
      </c>
      <c r="DD12" s="281">
        <v>0</v>
      </c>
      <c r="DE12" s="281">
        <v>0</v>
      </c>
      <c r="DF12" s="281">
        <v>0</v>
      </c>
      <c r="DG12" s="278">
        <v>0</v>
      </c>
      <c r="DH12" s="283">
        <v>0</v>
      </c>
    </row>
    <row r="13" spans="2:112" ht="18.75" customHeight="1" x14ac:dyDescent="0.2">
      <c r="B13" s="262" t="s">
        <v>10</v>
      </c>
      <c r="C13" s="277">
        <v>0</v>
      </c>
      <c r="D13" s="281">
        <v>0</v>
      </c>
      <c r="E13" s="385">
        <v>0</v>
      </c>
      <c r="F13" s="280">
        <v>0</v>
      </c>
      <c r="G13" s="281">
        <v>1174</v>
      </c>
      <c r="H13" s="281">
        <v>1155</v>
      </c>
      <c r="I13" s="281">
        <v>1522</v>
      </c>
      <c r="J13" s="281">
        <v>784</v>
      </c>
      <c r="K13" s="281">
        <v>1258</v>
      </c>
      <c r="L13" s="282">
        <v>5893</v>
      </c>
      <c r="M13" s="283">
        <v>5893</v>
      </c>
      <c r="N13" s="277">
        <v>0</v>
      </c>
      <c r="O13" s="281">
        <v>0</v>
      </c>
      <c r="P13" s="278">
        <v>0</v>
      </c>
      <c r="Q13" s="280">
        <v>0</v>
      </c>
      <c r="R13" s="281">
        <v>0</v>
      </c>
      <c r="S13" s="281">
        <v>5</v>
      </c>
      <c r="T13" s="281">
        <v>14</v>
      </c>
      <c r="U13" s="281">
        <v>65</v>
      </c>
      <c r="V13" s="281">
        <v>64</v>
      </c>
      <c r="W13" s="278">
        <v>148</v>
      </c>
      <c r="X13" s="283">
        <v>148</v>
      </c>
      <c r="Y13" s="277">
        <v>78</v>
      </c>
      <c r="Z13" s="281">
        <v>96</v>
      </c>
      <c r="AA13" s="278">
        <v>174</v>
      </c>
      <c r="AB13" s="280">
        <v>0</v>
      </c>
      <c r="AC13" s="281">
        <v>693</v>
      </c>
      <c r="AD13" s="281">
        <v>401</v>
      </c>
      <c r="AE13" s="281">
        <v>351</v>
      </c>
      <c r="AF13" s="281">
        <v>257</v>
      </c>
      <c r="AG13" s="281">
        <v>220</v>
      </c>
      <c r="AH13" s="278">
        <v>1922</v>
      </c>
      <c r="AI13" s="283">
        <v>2096</v>
      </c>
      <c r="AJ13" s="277">
        <v>12</v>
      </c>
      <c r="AK13" s="281">
        <v>42</v>
      </c>
      <c r="AL13" s="278">
        <v>54</v>
      </c>
      <c r="AM13" s="280">
        <v>0</v>
      </c>
      <c r="AN13" s="281">
        <v>117</v>
      </c>
      <c r="AO13" s="281">
        <v>36</v>
      </c>
      <c r="AP13" s="281">
        <v>17</v>
      </c>
      <c r="AQ13" s="281">
        <v>37</v>
      </c>
      <c r="AR13" s="281">
        <v>45</v>
      </c>
      <c r="AS13" s="278">
        <v>252</v>
      </c>
      <c r="AT13" s="283">
        <v>306</v>
      </c>
      <c r="AU13" s="277">
        <v>0</v>
      </c>
      <c r="AV13" s="281">
        <v>0</v>
      </c>
      <c r="AW13" s="278">
        <v>0</v>
      </c>
      <c r="AX13" s="280">
        <v>0</v>
      </c>
      <c r="AY13" s="281">
        <v>1034</v>
      </c>
      <c r="AZ13" s="281">
        <v>620</v>
      </c>
      <c r="BA13" s="281">
        <v>403</v>
      </c>
      <c r="BB13" s="281">
        <v>197</v>
      </c>
      <c r="BC13" s="281">
        <v>46</v>
      </c>
      <c r="BD13" s="282">
        <v>2300</v>
      </c>
      <c r="BE13" s="283">
        <v>2300</v>
      </c>
      <c r="BF13" s="277">
        <v>0</v>
      </c>
      <c r="BG13" s="281">
        <v>0</v>
      </c>
      <c r="BH13" s="278">
        <v>0</v>
      </c>
      <c r="BI13" s="280">
        <v>0</v>
      </c>
      <c r="BJ13" s="281">
        <v>154</v>
      </c>
      <c r="BK13" s="281">
        <v>65</v>
      </c>
      <c r="BL13" s="281">
        <v>67</v>
      </c>
      <c r="BM13" s="281">
        <v>33</v>
      </c>
      <c r="BN13" s="281">
        <v>7</v>
      </c>
      <c r="BO13" s="278">
        <v>326</v>
      </c>
      <c r="BP13" s="283">
        <v>326</v>
      </c>
      <c r="BQ13" s="277">
        <v>0</v>
      </c>
      <c r="BR13" s="281">
        <v>1</v>
      </c>
      <c r="BS13" s="278">
        <v>1</v>
      </c>
      <c r="BT13" s="280">
        <v>0</v>
      </c>
      <c r="BU13" s="281">
        <v>128</v>
      </c>
      <c r="BV13" s="281">
        <v>127</v>
      </c>
      <c r="BW13" s="281">
        <v>310</v>
      </c>
      <c r="BX13" s="281">
        <v>99</v>
      </c>
      <c r="BY13" s="281">
        <v>38</v>
      </c>
      <c r="BZ13" s="278">
        <v>702</v>
      </c>
      <c r="CA13" s="283">
        <v>703</v>
      </c>
      <c r="CB13" s="277">
        <v>0</v>
      </c>
      <c r="CC13" s="281">
        <v>0</v>
      </c>
      <c r="CD13" s="278">
        <v>0</v>
      </c>
      <c r="CE13" s="280">
        <v>0</v>
      </c>
      <c r="CF13" s="281">
        <v>3</v>
      </c>
      <c r="CG13" s="281">
        <v>17</v>
      </c>
      <c r="CH13" s="281">
        <v>21</v>
      </c>
      <c r="CI13" s="281">
        <v>19</v>
      </c>
      <c r="CJ13" s="281">
        <v>0</v>
      </c>
      <c r="CK13" s="278">
        <v>60</v>
      </c>
      <c r="CL13" s="283">
        <v>60</v>
      </c>
      <c r="CM13" s="277">
        <v>0</v>
      </c>
      <c r="CN13" s="281">
        <v>0</v>
      </c>
      <c r="CO13" s="278">
        <v>0</v>
      </c>
      <c r="CP13" s="280">
        <v>0</v>
      </c>
      <c r="CQ13" s="281">
        <v>0</v>
      </c>
      <c r="CR13" s="281">
        <v>0</v>
      </c>
      <c r="CS13" s="281">
        <v>0</v>
      </c>
      <c r="CT13" s="281">
        <v>0</v>
      </c>
      <c r="CU13" s="281">
        <v>0</v>
      </c>
      <c r="CV13" s="278">
        <v>0</v>
      </c>
      <c r="CW13" s="283">
        <v>0</v>
      </c>
      <c r="CX13" s="277">
        <v>0</v>
      </c>
      <c r="CY13" s="281">
        <v>0</v>
      </c>
      <c r="CZ13" s="278">
        <v>0</v>
      </c>
      <c r="DA13" s="280">
        <v>0</v>
      </c>
      <c r="DB13" s="281">
        <v>0</v>
      </c>
      <c r="DC13" s="281">
        <v>0</v>
      </c>
      <c r="DD13" s="281">
        <v>0</v>
      </c>
      <c r="DE13" s="281">
        <v>0</v>
      </c>
      <c r="DF13" s="281">
        <v>0</v>
      </c>
      <c r="DG13" s="278">
        <v>0</v>
      </c>
      <c r="DH13" s="283">
        <v>0</v>
      </c>
    </row>
    <row r="14" spans="2:112" ht="18.75" customHeight="1" x14ac:dyDescent="0.2">
      <c r="B14" s="262" t="s">
        <v>11</v>
      </c>
      <c r="C14" s="277">
        <v>0</v>
      </c>
      <c r="D14" s="281">
        <v>0</v>
      </c>
      <c r="E14" s="385">
        <v>0</v>
      </c>
      <c r="F14" s="280">
        <v>0</v>
      </c>
      <c r="G14" s="281">
        <v>150</v>
      </c>
      <c r="H14" s="281">
        <v>81</v>
      </c>
      <c r="I14" s="281">
        <v>620</v>
      </c>
      <c r="J14" s="281">
        <v>463</v>
      </c>
      <c r="K14" s="281">
        <v>366</v>
      </c>
      <c r="L14" s="282">
        <v>1680</v>
      </c>
      <c r="M14" s="283">
        <v>1680</v>
      </c>
      <c r="N14" s="277">
        <v>0</v>
      </c>
      <c r="O14" s="281">
        <v>0</v>
      </c>
      <c r="P14" s="278">
        <v>0</v>
      </c>
      <c r="Q14" s="280">
        <v>0</v>
      </c>
      <c r="R14" s="281">
        <v>0</v>
      </c>
      <c r="S14" s="281">
        <v>0</v>
      </c>
      <c r="T14" s="281">
        <v>16</v>
      </c>
      <c r="U14" s="281">
        <v>38</v>
      </c>
      <c r="V14" s="281">
        <v>17</v>
      </c>
      <c r="W14" s="278">
        <v>71</v>
      </c>
      <c r="X14" s="283">
        <v>71</v>
      </c>
      <c r="Y14" s="277">
        <v>8</v>
      </c>
      <c r="Z14" s="281">
        <v>10</v>
      </c>
      <c r="AA14" s="278">
        <v>18</v>
      </c>
      <c r="AB14" s="280">
        <v>0</v>
      </c>
      <c r="AC14" s="281">
        <v>160</v>
      </c>
      <c r="AD14" s="281">
        <v>114</v>
      </c>
      <c r="AE14" s="281">
        <v>193</v>
      </c>
      <c r="AF14" s="281">
        <v>100</v>
      </c>
      <c r="AG14" s="281">
        <v>96</v>
      </c>
      <c r="AH14" s="278">
        <v>663</v>
      </c>
      <c r="AI14" s="283">
        <v>681</v>
      </c>
      <c r="AJ14" s="277">
        <v>0</v>
      </c>
      <c r="AK14" s="281">
        <v>16</v>
      </c>
      <c r="AL14" s="278">
        <v>16</v>
      </c>
      <c r="AM14" s="280">
        <v>0</v>
      </c>
      <c r="AN14" s="281">
        <v>22</v>
      </c>
      <c r="AO14" s="281">
        <v>15</v>
      </c>
      <c r="AP14" s="281">
        <v>12</v>
      </c>
      <c r="AQ14" s="281">
        <v>88</v>
      </c>
      <c r="AR14" s="281">
        <v>0</v>
      </c>
      <c r="AS14" s="278">
        <v>137</v>
      </c>
      <c r="AT14" s="283">
        <v>153</v>
      </c>
      <c r="AU14" s="277">
        <v>0</v>
      </c>
      <c r="AV14" s="281">
        <v>0</v>
      </c>
      <c r="AW14" s="278">
        <v>0</v>
      </c>
      <c r="AX14" s="280">
        <v>0</v>
      </c>
      <c r="AY14" s="281">
        <v>328</v>
      </c>
      <c r="AZ14" s="281">
        <v>190</v>
      </c>
      <c r="BA14" s="281">
        <v>220</v>
      </c>
      <c r="BB14" s="281">
        <v>160</v>
      </c>
      <c r="BC14" s="281">
        <v>18</v>
      </c>
      <c r="BD14" s="282">
        <v>916</v>
      </c>
      <c r="BE14" s="283">
        <v>916</v>
      </c>
      <c r="BF14" s="277">
        <v>0</v>
      </c>
      <c r="BG14" s="281">
        <v>0</v>
      </c>
      <c r="BH14" s="278">
        <v>0</v>
      </c>
      <c r="BI14" s="280">
        <v>0</v>
      </c>
      <c r="BJ14" s="281">
        <v>119</v>
      </c>
      <c r="BK14" s="281">
        <v>82</v>
      </c>
      <c r="BL14" s="281">
        <v>46</v>
      </c>
      <c r="BM14" s="281">
        <v>65</v>
      </c>
      <c r="BN14" s="281">
        <v>5</v>
      </c>
      <c r="BO14" s="278">
        <v>317</v>
      </c>
      <c r="BP14" s="283">
        <v>317</v>
      </c>
      <c r="BQ14" s="277">
        <v>6</v>
      </c>
      <c r="BR14" s="281">
        <v>6</v>
      </c>
      <c r="BS14" s="278">
        <v>12</v>
      </c>
      <c r="BT14" s="280">
        <v>0</v>
      </c>
      <c r="BU14" s="281">
        <v>48</v>
      </c>
      <c r="BV14" s="281">
        <v>80</v>
      </c>
      <c r="BW14" s="281">
        <v>106</v>
      </c>
      <c r="BX14" s="281">
        <v>58</v>
      </c>
      <c r="BY14" s="281">
        <v>0</v>
      </c>
      <c r="BZ14" s="278">
        <v>292</v>
      </c>
      <c r="CA14" s="283">
        <v>304</v>
      </c>
      <c r="CB14" s="277">
        <v>0</v>
      </c>
      <c r="CC14" s="281">
        <v>0</v>
      </c>
      <c r="CD14" s="278">
        <v>0</v>
      </c>
      <c r="CE14" s="280">
        <v>0</v>
      </c>
      <c r="CF14" s="281">
        <v>0</v>
      </c>
      <c r="CG14" s="281">
        <v>12</v>
      </c>
      <c r="CH14" s="281">
        <v>0</v>
      </c>
      <c r="CI14" s="281">
        <v>25</v>
      </c>
      <c r="CJ14" s="281">
        <v>0</v>
      </c>
      <c r="CK14" s="278">
        <v>37</v>
      </c>
      <c r="CL14" s="283">
        <v>37</v>
      </c>
      <c r="CM14" s="277">
        <v>0</v>
      </c>
      <c r="CN14" s="281">
        <v>0</v>
      </c>
      <c r="CO14" s="278">
        <v>0</v>
      </c>
      <c r="CP14" s="280">
        <v>0</v>
      </c>
      <c r="CQ14" s="281">
        <v>0</v>
      </c>
      <c r="CR14" s="281">
        <v>0</v>
      </c>
      <c r="CS14" s="281">
        <v>0</v>
      </c>
      <c r="CT14" s="281">
        <v>0</v>
      </c>
      <c r="CU14" s="281">
        <v>0</v>
      </c>
      <c r="CV14" s="278">
        <v>0</v>
      </c>
      <c r="CW14" s="283">
        <v>0</v>
      </c>
      <c r="CX14" s="277">
        <v>0</v>
      </c>
      <c r="CY14" s="281">
        <v>0</v>
      </c>
      <c r="CZ14" s="278">
        <v>0</v>
      </c>
      <c r="DA14" s="280">
        <v>0</v>
      </c>
      <c r="DB14" s="281">
        <v>0</v>
      </c>
      <c r="DC14" s="281">
        <v>0</v>
      </c>
      <c r="DD14" s="281">
        <v>0</v>
      </c>
      <c r="DE14" s="281">
        <v>0</v>
      </c>
      <c r="DF14" s="281">
        <v>0</v>
      </c>
      <c r="DG14" s="278">
        <v>0</v>
      </c>
      <c r="DH14" s="283">
        <v>0</v>
      </c>
    </row>
    <row r="15" spans="2:112" ht="18.75" customHeight="1" x14ac:dyDescent="0.2">
      <c r="B15" s="262" t="s">
        <v>12</v>
      </c>
      <c r="C15" s="277">
        <v>0</v>
      </c>
      <c r="D15" s="281">
        <v>0</v>
      </c>
      <c r="E15" s="385">
        <v>0</v>
      </c>
      <c r="F15" s="280">
        <v>0</v>
      </c>
      <c r="G15" s="281">
        <v>482</v>
      </c>
      <c r="H15" s="281">
        <v>579</v>
      </c>
      <c r="I15" s="281">
        <v>768</v>
      </c>
      <c r="J15" s="281">
        <v>1008</v>
      </c>
      <c r="K15" s="281">
        <v>799</v>
      </c>
      <c r="L15" s="282">
        <v>3636</v>
      </c>
      <c r="M15" s="283">
        <v>3636</v>
      </c>
      <c r="N15" s="277">
        <v>0</v>
      </c>
      <c r="O15" s="281">
        <v>0</v>
      </c>
      <c r="P15" s="278">
        <v>0</v>
      </c>
      <c r="Q15" s="280">
        <v>0</v>
      </c>
      <c r="R15" s="281">
        <v>0</v>
      </c>
      <c r="S15" s="281">
        <v>6</v>
      </c>
      <c r="T15" s="281">
        <v>5</v>
      </c>
      <c r="U15" s="281">
        <v>3</v>
      </c>
      <c r="V15" s="281">
        <v>42</v>
      </c>
      <c r="W15" s="278">
        <v>56</v>
      </c>
      <c r="X15" s="283">
        <v>56</v>
      </c>
      <c r="Y15" s="277">
        <v>63</v>
      </c>
      <c r="Z15" s="281">
        <v>108</v>
      </c>
      <c r="AA15" s="278">
        <v>171</v>
      </c>
      <c r="AB15" s="280">
        <v>0</v>
      </c>
      <c r="AC15" s="281">
        <v>182</v>
      </c>
      <c r="AD15" s="281">
        <v>310</v>
      </c>
      <c r="AE15" s="281">
        <v>183</v>
      </c>
      <c r="AF15" s="281">
        <v>39</v>
      </c>
      <c r="AG15" s="281">
        <v>63</v>
      </c>
      <c r="AH15" s="278">
        <v>777</v>
      </c>
      <c r="AI15" s="283">
        <v>948</v>
      </c>
      <c r="AJ15" s="277">
        <v>0</v>
      </c>
      <c r="AK15" s="281">
        <v>0</v>
      </c>
      <c r="AL15" s="278">
        <v>0</v>
      </c>
      <c r="AM15" s="280">
        <v>0</v>
      </c>
      <c r="AN15" s="281">
        <v>6</v>
      </c>
      <c r="AO15" s="281">
        <v>117</v>
      </c>
      <c r="AP15" s="281">
        <v>37</v>
      </c>
      <c r="AQ15" s="281">
        <v>18</v>
      </c>
      <c r="AR15" s="281">
        <v>6</v>
      </c>
      <c r="AS15" s="278">
        <v>184</v>
      </c>
      <c r="AT15" s="283">
        <v>184</v>
      </c>
      <c r="AU15" s="277">
        <v>0</v>
      </c>
      <c r="AV15" s="281">
        <v>0</v>
      </c>
      <c r="AW15" s="278">
        <v>0</v>
      </c>
      <c r="AX15" s="280">
        <v>0</v>
      </c>
      <c r="AY15" s="281">
        <v>452</v>
      </c>
      <c r="AZ15" s="281">
        <v>240</v>
      </c>
      <c r="BA15" s="281">
        <v>235</v>
      </c>
      <c r="BB15" s="281">
        <v>57</v>
      </c>
      <c r="BC15" s="281">
        <v>44</v>
      </c>
      <c r="BD15" s="282">
        <v>1028</v>
      </c>
      <c r="BE15" s="283">
        <v>1028</v>
      </c>
      <c r="BF15" s="277">
        <v>0</v>
      </c>
      <c r="BG15" s="281">
        <v>0</v>
      </c>
      <c r="BH15" s="278">
        <v>0</v>
      </c>
      <c r="BI15" s="280">
        <v>0</v>
      </c>
      <c r="BJ15" s="281">
        <v>102</v>
      </c>
      <c r="BK15" s="281">
        <v>101</v>
      </c>
      <c r="BL15" s="281">
        <v>83</v>
      </c>
      <c r="BM15" s="281">
        <v>48</v>
      </c>
      <c r="BN15" s="281">
        <v>0</v>
      </c>
      <c r="BO15" s="278">
        <v>334</v>
      </c>
      <c r="BP15" s="283">
        <v>334</v>
      </c>
      <c r="BQ15" s="277">
        <v>4</v>
      </c>
      <c r="BR15" s="281">
        <v>0</v>
      </c>
      <c r="BS15" s="278">
        <v>4</v>
      </c>
      <c r="BT15" s="280">
        <v>0</v>
      </c>
      <c r="BU15" s="281">
        <v>44</v>
      </c>
      <c r="BV15" s="281">
        <v>22</v>
      </c>
      <c r="BW15" s="281">
        <v>96</v>
      </c>
      <c r="BX15" s="281">
        <v>130</v>
      </c>
      <c r="BY15" s="281">
        <v>65</v>
      </c>
      <c r="BZ15" s="278">
        <v>357</v>
      </c>
      <c r="CA15" s="283">
        <v>361</v>
      </c>
      <c r="CB15" s="277">
        <v>0</v>
      </c>
      <c r="CC15" s="281">
        <v>0</v>
      </c>
      <c r="CD15" s="278">
        <v>0</v>
      </c>
      <c r="CE15" s="280">
        <v>0</v>
      </c>
      <c r="CF15" s="281">
        <v>0</v>
      </c>
      <c r="CG15" s="281">
        <v>7</v>
      </c>
      <c r="CH15" s="281">
        <v>9</v>
      </c>
      <c r="CI15" s="281">
        <v>0</v>
      </c>
      <c r="CJ15" s="281">
        <v>0</v>
      </c>
      <c r="CK15" s="278">
        <v>16</v>
      </c>
      <c r="CL15" s="283">
        <v>16</v>
      </c>
      <c r="CM15" s="277">
        <v>0</v>
      </c>
      <c r="CN15" s="281">
        <v>0</v>
      </c>
      <c r="CO15" s="278">
        <v>0</v>
      </c>
      <c r="CP15" s="280">
        <v>0</v>
      </c>
      <c r="CQ15" s="281">
        <v>0</v>
      </c>
      <c r="CR15" s="281">
        <v>0</v>
      </c>
      <c r="CS15" s="281">
        <v>0</v>
      </c>
      <c r="CT15" s="281">
        <v>0</v>
      </c>
      <c r="CU15" s="281">
        <v>0</v>
      </c>
      <c r="CV15" s="278">
        <v>0</v>
      </c>
      <c r="CW15" s="283">
        <v>0</v>
      </c>
      <c r="CX15" s="277">
        <v>0</v>
      </c>
      <c r="CY15" s="281">
        <v>0</v>
      </c>
      <c r="CZ15" s="278">
        <v>0</v>
      </c>
      <c r="DA15" s="280">
        <v>0</v>
      </c>
      <c r="DB15" s="281">
        <v>0</v>
      </c>
      <c r="DC15" s="281">
        <v>0</v>
      </c>
      <c r="DD15" s="281">
        <v>0</v>
      </c>
      <c r="DE15" s="281">
        <v>0</v>
      </c>
      <c r="DF15" s="281">
        <v>0</v>
      </c>
      <c r="DG15" s="278">
        <v>0</v>
      </c>
      <c r="DH15" s="283">
        <v>0</v>
      </c>
    </row>
    <row r="16" spans="2:112" ht="18.75" customHeight="1" x14ac:dyDescent="0.2">
      <c r="B16" s="262" t="s">
        <v>13</v>
      </c>
      <c r="C16" s="277">
        <v>0</v>
      </c>
      <c r="D16" s="281">
        <v>0</v>
      </c>
      <c r="E16" s="385">
        <v>0</v>
      </c>
      <c r="F16" s="280">
        <v>0</v>
      </c>
      <c r="G16" s="281">
        <v>211</v>
      </c>
      <c r="H16" s="281">
        <v>521</v>
      </c>
      <c r="I16" s="281">
        <v>197</v>
      </c>
      <c r="J16" s="281">
        <v>615</v>
      </c>
      <c r="K16" s="281">
        <v>343</v>
      </c>
      <c r="L16" s="282">
        <v>1887</v>
      </c>
      <c r="M16" s="283">
        <v>1887</v>
      </c>
      <c r="N16" s="277">
        <v>0</v>
      </c>
      <c r="O16" s="281">
        <v>0</v>
      </c>
      <c r="P16" s="278">
        <v>0</v>
      </c>
      <c r="Q16" s="280">
        <v>0</v>
      </c>
      <c r="R16" s="281">
        <v>0</v>
      </c>
      <c r="S16" s="281">
        <v>0</v>
      </c>
      <c r="T16" s="281">
        <v>0</v>
      </c>
      <c r="U16" s="281">
        <v>9</v>
      </c>
      <c r="V16" s="281">
        <v>30</v>
      </c>
      <c r="W16" s="278">
        <v>39</v>
      </c>
      <c r="X16" s="283">
        <v>39</v>
      </c>
      <c r="Y16" s="277">
        <v>4</v>
      </c>
      <c r="Z16" s="281">
        <v>2</v>
      </c>
      <c r="AA16" s="278">
        <v>6</v>
      </c>
      <c r="AB16" s="280">
        <v>0</v>
      </c>
      <c r="AC16" s="281">
        <v>58</v>
      </c>
      <c r="AD16" s="281">
        <v>93</v>
      </c>
      <c r="AE16" s="281">
        <v>57</v>
      </c>
      <c r="AF16" s="281">
        <v>101</v>
      </c>
      <c r="AG16" s="281">
        <v>69</v>
      </c>
      <c r="AH16" s="278">
        <v>378</v>
      </c>
      <c r="AI16" s="283">
        <v>384</v>
      </c>
      <c r="AJ16" s="277">
        <v>0</v>
      </c>
      <c r="AK16" s="281">
        <v>0</v>
      </c>
      <c r="AL16" s="278">
        <v>0</v>
      </c>
      <c r="AM16" s="280">
        <v>0</v>
      </c>
      <c r="AN16" s="281">
        <v>21</v>
      </c>
      <c r="AO16" s="281">
        <v>9</v>
      </c>
      <c r="AP16" s="281">
        <v>0</v>
      </c>
      <c r="AQ16" s="281">
        <v>3</v>
      </c>
      <c r="AR16" s="281">
        <v>8</v>
      </c>
      <c r="AS16" s="278">
        <v>41</v>
      </c>
      <c r="AT16" s="283">
        <v>41</v>
      </c>
      <c r="AU16" s="277">
        <v>0</v>
      </c>
      <c r="AV16" s="281">
        <v>0</v>
      </c>
      <c r="AW16" s="278">
        <v>0</v>
      </c>
      <c r="AX16" s="280">
        <v>0</v>
      </c>
      <c r="AY16" s="281">
        <v>97</v>
      </c>
      <c r="AZ16" s="281">
        <v>159</v>
      </c>
      <c r="BA16" s="281">
        <v>108</v>
      </c>
      <c r="BB16" s="281">
        <v>62</v>
      </c>
      <c r="BC16" s="281">
        <v>23</v>
      </c>
      <c r="BD16" s="282">
        <v>449</v>
      </c>
      <c r="BE16" s="283">
        <v>449</v>
      </c>
      <c r="BF16" s="277">
        <v>0</v>
      </c>
      <c r="BG16" s="281">
        <v>0</v>
      </c>
      <c r="BH16" s="278">
        <v>0</v>
      </c>
      <c r="BI16" s="280">
        <v>0</v>
      </c>
      <c r="BJ16" s="281">
        <v>16</v>
      </c>
      <c r="BK16" s="281">
        <v>37</v>
      </c>
      <c r="BL16" s="281">
        <v>19</v>
      </c>
      <c r="BM16" s="281">
        <v>28</v>
      </c>
      <c r="BN16" s="281">
        <v>2</v>
      </c>
      <c r="BO16" s="278">
        <v>102</v>
      </c>
      <c r="BP16" s="283">
        <v>102</v>
      </c>
      <c r="BQ16" s="277">
        <v>0</v>
      </c>
      <c r="BR16" s="281">
        <v>0</v>
      </c>
      <c r="BS16" s="278">
        <v>0</v>
      </c>
      <c r="BT16" s="280">
        <v>0</v>
      </c>
      <c r="BU16" s="281">
        <v>24</v>
      </c>
      <c r="BV16" s="281">
        <v>28</v>
      </c>
      <c r="BW16" s="281">
        <v>42</v>
      </c>
      <c r="BX16" s="281">
        <v>69</v>
      </c>
      <c r="BY16" s="281">
        <v>10</v>
      </c>
      <c r="BZ16" s="278">
        <v>173</v>
      </c>
      <c r="CA16" s="283">
        <v>173</v>
      </c>
      <c r="CB16" s="277">
        <v>0</v>
      </c>
      <c r="CC16" s="281">
        <v>0</v>
      </c>
      <c r="CD16" s="278">
        <v>0</v>
      </c>
      <c r="CE16" s="280">
        <v>0</v>
      </c>
      <c r="CF16" s="281">
        <v>2</v>
      </c>
      <c r="CG16" s="281">
        <v>21</v>
      </c>
      <c r="CH16" s="281">
        <v>0</v>
      </c>
      <c r="CI16" s="281">
        <v>0</v>
      </c>
      <c r="CJ16" s="281">
        <v>6</v>
      </c>
      <c r="CK16" s="278">
        <v>29</v>
      </c>
      <c r="CL16" s="283">
        <v>29</v>
      </c>
      <c r="CM16" s="277">
        <v>0</v>
      </c>
      <c r="CN16" s="281">
        <v>0</v>
      </c>
      <c r="CO16" s="278">
        <v>0</v>
      </c>
      <c r="CP16" s="280">
        <v>0</v>
      </c>
      <c r="CQ16" s="281">
        <v>0</v>
      </c>
      <c r="CR16" s="281">
        <v>0</v>
      </c>
      <c r="CS16" s="281">
        <v>0</v>
      </c>
      <c r="CT16" s="281">
        <v>0</v>
      </c>
      <c r="CU16" s="281">
        <v>0</v>
      </c>
      <c r="CV16" s="278">
        <v>0</v>
      </c>
      <c r="CW16" s="283">
        <v>0</v>
      </c>
      <c r="CX16" s="277">
        <v>0</v>
      </c>
      <c r="CY16" s="281">
        <v>0</v>
      </c>
      <c r="CZ16" s="278">
        <v>0</v>
      </c>
      <c r="DA16" s="280">
        <v>0</v>
      </c>
      <c r="DB16" s="281">
        <v>0</v>
      </c>
      <c r="DC16" s="281">
        <v>0</v>
      </c>
      <c r="DD16" s="281">
        <v>0</v>
      </c>
      <c r="DE16" s="281">
        <v>0</v>
      </c>
      <c r="DF16" s="281">
        <v>0</v>
      </c>
      <c r="DG16" s="278">
        <v>0</v>
      </c>
      <c r="DH16" s="283">
        <v>0</v>
      </c>
    </row>
    <row r="17" spans="2:112" ht="18.75" customHeight="1" x14ac:dyDescent="0.2">
      <c r="B17" s="262" t="s">
        <v>15</v>
      </c>
      <c r="C17" s="277">
        <v>0</v>
      </c>
      <c r="D17" s="281">
        <v>0</v>
      </c>
      <c r="E17" s="385">
        <v>0</v>
      </c>
      <c r="F17" s="280">
        <v>0</v>
      </c>
      <c r="G17" s="281">
        <v>85</v>
      </c>
      <c r="H17" s="281">
        <v>67</v>
      </c>
      <c r="I17" s="281">
        <v>311</v>
      </c>
      <c r="J17" s="281">
        <v>85</v>
      </c>
      <c r="K17" s="281">
        <v>110</v>
      </c>
      <c r="L17" s="282">
        <v>658</v>
      </c>
      <c r="M17" s="283">
        <v>658</v>
      </c>
      <c r="N17" s="277">
        <v>0</v>
      </c>
      <c r="O17" s="281">
        <v>0</v>
      </c>
      <c r="P17" s="278">
        <v>0</v>
      </c>
      <c r="Q17" s="280">
        <v>0</v>
      </c>
      <c r="R17" s="281">
        <v>0</v>
      </c>
      <c r="S17" s="281">
        <v>0</v>
      </c>
      <c r="T17" s="281">
        <v>0</v>
      </c>
      <c r="U17" s="281">
        <v>13</v>
      </c>
      <c r="V17" s="281">
        <v>0</v>
      </c>
      <c r="W17" s="278">
        <v>13</v>
      </c>
      <c r="X17" s="283">
        <v>13</v>
      </c>
      <c r="Y17" s="277">
        <v>0</v>
      </c>
      <c r="Z17" s="281">
        <v>10</v>
      </c>
      <c r="AA17" s="278">
        <v>10</v>
      </c>
      <c r="AB17" s="280">
        <v>0</v>
      </c>
      <c r="AC17" s="281">
        <v>13</v>
      </c>
      <c r="AD17" s="281">
        <v>55</v>
      </c>
      <c r="AE17" s="281">
        <v>2</v>
      </c>
      <c r="AF17" s="281">
        <v>21</v>
      </c>
      <c r="AG17" s="281">
        <v>3</v>
      </c>
      <c r="AH17" s="278">
        <v>94</v>
      </c>
      <c r="AI17" s="283">
        <v>104</v>
      </c>
      <c r="AJ17" s="277">
        <v>0</v>
      </c>
      <c r="AK17" s="281">
        <v>0</v>
      </c>
      <c r="AL17" s="278">
        <v>0</v>
      </c>
      <c r="AM17" s="280">
        <v>0</v>
      </c>
      <c r="AN17" s="281">
        <v>6</v>
      </c>
      <c r="AO17" s="281">
        <v>12</v>
      </c>
      <c r="AP17" s="281">
        <v>0</v>
      </c>
      <c r="AQ17" s="281">
        <v>0</v>
      </c>
      <c r="AR17" s="281">
        <v>9</v>
      </c>
      <c r="AS17" s="278">
        <v>27</v>
      </c>
      <c r="AT17" s="283">
        <v>27</v>
      </c>
      <c r="AU17" s="277">
        <v>0</v>
      </c>
      <c r="AV17" s="281">
        <v>0</v>
      </c>
      <c r="AW17" s="278">
        <v>0</v>
      </c>
      <c r="AX17" s="280">
        <v>0</v>
      </c>
      <c r="AY17" s="281">
        <v>11</v>
      </c>
      <c r="AZ17" s="281">
        <v>33</v>
      </c>
      <c r="BA17" s="281">
        <v>24</v>
      </c>
      <c r="BB17" s="281">
        <v>0</v>
      </c>
      <c r="BC17" s="281">
        <v>0</v>
      </c>
      <c r="BD17" s="282">
        <v>68</v>
      </c>
      <c r="BE17" s="283">
        <v>68</v>
      </c>
      <c r="BF17" s="277">
        <v>0</v>
      </c>
      <c r="BG17" s="281">
        <v>0</v>
      </c>
      <c r="BH17" s="278">
        <v>0</v>
      </c>
      <c r="BI17" s="280">
        <v>0</v>
      </c>
      <c r="BJ17" s="281">
        <v>5</v>
      </c>
      <c r="BK17" s="281">
        <v>10</v>
      </c>
      <c r="BL17" s="281">
        <v>15</v>
      </c>
      <c r="BM17" s="281">
        <v>0</v>
      </c>
      <c r="BN17" s="281">
        <v>0</v>
      </c>
      <c r="BO17" s="278">
        <v>30</v>
      </c>
      <c r="BP17" s="283">
        <v>30</v>
      </c>
      <c r="BQ17" s="277">
        <v>0</v>
      </c>
      <c r="BR17" s="281">
        <v>0</v>
      </c>
      <c r="BS17" s="278">
        <v>0</v>
      </c>
      <c r="BT17" s="280">
        <v>0</v>
      </c>
      <c r="BU17" s="281">
        <v>0</v>
      </c>
      <c r="BV17" s="281">
        <v>4</v>
      </c>
      <c r="BW17" s="281">
        <v>30</v>
      </c>
      <c r="BX17" s="281">
        <v>15</v>
      </c>
      <c r="BY17" s="281">
        <v>3</v>
      </c>
      <c r="BZ17" s="278">
        <v>52</v>
      </c>
      <c r="CA17" s="283">
        <v>52</v>
      </c>
      <c r="CB17" s="277">
        <v>0</v>
      </c>
      <c r="CC17" s="281">
        <v>0</v>
      </c>
      <c r="CD17" s="278">
        <v>0</v>
      </c>
      <c r="CE17" s="280">
        <v>0</v>
      </c>
      <c r="CF17" s="281">
        <v>0</v>
      </c>
      <c r="CG17" s="281">
        <v>0</v>
      </c>
      <c r="CH17" s="281">
        <v>0</v>
      </c>
      <c r="CI17" s="281">
        <v>0</v>
      </c>
      <c r="CJ17" s="281">
        <v>0</v>
      </c>
      <c r="CK17" s="278">
        <v>0</v>
      </c>
      <c r="CL17" s="283">
        <v>0</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row>
    <row r="18" spans="2:112" ht="18.75" customHeight="1" x14ac:dyDescent="0.2">
      <c r="B18" s="262" t="s">
        <v>16</v>
      </c>
      <c r="C18" s="277">
        <v>0</v>
      </c>
      <c r="D18" s="281">
        <v>0</v>
      </c>
      <c r="E18" s="385">
        <v>0</v>
      </c>
      <c r="F18" s="280">
        <v>0</v>
      </c>
      <c r="G18" s="281">
        <v>47</v>
      </c>
      <c r="H18" s="281">
        <v>85</v>
      </c>
      <c r="I18" s="281">
        <v>210</v>
      </c>
      <c r="J18" s="281">
        <v>68</v>
      </c>
      <c r="K18" s="281">
        <v>75</v>
      </c>
      <c r="L18" s="282">
        <v>485</v>
      </c>
      <c r="M18" s="283">
        <v>485</v>
      </c>
      <c r="N18" s="277">
        <v>0</v>
      </c>
      <c r="O18" s="281">
        <v>0</v>
      </c>
      <c r="P18" s="278">
        <v>0</v>
      </c>
      <c r="Q18" s="280">
        <v>0</v>
      </c>
      <c r="R18" s="281">
        <v>0</v>
      </c>
      <c r="S18" s="281">
        <v>8</v>
      </c>
      <c r="T18" s="281">
        <v>0</v>
      </c>
      <c r="U18" s="281">
        <v>0</v>
      </c>
      <c r="V18" s="281">
        <v>7</v>
      </c>
      <c r="W18" s="278">
        <v>15</v>
      </c>
      <c r="X18" s="283">
        <v>15</v>
      </c>
      <c r="Y18" s="277">
        <v>13</v>
      </c>
      <c r="Z18" s="281">
        <v>7</v>
      </c>
      <c r="AA18" s="278">
        <v>20</v>
      </c>
      <c r="AB18" s="280">
        <v>0</v>
      </c>
      <c r="AC18" s="281">
        <v>65</v>
      </c>
      <c r="AD18" s="281">
        <v>135</v>
      </c>
      <c r="AE18" s="281">
        <v>80</v>
      </c>
      <c r="AF18" s="281">
        <v>63</v>
      </c>
      <c r="AG18" s="281">
        <v>46</v>
      </c>
      <c r="AH18" s="278">
        <v>389</v>
      </c>
      <c r="AI18" s="283">
        <v>409</v>
      </c>
      <c r="AJ18" s="277">
        <v>0</v>
      </c>
      <c r="AK18" s="281">
        <v>0</v>
      </c>
      <c r="AL18" s="278">
        <v>0</v>
      </c>
      <c r="AM18" s="280">
        <v>0</v>
      </c>
      <c r="AN18" s="281">
        <v>0</v>
      </c>
      <c r="AO18" s="281">
        <v>6</v>
      </c>
      <c r="AP18" s="281">
        <v>24</v>
      </c>
      <c r="AQ18" s="281">
        <v>0</v>
      </c>
      <c r="AR18" s="281">
        <v>0</v>
      </c>
      <c r="AS18" s="278">
        <v>30</v>
      </c>
      <c r="AT18" s="283">
        <v>30</v>
      </c>
      <c r="AU18" s="277">
        <v>0</v>
      </c>
      <c r="AV18" s="281">
        <v>0</v>
      </c>
      <c r="AW18" s="278">
        <v>0</v>
      </c>
      <c r="AX18" s="280">
        <v>0</v>
      </c>
      <c r="AY18" s="281">
        <v>143</v>
      </c>
      <c r="AZ18" s="281">
        <v>179</v>
      </c>
      <c r="BA18" s="281">
        <v>124</v>
      </c>
      <c r="BB18" s="281">
        <v>97</v>
      </c>
      <c r="BC18" s="281">
        <v>0</v>
      </c>
      <c r="BD18" s="282">
        <v>543</v>
      </c>
      <c r="BE18" s="283">
        <v>543</v>
      </c>
      <c r="BF18" s="277">
        <v>0</v>
      </c>
      <c r="BG18" s="281">
        <v>0</v>
      </c>
      <c r="BH18" s="278">
        <v>0</v>
      </c>
      <c r="BI18" s="280">
        <v>0</v>
      </c>
      <c r="BJ18" s="281">
        <v>109</v>
      </c>
      <c r="BK18" s="281">
        <v>235</v>
      </c>
      <c r="BL18" s="281">
        <v>48</v>
      </c>
      <c r="BM18" s="281">
        <v>38</v>
      </c>
      <c r="BN18" s="281">
        <v>0</v>
      </c>
      <c r="BO18" s="278">
        <v>430</v>
      </c>
      <c r="BP18" s="283">
        <v>430</v>
      </c>
      <c r="BQ18" s="277">
        <v>0</v>
      </c>
      <c r="BR18" s="281">
        <v>0</v>
      </c>
      <c r="BS18" s="278">
        <v>0</v>
      </c>
      <c r="BT18" s="280">
        <v>0</v>
      </c>
      <c r="BU18" s="281">
        <v>8</v>
      </c>
      <c r="BV18" s="281">
        <v>33</v>
      </c>
      <c r="BW18" s="281">
        <v>67</v>
      </c>
      <c r="BX18" s="281">
        <v>10</v>
      </c>
      <c r="BY18" s="281">
        <v>3</v>
      </c>
      <c r="BZ18" s="278">
        <v>121</v>
      </c>
      <c r="CA18" s="283">
        <v>121</v>
      </c>
      <c r="CB18" s="277">
        <v>0</v>
      </c>
      <c r="CC18" s="281">
        <v>0</v>
      </c>
      <c r="CD18" s="278">
        <v>0</v>
      </c>
      <c r="CE18" s="280">
        <v>0</v>
      </c>
      <c r="CF18" s="281">
        <v>0</v>
      </c>
      <c r="CG18" s="281">
        <v>10</v>
      </c>
      <c r="CH18" s="281">
        <v>2</v>
      </c>
      <c r="CI18" s="281">
        <v>4</v>
      </c>
      <c r="CJ18" s="281">
        <v>0</v>
      </c>
      <c r="CK18" s="278">
        <v>16</v>
      </c>
      <c r="CL18" s="283">
        <v>16</v>
      </c>
      <c r="CM18" s="277">
        <v>0</v>
      </c>
      <c r="CN18" s="281">
        <v>0</v>
      </c>
      <c r="CO18" s="278">
        <v>0</v>
      </c>
      <c r="CP18" s="280">
        <v>0</v>
      </c>
      <c r="CQ18" s="281">
        <v>0</v>
      </c>
      <c r="CR18" s="281">
        <v>0</v>
      </c>
      <c r="CS18" s="281">
        <v>0</v>
      </c>
      <c r="CT18" s="281">
        <v>0</v>
      </c>
      <c r="CU18" s="281">
        <v>0</v>
      </c>
      <c r="CV18" s="278">
        <v>0</v>
      </c>
      <c r="CW18" s="283">
        <v>0</v>
      </c>
      <c r="CX18" s="277">
        <v>0</v>
      </c>
      <c r="CY18" s="281">
        <v>0</v>
      </c>
      <c r="CZ18" s="278">
        <v>0</v>
      </c>
      <c r="DA18" s="280">
        <v>0</v>
      </c>
      <c r="DB18" s="281">
        <v>0</v>
      </c>
      <c r="DC18" s="281">
        <v>0</v>
      </c>
      <c r="DD18" s="281">
        <v>0</v>
      </c>
      <c r="DE18" s="281">
        <v>0</v>
      </c>
      <c r="DF18" s="281">
        <v>0</v>
      </c>
      <c r="DG18" s="278">
        <v>0</v>
      </c>
      <c r="DH18" s="283">
        <v>0</v>
      </c>
    </row>
    <row r="19" spans="2:112" ht="18.75" customHeight="1" x14ac:dyDescent="0.2">
      <c r="B19" s="262" t="s">
        <v>17</v>
      </c>
      <c r="C19" s="277">
        <v>0</v>
      </c>
      <c r="D19" s="281">
        <v>0</v>
      </c>
      <c r="E19" s="385">
        <v>0</v>
      </c>
      <c r="F19" s="280">
        <v>0</v>
      </c>
      <c r="G19" s="281">
        <v>53</v>
      </c>
      <c r="H19" s="281">
        <v>357</v>
      </c>
      <c r="I19" s="281">
        <v>406</v>
      </c>
      <c r="J19" s="281">
        <v>339</v>
      </c>
      <c r="K19" s="281">
        <v>1100</v>
      </c>
      <c r="L19" s="282">
        <v>2255</v>
      </c>
      <c r="M19" s="283">
        <v>2255</v>
      </c>
      <c r="N19" s="277">
        <v>0</v>
      </c>
      <c r="O19" s="281">
        <v>0</v>
      </c>
      <c r="P19" s="278">
        <v>0</v>
      </c>
      <c r="Q19" s="280">
        <v>0</v>
      </c>
      <c r="R19" s="281">
        <v>0</v>
      </c>
      <c r="S19" s="281">
        <v>0</v>
      </c>
      <c r="T19" s="281">
        <v>0</v>
      </c>
      <c r="U19" s="281">
        <v>10</v>
      </c>
      <c r="V19" s="281">
        <v>36</v>
      </c>
      <c r="W19" s="278">
        <v>46</v>
      </c>
      <c r="X19" s="283">
        <v>46</v>
      </c>
      <c r="Y19" s="277">
        <v>2</v>
      </c>
      <c r="Z19" s="281">
        <v>32</v>
      </c>
      <c r="AA19" s="278">
        <v>34</v>
      </c>
      <c r="AB19" s="280">
        <v>0</v>
      </c>
      <c r="AC19" s="281">
        <v>51</v>
      </c>
      <c r="AD19" s="281">
        <v>98</v>
      </c>
      <c r="AE19" s="281">
        <v>122</v>
      </c>
      <c r="AF19" s="281">
        <v>55</v>
      </c>
      <c r="AG19" s="281">
        <v>61</v>
      </c>
      <c r="AH19" s="278">
        <v>387</v>
      </c>
      <c r="AI19" s="283">
        <v>421</v>
      </c>
      <c r="AJ19" s="277">
        <v>24</v>
      </c>
      <c r="AK19" s="281">
        <v>0</v>
      </c>
      <c r="AL19" s="278">
        <v>24</v>
      </c>
      <c r="AM19" s="280">
        <v>0</v>
      </c>
      <c r="AN19" s="281">
        <v>2</v>
      </c>
      <c r="AO19" s="281">
        <v>22</v>
      </c>
      <c r="AP19" s="281">
        <v>0</v>
      </c>
      <c r="AQ19" s="281">
        <v>9</v>
      </c>
      <c r="AR19" s="281">
        <v>27</v>
      </c>
      <c r="AS19" s="278">
        <v>60</v>
      </c>
      <c r="AT19" s="283">
        <v>84</v>
      </c>
      <c r="AU19" s="277">
        <v>0</v>
      </c>
      <c r="AV19" s="281">
        <v>0</v>
      </c>
      <c r="AW19" s="278">
        <v>0</v>
      </c>
      <c r="AX19" s="280">
        <v>0</v>
      </c>
      <c r="AY19" s="281">
        <v>234</v>
      </c>
      <c r="AZ19" s="281">
        <v>217</v>
      </c>
      <c r="BA19" s="281">
        <v>154</v>
      </c>
      <c r="BB19" s="281">
        <v>100</v>
      </c>
      <c r="BC19" s="281">
        <v>55</v>
      </c>
      <c r="BD19" s="282">
        <v>760</v>
      </c>
      <c r="BE19" s="283">
        <v>760</v>
      </c>
      <c r="BF19" s="277">
        <v>0</v>
      </c>
      <c r="BG19" s="281">
        <v>0</v>
      </c>
      <c r="BH19" s="278">
        <v>0</v>
      </c>
      <c r="BI19" s="280">
        <v>0</v>
      </c>
      <c r="BJ19" s="281">
        <v>30</v>
      </c>
      <c r="BK19" s="281">
        <v>135</v>
      </c>
      <c r="BL19" s="281">
        <v>34</v>
      </c>
      <c r="BM19" s="281">
        <v>14</v>
      </c>
      <c r="BN19" s="281">
        <v>5</v>
      </c>
      <c r="BO19" s="278">
        <v>218</v>
      </c>
      <c r="BP19" s="283">
        <v>218</v>
      </c>
      <c r="BQ19" s="277">
        <v>0</v>
      </c>
      <c r="BR19" s="281">
        <v>0</v>
      </c>
      <c r="BS19" s="278">
        <v>0</v>
      </c>
      <c r="BT19" s="280">
        <v>0</v>
      </c>
      <c r="BU19" s="281">
        <v>21</v>
      </c>
      <c r="BV19" s="281">
        <v>42</v>
      </c>
      <c r="BW19" s="281">
        <v>89</v>
      </c>
      <c r="BX19" s="281">
        <v>42</v>
      </c>
      <c r="BY19" s="281">
        <v>22</v>
      </c>
      <c r="BZ19" s="278">
        <v>216</v>
      </c>
      <c r="CA19" s="283">
        <v>216</v>
      </c>
      <c r="CB19" s="277">
        <v>0</v>
      </c>
      <c r="CC19" s="281">
        <v>0</v>
      </c>
      <c r="CD19" s="278">
        <v>0</v>
      </c>
      <c r="CE19" s="280">
        <v>0</v>
      </c>
      <c r="CF19" s="281">
        <v>11</v>
      </c>
      <c r="CG19" s="281">
        <v>10</v>
      </c>
      <c r="CH19" s="281">
        <v>0</v>
      </c>
      <c r="CI19" s="281">
        <v>3</v>
      </c>
      <c r="CJ19" s="281">
        <v>0</v>
      </c>
      <c r="CK19" s="278">
        <v>24</v>
      </c>
      <c r="CL19" s="283">
        <v>24</v>
      </c>
      <c r="CM19" s="277">
        <v>0</v>
      </c>
      <c r="CN19" s="281">
        <v>0</v>
      </c>
      <c r="CO19" s="278">
        <v>0</v>
      </c>
      <c r="CP19" s="280">
        <v>0</v>
      </c>
      <c r="CQ19" s="281">
        <v>0</v>
      </c>
      <c r="CR19" s="281">
        <v>0</v>
      </c>
      <c r="CS19" s="281">
        <v>0</v>
      </c>
      <c r="CT19" s="281">
        <v>0</v>
      </c>
      <c r="CU19" s="281">
        <v>0</v>
      </c>
      <c r="CV19" s="278">
        <v>0</v>
      </c>
      <c r="CW19" s="283">
        <v>0</v>
      </c>
      <c r="CX19" s="277">
        <v>0</v>
      </c>
      <c r="CY19" s="281">
        <v>0</v>
      </c>
      <c r="CZ19" s="278">
        <v>0</v>
      </c>
      <c r="DA19" s="280">
        <v>0</v>
      </c>
      <c r="DB19" s="281">
        <v>0</v>
      </c>
      <c r="DC19" s="281">
        <v>0</v>
      </c>
      <c r="DD19" s="281">
        <v>0</v>
      </c>
      <c r="DE19" s="281">
        <v>0</v>
      </c>
      <c r="DF19" s="281">
        <v>0</v>
      </c>
      <c r="DG19" s="278">
        <v>0</v>
      </c>
      <c r="DH19" s="283">
        <v>0</v>
      </c>
    </row>
    <row r="20" spans="2:112" ht="18.75" customHeight="1" x14ac:dyDescent="0.2">
      <c r="B20" s="262" t="s">
        <v>18</v>
      </c>
      <c r="C20" s="277">
        <v>0</v>
      </c>
      <c r="D20" s="281">
        <v>0</v>
      </c>
      <c r="E20" s="385">
        <v>0</v>
      </c>
      <c r="F20" s="280">
        <v>0</v>
      </c>
      <c r="G20" s="281">
        <v>166</v>
      </c>
      <c r="H20" s="281">
        <v>588</v>
      </c>
      <c r="I20" s="281">
        <v>407</v>
      </c>
      <c r="J20" s="281">
        <v>835</v>
      </c>
      <c r="K20" s="281">
        <v>152</v>
      </c>
      <c r="L20" s="282">
        <v>2148</v>
      </c>
      <c r="M20" s="283">
        <v>2148</v>
      </c>
      <c r="N20" s="277">
        <v>0</v>
      </c>
      <c r="O20" s="281">
        <v>0</v>
      </c>
      <c r="P20" s="278">
        <v>0</v>
      </c>
      <c r="Q20" s="280">
        <v>0</v>
      </c>
      <c r="R20" s="281">
        <v>0</v>
      </c>
      <c r="S20" s="281">
        <v>3</v>
      </c>
      <c r="T20" s="281">
        <v>8</v>
      </c>
      <c r="U20" s="281">
        <v>10</v>
      </c>
      <c r="V20" s="281">
        <v>5</v>
      </c>
      <c r="W20" s="278">
        <v>26</v>
      </c>
      <c r="X20" s="283">
        <v>26</v>
      </c>
      <c r="Y20" s="277">
        <v>13</v>
      </c>
      <c r="Z20" s="281">
        <v>23</v>
      </c>
      <c r="AA20" s="278">
        <v>36</v>
      </c>
      <c r="AB20" s="280">
        <v>0</v>
      </c>
      <c r="AC20" s="281">
        <v>136</v>
      </c>
      <c r="AD20" s="281">
        <v>137</v>
      </c>
      <c r="AE20" s="281">
        <v>89</v>
      </c>
      <c r="AF20" s="281">
        <v>211</v>
      </c>
      <c r="AG20" s="281">
        <v>28</v>
      </c>
      <c r="AH20" s="278">
        <v>601</v>
      </c>
      <c r="AI20" s="283">
        <v>637</v>
      </c>
      <c r="AJ20" s="277">
        <v>0</v>
      </c>
      <c r="AK20" s="281">
        <v>30</v>
      </c>
      <c r="AL20" s="278">
        <v>30</v>
      </c>
      <c r="AM20" s="280">
        <v>0</v>
      </c>
      <c r="AN20" s="281">
        <v>60</v>
      </c>
      <c r="AO20" s="281">
        <v>45</v>
      </c>
      <c r="AP20" s="281">
        <v>12</v>
      </c>
      <c r="AQ20" s="281">
        <v>26</v>
      </c>
      <c r="AR20" s="281">
        <v>9</v>
      </c>
      <c r="AS20" s="278">
        <v>152</v>
      </c>
      <c r="AT20" s="283">
        <v>182</v>
      </c>
      <c r="AU20" s="277">
        <v>0</v>
      </c>
      <c r="AV20" s="281">
        <v>0</v>
      </c>
      <c r="AW20" s="278">
        <v>0</v>
      </c>
      <c r="AX20" s="280">
        <v>0</v>
      </c>
      <c r="AY20" s="281">
        <v>354</v>
      </c>
      <c r="AZ20" s="281">
        <v>315</v>
      </c>
      <c r="BA20" s="281">
        <v>218</v>
      </c>
      <c r="BB20" s="281">
        <v>67</v>
      </c>
      <c r="BC20" s="281">
        <v>52</v>
      </c>
      <c r="BD20" s="282">
        <v>1006</v>
      </c>
      <c r="BE20" s="283">
        <v>1006</v>
      </c>
      <c r="BF20" s="277">
        <v>0</v>
      </c>
      <c r="BG20" s="281">
        <v>0</v>
      </c>
      <c r="BH20" s="278">
        <v>0</v>
      </c>
      <c r="BI20" s="280">
        <v>0</v>
      </c>
      <c r="BJ20" s="281">
        <v>98</v>
      </c>
      <c r="BK20" s="281">
        <v>116</v>
      </c>
      <c r="BL20" s="281">
        <v>72</v>
      </c>
      <c r="BM20" s="281">
        <v>44</v>
      </c>
      <c r="BN20" s="281">
        <v>4</v>
      </c>
      <c r="BO20" s="278">
        <v>334</v>
      </c>
      <c r="BP20" s="283">
        <v>334</v>
      </c>
      <c r="BQ20" s="277">
        <v>0</v>
      </c>
      <c r="BR20" s="281">
        <v>2</v>
      </c>
      <c r="BS20" s="278">
        <v>2</v>
      </c>
      <c r="BT20" s="280">
        <v>0</v>
      </c>
      <c r="BU20" s="281">
        <v>15</v>
      </c>
      <c r="BV20" s="281">
        <v>102</v>
      </c>
      <c r="BW20" s="281">
        <v>147</v>
      </c>
      <c r="BX20" s="281">
        <v>81</v>
      </c>
      <c r="BY20" s="281">
        <v>19</v>
      </c>
      <c r="BZ20" s="278">
        <v>364</v>
      </c>
      <c r="CA20" s="283">
        <v>366</v>
      </c>
      <c r="CB20" s="277">
        <v>0</v>
      </c>
      <c r="CC20" s="281">
        <v>0</v>
      </c>
      <c r="CD20" s="278">
        <v>0</v>
      </c>
      <c r="CE20" s="280">
        <v>0</v>
      </c>
      <c r="CF20" s="281">
        <v>0</v>
      </c>
      <c r="CG20" s="281">
        <v>0</v>
      </c>
      <c r="CH20" s="281">
        <v>2</v>
      </c>
      <c r="CI20" s="281">
        <v>0</v>
      </c>
      <c r="CJ20" s="281">
        <v>0</v>
      </c>
      <c r="CK20" s="278">
        <v>2</v>
      </c>
      <c r="CL20" s="283">
        <v>2</v>
      </c>
      <c r="CM20" s="277">
        <v>0</v>
      </c>
      <c r="CN20" s="281">
        <v>0</v>
      </c>
      <c r="CO20" s="278">
        <v>0</v>
      </c>
      <c r="CP20" s="280">
        <v>0</v>
      </c>
      <c r="CQ20" s="281">
        <v>0</v>
      </c>
      <c r="CR20" s="281">
        <v>0</v>
      </c>
      <c r="CS20" s="281">
        <v>0</v>
      </c>
      <c r="CT20" s="281">
        <v>0</v>
      </c>
      <c r="CU20" s="281">
        <v>0</v>
      </c>
      <c r="CV20" s="278">
        <v>0</v>
      </c>
      <c r="CW20" s="283">
        <v>0</v>
      </c>
      <c r="CX20" s="277">
        <v>0</v>
      </c>
      <c r="CY20" s="281">
        <v>0</v>
      </c>
      <c r="CZ20" s="278">
        <v>0</v>
      </c>
      <c r="DA20" s="280">
        <v>0</v>
      </c>
      <c r="DB20" s="281">
        <v>0</v>
      </c>
      <c r="DC20" s="281">
        <v>0</v>
      </c>
      <c r="DD20" s="281">
        <v>0</v>
      </c>
      <c r="DE20" s="281">
        <v>0</v>
      </c>
      <c r="DF20" s="281">
        <v>0</v>
      </c>
      <c r="DG20" s="278">
        <v>0</v>
      </c>
      <c r="DH20" s="283">
        <v>0</v>
      </c>
    </row>
    <row r="21" spans="2:112" ht="18.75" customHeight="1" x14ac:dyDescent="0.2">
      <c r="B21" s="262" t="s">
        <v>19</v>
      </c>
      <c r="C21" s="277">
        <v>0</v>
      </c>
      <c r="D21" s="281">
        <v>0</v>
      </c>
      <c r="E21" s="385">
        <v>0</v>
      </c>
      <c r="F21" s="280">
        <v>0</v>
      </c>
      <c r="G21" s="281">
        <v>210</v>
      </c>
      <c r="H21" s="281">
        <v>112</v>
      </c>
      <c r="I21" s="281">
        <v>112</v>
      </c>
      <c r="J21" s="281">
        <v>360</v>
      </c>
      <c r="K21" s="281">
        <v>8</v>
      </c>
      <c r="L21" s="282">
        <v>802</v>
      </c>
      <c r="M21" s="283">
        <v>802</v>
      </c>
      <c r="N21" s="277">
        <v>0</v>
      </c>
      <c r="O21" s="281">
        <v>0</v>
      </c>
      <c r="P21" s="278">
        <v>0</v>
      </c>
      <c r="Q21" s="280">
        <v>0</v>
      </c>
      <c r="R21" s="281">
        <v>0</v>
      </c>
      <c r="S21" s="281">
        <v>1</v>
      </c>
      <c r="T21" s="281">
        <v>10</v>
      </c>
      <c r="U21" s="281">
        <v>27</v>
      </c>
      <c r="V21" s="281">
        <v>23</v>
      </c>
      <c r="W21" s="278">
        <v>61</v>
      </c>
      <c r="X21" s="283">
        <v>61</v>
      </c>
      <c r="Y21" s="277">
        <v>3</v>
      </c>
      <c r="Z21" s="281">
        <v>0</v>
      </c>
      <c r="AA21" s="278">
        <v>3</v>
      </c>
      <c r="AB21" s="280">
        <v>0</v>
      </c>
      <c r="AC21" s="281">
        <v>96</v>
      </c>
      <c r="AD21" s="281">
        <v>103</v>
      </c>
      <c r="AE21" s="281">
        <v>77</v>
      </c>
      <c r="AF21" s="281">
        <v>67</v>
      </c>
      <c r="AG21" s="281">
        <v>82</v>
      </c>
      <c r="AH21" s="278">
        <v>425</v>
      </c>
      <c r="AI21" s="283">
        <v>428</v>
      </c>
      <c r="AJ21" s="277">
        <v>0</v>
      </c>
      <c r="AK21" s="281">
        <v>0</v>
      </c>
      <c r="AL21" s="278">
        <v>0</v>
      </c>
      <c r="AM21" s="280">
        <v>0</v>
      </c>
      <c r="AN21" s="281">
        <v>12</v>
      </c>
      <c r="AO21" s="281">
        <v>12</v>
      </c>
      <c r="AP21" s="281">
        <v>40</v>
      </c>
      <c r="AQ21" s="281">
        <v>6</v>
      </c>
      <c r="AR21" s="281">
        <v>0</v>
      </c>
      <c r="AS21" s="278">
        <v>70</v>
      </c>
      <c r="AT21" s="283">
        <v>70</v>
      </c>
      <c r="AU21" s="277">
        <v>0</v>
      </c>
      <c r="AV21" s="281">
        <v>0</v>
      </c>
      <c r="AW21" s="278">
        <v>0</v>
      </c>
      <c r="AX21" s="280">
        <v>0</v>
      </c>
      <c r="AY21" s="281">
        <v>169</v>
      </c>
      <c r="AZ21" s="281">
        <v>164</v>
      </c>
      <c r="BA21" s="281">
        <v>71</v>
      </c>
      <c r="BB21" s="281">
        <v>20</v>
      </c>
      <c r="BC21" s="281">
        <v>0</v>
      </c>
      <c r="BD21" s="282">
        <v>424</v>
      </c>
      <c r="BE21" s="283">
        <v>424</v>
      </c>
      <c r="BF21" s="277">
        <v>0</v>
      </c>
      <c r="BG21" s="281">
        <v>0</v>
      </c>
      <c r="BH21" s="278">
        <v>0</v>
      </c>
      <c r="BI21" s="280">
        <v>0</v>
      </c>
      <c r="BJ21" s="281">
        <v>86</v>
      </c>
      <c r="BK21" s="281">
        <v>51</v>
      </c>
      <c r="BL21" s="281">
        <v>13</v>
      </c>
      <c r="BM21" s="281">
        <v>15</v>
      </c>
      <c r="BN21" s="281">
        <v>0</v>
      </c>
      <c r="BO21" s="278">
        <v>165</v>
      </c>
      <c r="BP21" s="283">
        <v>165</v>
      </c>
      <c r="BQ21" s="277">
        <v>0</v>
      </c>
      <c r="BR21" s="281">
        <v>0</v>
      </c>
      <c r="BS21" s="278">
        <v>0</v>
      </c>
      <c r="BT21" s="280">
        <v>0</v>
      </c>
      <c r="BU21" s="281">
        <v>12</v>
      </c>
      <c r="BV21" s="281">
        <v>44</v>
      </c>
      <c r="BW21" s="281">
        <v>8</v>
      </c>
      <c r="BX21" s="281">
        <v>0</v>
      </c>
      <c r="BY21" s="281">
        <v>0</v>
      </c>
      <c r="BZ21" s="278">
        <v>64</v>
      </c>
      <c r="CA21" s="283">
        <v>64</v>
      </c>
      <c r="CB21" s="277">
        <v>0</v>
      </c>
      <c r="CC21" s="281">
        <v>0</v>
      </c>
      <c r="CD21" s="278">
        <v>0</v>
      </c>
      <c r="CE21" s="280">
        <v>0</v>
      </c>
      <c r="CF21" s="281">
        <v>2</v>
      </c>
      <c r="CG21" s="281">
        <v>0</v>
      </c>
      <c r="CH21" s="281">
        <v>0</v>
      </c>
      <c r="CI21" s="281">
        <v>0</v>
      </c>
      <c r="CJ21" s="281">
        <v>0</v>
      </c>
      <c r="CK21" s="278">
        <v>2</v>
      </c>
      <c r="CL21" s="283">
        <v>2</v>
      </c>
      <c r="CM21" s="277">
        <v>0</v>
      </c>
      <c r="CN21" s="281">
        <v>0</v>
      </c>
      <c r="CO21" s="278">
        <v>0</v>
      </c>
      <c r="CP21" s="280">
        <v>0</v>
      </c>
      <c r="CQ21" s="281">
        <v>0</v>
      </c>
      <c r="CR21" s="281">
        <v>0</v>
      </c>
      <c r="CS21" s="281">
        <v>0</v>
      </c>
      <c r="CT21" s="281">
        <v>0</v>
      </c>
      <c r="CU21" s="281">
        <v>0</v>
      </c>
      <c r="CV21" s="278">
        <v>0</v>
      </c>
      <c r="CW21" s="283">
        <v>0</v>
      </c>
      <c r="CX21" s="277">
        <v>0</v>
      </c>
      <c r="CY21" s="281">
        <v>0</v>
      </c>
      <c r="CZ21" s="278">
        <v>0</v>
      </c>
      <c r="DA21" s="280">
        <v>0</v>
      </c>
      <c r="DB21" s="281">
        <v>0</v>
      </c>
      <c r="DC21" s="281">
        <v>0</v>
      </c>
      <c r="DD21" s="281">
        <v>0</v>
      </c>
      <c r="DE21" s="281">
        <v>0</v>
      </c>
      <c r="DF21" s="281">
        <v>0</v>
      </c>
      <c r="DG21" s="278">
        <v>0</v>
      </c>
      <c r="DH21" s="283">
        <v>0</v>
      </c>
    </row>
    <row r="22" spans="2:112" ht="18.75" customHeight="1" x14ac:dyDescent="0.2">
      <c r="B22" s="262" t="s">
        <v>20</v>
      </c>
      <c r="C22" s="277">
        <v>0</v>
      </c>
      <c r="D22" s="281">
        <v>0</v>
      </c>
      <c r="E22" s="385">
        <v>0</v>
      </c>
      <c r="F22" s="280">
        <v>0</v>
      </c>
      <c r="G22" s="281">
        <v>286</v>
      </c>
      <c r="H22" s="281">
        <v>330</v>
      </c>
      <c r="I22" s="281">
        <v>184</v>
      </c>
      <c r="J22" s="281">
        <v>331</v>
      </c>
      <c r="K22" s="281">
        <v>117</v>
      </c>
      <c r="L22" s="282">
        <v>1248</v>
      </c>
      <c r="M22" s="283">
        <v>1248</v>
      </c>
      <c r="N22" s="277">
        <v>0</v>
      </c>
      <c r="O22" s="281">
        <v>0</v>
      </c>
      <c r="P22" s="278">
        <v>0</v>
      </c>
      <c r="Q22" s="280">
        <v>0</v>
      </c>
      <c r="R22" s="281">
        <v>0</v>
      </c>
      <c r="S22" s="281">
        <v>4</v>
      </c>
      <c r="T22" s="281">
        <v>5</v>
      </c>
      <c r="U22" s="281">
        <v>6</v>
      </c>
      <c r="V22" s="281">
        <v>13</v>
      </c>
      <c r="W22" s="278">
        <v>28</v>
      </c>
      <c r="X22" s="283">
        <v>28</v>
      </c>
      <c r="Y22" s="277">
        <v>14</v>
      </c>
      <c r="Z22" s="281">
        <v>31</v>
      </c>
      <c r="AA22" s="278">
        <v>45</v>
      </c>
      <c r="AB22" s="280">
        <v>0</v>
      </c>
      <c r="AC22" s="281">
        <v>235</v>
      </c>
      <c r="AD22" s="281">
        <v>152</v>
      </c>
      <c r="AE22" s="281">
        <v>97</v>
      </c>
      <c r="AF22" s="281">
        <v>90</v>
      </c>
      <c r="AG22" s="281">
        <v>33</v>
      </c>
      <c r="AH22" s="278">
        <v>607</v>
      </c>
      <c r="AI22" s="283">
        <v>652</v>
      </c>
      <c r="AJ22" s="277">
        <v>12</v>
      </c>
      <c r="AK22" s="281">
        <v>14</v>
      </c>
      <c r="AL22" s="278">
        <v>26</v>
      </c>
      <c r="AM22" s="280">
        <v>0</v>
      </c>
      <c r="AN22" s="281">
        <v>48</v>
      </c>
      <c r="AO22" s="281">
        <v>38</v>
      </c>
      <c r="AP22" s="281">
        <v>53</v>
      </c>
      <c r="AQ22" s="281">
        <v>14</v>
      </c>
      <c r="AR22" s="281">
        <v>0</v>
      </c>
      <c r="AS22" s="278">
        <v>153</v>
      </c>
      <c r="AT22" s="283">
        <v>179</v>
      </c>
      <c r="AU22" s="277">
        <v>0</v>
      </c>
      <c r="AV22" s="281">
        <v>0</v>
      </c>
      <c r="AW22" s="278">
        <v>0</v>
      </c>
      <c r="AX22" s="280">
        <v>0</v>
      </c>
      <c r="AY22" s="281">
        <v>206</v>
      </c>
      <c r="AZ22" s="281">
        <v>160</v>
      </c>
      <c r="BA22" s="281">
        <v>119</v>
      </c>
      <c r="BB22" s="281">
        <v>49</v>
      </c>
      <c r="BC22" s="281">
        <v>0</v>
      </c>
      <c r="BD22" s="282">
        <v>534</v>
      </c>
      <c r="BE22" s="283">
        <v>534</v>
      </c>
      <c r="BF22" s="277">
        <v>0</v>
      </c>
      <c r="BG22" s="281">
        <v>0</v>
      </c>
      <c r="BH22" s="278">
        <v>0</v>
      </c>
      <c r="BI22" s="280">
        <v>0</v>
      </c>
      <c r="BJ22" s="281">
        <v>85</v>
      </c>
      <c r="BK22" s="281">
        <v>70</v>
      </c>
      <c r="BL22" s="281">
        <v>41</v>
      </c>
      <c r="BM22" s="281">
        <v>60</v>
      </c>
      <c r="BN22" s="281">
        <v>3</v>
      </c>
      <c r="BO22" s="278">
        <v>259</v>
      </c>
      <c r="BP22" s="283">
        <v>259</v>
      </c>
      <c r="BQ22" s="277">
        <v>8</v>
      </c>
      <c r="BR22" s="281">
        <v>3</v>
      </c>
      <c r="BS22" s="278">
        <v>11</v>
      </c>
      <c r="BT22" s="280">
        <v>0</v>
      </c>
      <c r="BU22" s="281">
        <v>16</v>
      </c>
      <c r="BV22" s="281">
        <v>5</v>
      </c>
      <c r="BW22" s="281">
        <v>132</v>
      </c>
      <c r="BX22" s="281">
        <v>151</v>
      </c>
      <c r="BY22" s="281">
        <v>0</v>
      </c>
      <c r="BZ22" s="278">
        <v>304</v>
      </c>
      <c r="CA22" s="283">
        <v>315</v>
      </c>
      <c r="CB22" s="277">
        <v>0</v>
      </c>
      <c r="CC22" s="281">
        <v>0</v>
      </c>
      <c r="CD22" s="278">
        <v>0</v>
      </c>
      <c r="CE22" s="280">
        <v>0</v>
      </c>
      <c r="CF22" s="281">
        <v>0</v>
      </c>
      <c r="CG22" s="281">
        <v>2</v>
      </c>
      <c r="CH22" s="281">
        <v>8</v>
      </c>
      <c r="CI22" s="281">
        <v>15</v>
      </c>
      <c r="CJ22" s="281">
        <v>0</v>
      </c>
      <c r="CK22" s="278">
        <v>25</v>
      </c>
      <c r="CL22" s="283">
        <v>25</v>
      </c>
      <c r="CM22" s="277">
        <v>0</v>
      </c>
      <c r="CN22" s="281">
        <v>0</v>
      </c>
      <c r="CO22" s="278">
        <v>0</v>
      </c>
      <c r="CP22" s="280">
        <v>0</v>
      </c>
      <c r="CQ22" s="281">
        <v>0</v>
      </c>
      <c r="CR22" s="281">
        <v>0</v>
      </c>
      <c r="CS22" s="281">
        <v>0</v>
      </c>
      <c r="CT22" s="281">
        <v>0</v>
      </c>
      <c r="CU22" s="281">
        <v>0</v>
      </c>
      <c r="CV22" s="278">
        <v>0</v>
      </c>
      <c r="CW22" s="283">
        <v>0</v>
      </c>
      <c r="CX22" s="277">
        <v>0</v>
      </c>
      <c r="CY22" s="281">
        <v>0</v>
      </c>
      <c r="CZ22" s="278">
        <v>0</v>
      </c>
      <c r="DA22" s="280">
        <v>0</v>
      </c>
      <c r="DB22" s="281">
        <v>0</v>
      </c>
      <c r="DC22" s="281">
        <v>0</v>
      </c>
      <c r="DD22" s="281">
        <v>0</v>
      </c>
      <c r="DE22" s="281">
        <v>0</v>
      </c>
      <c r="DF22" s="281">
        <v>0</v>
      </c>
      <c r="DG22" s="278">
        <v>0</v>
      </c>
      <c r="DH22" s="283">
        <v>0</v>
      </c>
    </row>
    <row r="23" spans="2:112" ht="18.75" customHeight="1" x14ac:dyDescent="0.2">
      <c r="B23" s="262" t="s">
        <v>21</v>
      </c>
      <c r="C23" s="277">
        <v>0</v>
      </c>
      <c r="D23" s="281">
        <v>0</v>
      </c>
      <c r="E23" s="385">
        <v>0</v>
      </c>
      <c r="F23" s="280">
        <v>0</v>
      </c>
      <c r="G23" s="281">
        <v>150</v>
      </c>
      <c r="H23" s="281">
        <v>147</v>
      </c>
      <c r="I23" s="281">
        <v>160</v>
      </c>
      <c r="J23" s="281">
        <v>506</v>
      </c>
      <c r="K23" s="281">
        <v>486</v>
      </c>
      <c r="L23" s="282">
        <v>1449</v>
      </c>
      <c r="M23" s="283">
        <v>1449</v>
      </c>
      <c r="N23" s="277">
        <v>0</v>
      </c>
      <c r="O23" s="281">
        <v>0</v>
      </c>
      <c r="P23" s="278">
        <v>0</v>
      </c>
      <c r="Q23" s="280">
        <v>0</v>
      </c>
      <c r="R23" s="281">
        <v>0</v>
      </c>
      <c r="S23" s="281">
        <v>0</v>
      </c>
      <c r="T23" s="281">
        <v>4</v>
      </c>
      <c r="U23" s="281">
        <v>4</v>
      </c>
      <c r="V23" s="281">
        <v>22</v>
      </c>
      <c r="W23" s="278">
        <v>30</v>
      </c>
      <c r="X23" s="283">
        <v>30</v>
      </c>
      <c r="Y23" s="277">
        <v>27</v>
      </c>
      <c r="Z23" s="281">
        <v>22</v>
      </c>
      <c r="AA23" s="278">
        <v>49</v>
      </c>
      <c r="AB23" s="280">
        <v>0</v>
      </c>
      <c r="AC23" s="281">
        <v>131</v>
      </c>
      <c r="AD23" s="281">
        <v>206</v>
      </c>
      <c r="AE23" s="281">
        <v>90</v>
      </c>
      <c r="AF23" s="281">
        <v>160</v>
      </c>
      <c r="AG23" s="281">
        <v>62</v>
      </c>
      <c r="AH23" s="278">
        <v>649</v>
      </c>
      <c r="AI23" s="283">
        <v>698</v>
      </c>
      <c r="AJ23" s="277">
        <v>0</v>
      </c>
      <c r="AK23" s="281">
        <v>10</v>
      </c>
      <c r="AL23" s="278">
        <v>10</v>
      </c>
      <c r="AM23" s="280">
        <v>0</v>
      </c>
      <c r="AN23" s="281">
        <v>16</v>
      </c>
      <c r="AO23" s="281">
        <v>43</v>
      </c>
      <c r="AP23" s="281">
        <v>0</v>
      </c>
      <c r="AQ23" s="281">
        <v>0</v>
      </c>
      <c r="AR23" s="281">
        <v>0</v>
      </c>
      <c r="AS23" s="278">
        <v>59</v>
      </c>
      <c r="AT23" s="283">
        <v>69</v>
      </c>
      <c r="AU23" s="277">
        <v>0</v>
      </c>
      <c r="AV23" s="281">
        <v>0</v>
      </c>
      <c r="AW23" s="278">
        <v>0</v>
      </c>
      <c r="AX23" s="280">
        <v>0</v>
      </c>
      <c r="AY23" s="281">
        <v>166</v>
      </c>
      <c r="AZ23" s="281">
        <v>176</v>
      </c>
      <c r="BA23" s="281">
        <v>103</v>
      </c>
      <c r="BB23" s="281">
        <v>18</v>
      </c>
      <c r="BC23" s="281">
        <v>40</v>
      </c>
      <c r="BD23" s="282">
        <v>503</v>
      </c>
      <c r="BE23" s="283">
        <v>503</v>
      </c>
      <c r="BF23" s="277">
        <v>0</v>
      </c>
      <c r="BG23" s="281">
        <v>0</v>
      </c>
      <c r="BH23" s="278">
        <v>0</v>
      </c>
      <c r="BI23" s="280">
        <v>0</v>
      </c>
      <c r="BJ23" s="281">
        <v>47</v>
      </c>
      <c r="BK23" s="281">
        <v>92</v>
      </c>
      <c r="BL23" s="281">
        <v>35</v>
      </c>
      <c r="BM23" s="281">
        <v>7</v>
      </c>
      <c r="BN23" s="281">
        <v>0</v>
      </c>
      <c r="BO23" s="278">
        <v>181</v>
      </c>
      <c r="BP23" s="283">
        <v>181</v>
      </c>
      <c r="BQ23" s="277">
        <v>0</v>
      </c>
      <c r="BR23" s="281">
        <v>0</v>
      </c>
      <c r="BS23" s="278">
        <v>0</v>
      </c>
      <c r="BT23" s="280">
        <v>0</v>
      </c>
      <c r="BU23" s="281">
        <v>50</v>
      </c>
      <c r="BV23" s="281">
        <v>12</v>
      </c>
      <c r="BW23" s="281">
        <v>194</v>
      </c>
      <c r="BX23" s="281">
        <v>35</v>
      </c>
      <c r="BY23" s="281">
        <v>19</v>
      </c>
      <c r="BZ23" s="278">
        <v>310</v>
      </c>
      <c r="CA23" s="283">
        <v>310</v>
      </c>
      <c r="CB23" s="277">
        <v>0</v>
      </c>
      <c r="CC23" s="281">
        <v>0</v>
      </c>
      <c r="CD23" s="278">
        <v>0</v>
      </c>
      <c r="CE23" s="280">
        <v>0</v>
      </c>
      <c r="CF23" s="281">
        <v>0</v>
      </c>
      <c r="CG23" s="281">
        <v>0</v>
      </c>
      <c r="CH23" s="281">
        <v>14</v>
      </c>
      <c r="CI23" s="281">
        <v>0</v>
      </c>
      <c r="CJ23" s="281">
        <v>0</v>
      </c>
      <c r="CK23" s="278">
        <v>14</v>
      </c>
      <c r="CL23" s="283">
        <v>14</v>
      </c>
      <c r="CM23" s="277">
        <v>0</v>
      </c>
      <c r="CN23" s="281">
        <v>0</v>
      </c>
      <c r="CO23" s="278">
        <v>0</v>
      </c>
      <c r="CP23" s="280">
        <v>0</v>
      </c>
      <c r="CQ23" s="281">
        <v>0</v>
      </c>
      <c r="CR23" s="281">
        <v>0</v>
      </c>
      <c r="CS23" s="281">
        <v>0</v>
      </c>
      <c r="CT23" s="281">
        <v>0</v>
      </c>
      <c r="CU23" s="281">
        <v>0</v>
      </c>
      <c r="CV23" s="278">
        <v>0</v>
      </c>
      <c r="CW23" s="283">
        <v>0</v>
      </c>
      <c r="CX23" s="277">
        <v>0</v>
      </c>
      <c r="CY23" s="281">
        <v>0</v>
      </c>
      <c r="CZ23" s="278">
        <v>0</v>
      </c>
      <c r="DA23" s="280">
        <v>0</v>
      </c>
      <c r="DB23" s="281">
        <v>0</v>
      </c>
      <c r="DC23" s="281">
        <v>0</v>
      </c>
      <c r="DD23" s="281">
        <v>0</v>
      </c>
      <c r="DE23" s="281">
        <v>0</v>
      </c>
      <c r="DF23" s="281">
        <v>0</v>
      </c>
      <c r="DG23" s="278">
        <v>0</v>
      </c>
      <c r="DH23" s="283">
        <v>0</v>
      </c>
    </row>
    <row r="24" spans="2:112" ht="18.75" customHeight="1" x14ac:dyDescent="0.2">
      <c r="B24" s="262" t="s">
        <v>22</v>
      </c>
      <c r="C24" s="277">
        <v>0</v>
      </c>
      <c r="D24" s="281">
        <v>0</v>
      </c>
      <c r="E24" s="385">
        <v>0</v>
      </c>
      <c r="F24" s="280">
        <v>0</v>
      </c>
      <c r="G24" s="281">
        <v>36</v>
      </c>
      <c r="H24" s="281">
        <v>83</v>
      </c>
      <c r="I24" s="281">
        <v>18</v>
      </c>
      <c r="J24" s="281">
        <v>43</v>
      </c>
      <c r="K24" s="281">
        <v>229</v>
      </c>
      <c r="L24" s="282">
        <v>409</v>
      </c>
      <c r="M24" s="283">
        <v>409</v>
      </c>
      <c r="N24" s="277">
        <v>0</v>
      </c>
      <c r="O24" s="281">
        <v>0</v>
      </c>
      <c r="P24" s="278">
        <v>0</v>
      </c>
      <c r="Q24" s="280">
        <v>0</v>
      </c>
      <c r="R24" s="281">
        <v>0</v>
      </c>
      <c r="S24" s="281">
        <v>0</v>
      </c>
      <c r="T24" s="281">
        <v>4</v>
      </c>
      <c r="U24" s="281">
        <v>0</v>
      </c>
      <c r="V24" s="281">
        <v>9</v>
      </c>
      <c r="W24" s="278">
        <v>13</v>
      </c>
      <c r="X24" s="283">
        <v>13</v>
      </c>
      <c r="Y24" s="277">
        <v>0</v>
      </c>
      <c r="Z24" s="281">
        <v>0</v>
      </c>
      <c r="AA24" s="278">
        <v>0</v>
      </c>
      <c r="AB24" s="280">
        <v>0</v>
      </c>
      <c r="AC24" s="281">
        <v>5</v>
      </c>
      <c r="AD24" s="281">
        <v>7</v>
      </c>
      <c r="AE24" s="281">
        <v>12</v>
      </c>
      <c r="AF24" s="281">
        <v>23</v>
      </c>
      <c r="AG24" s="281">
        <v>16</v>
      </c>
      <c r="AH24" s="278">
        <v>63</v>
      </c>
      <c r="AI24" s="283">
        <v>63</v>
      </c>
      <c r="AJ24" s="277">
        <v>0</v>
      </c>
      <c r="AK24" s="281">
        <v>0</v>
      </c>
      <c r="AL24" s="278">
        <v>0</v>
      </c>
      <c r="AM24" s="280">
        <v>0</v>
      </c>
      <c r="AN24" s="281">
        <v>24</v>
      </c>
      <c r="AO24" s="281">
        <v>78</v>
      </c>
      <c r="AP24" s="281">
        <v>0</v>
      </c>
      <c r="AQ24" s="281">
        <v>10</v>
      </c>
      <c r="AR24" s="281">
        <v>24</v>
      </c>
      <c r="AS24" s="278">
        <v>136</v>
      </c>
      <c r="AT24" s="283">
        <v>136</v>
      </c>
      <c r="AU24" s="277">
        <v>0</v>
      </c>
      <c r="AV24" s="281">
        <v>0</v>
      </c>
      <c r="AW24" s="278">
        <v>0</v>
      </c>
      <c r="AX24" s="280">
        <v>0</v>
      </c>
      <c r="AY24" s="281">
        <v>56</v>
      </c>
      <c r="AZ24" s="281">
        <v>162</v>
      </c>
      <c r="BA24" s="281">
        <v>63</v>
      </c>
      <c r="BB24" s="281">
        <v>17</v>
      </c>
      <c r="BC24" s="281">
        <v>17</v>
      </c>
      <c r="BD24" s="282">
        <v>315</v>
      </c>
      <c r="BE24" s="283">
        <v>315</v>
      </c>
      <c r="BF24" s="277">
        <v>0</v>
      </c>
      <c r="BG24" s="281">
        <v>0</v>
      </c>
      <c r="BH24" s="278">
        <v>0</v>
      </c>
      <c r="BI24" s="280">
        <v>0</v>
      </c>
      <c r="BJ24" s="281">
        <v>40</v>
      </c>
      <c r="BK24" s="281">
        <v>18</v>
      </c>
      <c r="BL24" s="281">
        <v>8</v>
      </c>
      <c r="BM24" s="281">
        <v>5</v>
      </c>
      <c r="BN24" s="281">
        <v>16</v>
      </c>
      <c r="BO24" s="278">
        <v>87</v>
      </c>
      <c r="BP24" s="283">
        <v>87</v>
      </c>
      <c r="BQ24" s="277">
        <v>0</v>
      </c>
      <c r="BR24" s="281">
        <v>0</v>
      </c>
      <c r="BS24" s="278">
        <v>0</v>
      </c>
      <c r="BT24" s="280">
        <v>0</v>
      </c>
      <c r="BU24" s="281">
        <v>7</v>
      </c>
      <c r="BV24" s="281">
        <v>3</v>
      </c>
      <c r="BW24" s="281">
        <v>56</v>
      </c>
      <c r="BX24" s="281">
        <v>30</v>
      </c>
      <c r="BY24" s="281">
        <v>0</v>
      </c>
      <c r="BZ24" s="278">
        <v>96</v>
      </c>
      <c r="CA24" s="283">
        <v>96</v>
      </c>
      <c r="CB24" s="277">
        <v>0</v>
      </c>
      <c r="CC24" s="281">
        <v>0</v>
      </c>
      <c r="CD24" s="278">
        <v>0</v>
      </c>
      <c r="CE24" s="280">
        <v>0</v>
      </c>
      <c r="CF24" s="281">
        <v>0</v>
      </c>
      <c r="CG24" s="281">
        <v>0</v>
      </c>
      <c r="CH24" s="281">
        <v>0</v>
      </c>
      <c r="CI24" s="281">
        <v>0</v>
      </c>
      <c r="CJ24" s="281">
        <v>0</v>
      </c>
      <c r="CK24" s="278">
        <v>0</v>
      </c>
      <c r="CL24" s="283">
        <v>0</v>
      </c>
      <c r="CM24" s="277">
        <v>0</v>
      </c>
      <c r="CN24" s="281">
        <v>0</v>
      </c>
      <c r="CO24" s="278">
        <v>0</v>
      </c>
      <c r="CP24" s="280">
        <v>0</v>
      </c>
      <c r="CQ24" s="281">
        <v>0</v>
      </c>
      <c r="CR24" s="281">
        <v>0</v>
      </c>
      <c r="CS24" s="281">
        <v>0</v>
      </c>
      <c r="CT24" s="281">
        <v>0</v>
      </c>
      <c r="CU24" s="281">
        <v>0</v>
      </c>
      <c r="CV24" s="278">
        <v>0</v>
      </c>
      <c r="CW24" s="283">
        <v>0</v>
      </c>
      <c r="CX24" s="277">
        <v>0</v>
      </c>
      <c r="CY24" s="281">
        <v>0</v>
      </c>
      <c r="CZ24" s="278">
        <v>0</v>
      </c>
      <c r="DA24" s="280">
        <v>0</v>
      </c>
      <c r="DB24" s="281">
        <v>0</v>
      </c>
      <c r="DC24" s="281">
        <v>0</v>
      </c>
      <c r="DD24" s="281">
        <v>0</v>
      </c>
      <c r="DE24" s="281">
        <v>0</v>
      </c>
      <c r="DF24" s="281">
        <v>0</v>
      </c>
      <c r="DG24" s="278">
        <v>0</v>
      </c>
      <c r="DH24" s="283">
        <v>0</v>
      </c>
    </row>
    <row r="25" spans="2:112" ht="18.75" customHeight="1" x14ac:dyDescent="0.2">
      <c r="B25" s="262" t="s">
        <v>23</v>
      </c>
      <c r="C25" s="277">
        <v>0</v>
      </c>
      <c r="D25" s="281">
        <v>0</v>
      </c>
      <c r="E25" s="385">
        <v>0</v>
      </c>
      <c r="F25" s="280">
        <v>0</v>
      </c>
      <c r="G25" s="281">
        <v>59</v>
      </c>
      <c r="H25" s="281">
        <v>110</v>
      </c>
      <c r="I25" s="281">
        <v>150</v>
      </c>
      <c r="J25" s="281">
        <v>179</v>
      </c>
      <c r="K25" s="281">
        <v>0</v>
      </c>
      <c r="L25" s="282">
        <v>498</v>
      </c>
      <c r="M25" s="283">
        <v>498</v>
      </c>
      <c r="N25" s="277">
        <v>0</v>
      </c>
      <c r="O25" s="281">
        <v>0</v>
      </c>
      <c r="P25" s="278">
        <v>0</v>
      </c>
      <c r="Q25" s="280">
        <v>0</v>
      </c>
      <c r="R25" s="281">
        <v>0</v>
      </c>
      <c r="S25" s="281">
        <v>0</v>
      </c>
      <c r="T25" s="281">
        <v>0</v>
      </c>
      <c r="U25" s="281">
        <v>2</v>
      </c>
      <c r="V25" s="281">
        <v>7</v>
      </c>
      <c r="W25" s="278">
        <v>9</v>
      </c>
      <c r="X25" s="283">
        <v>9</v>
      </c>
      <c r="Y25" s="277">
        <v>13</v>
      </c>
      <c r="Z25" s="281">
        <v>19</v>
      </c>
      <c r="AA25" s="278">
        <v>32</v>
      </c>
      <c r="AB25" s="280">
        <v>0</v>
      </c>
      <c r="AC25" s="281">
        <v>59</v>
      </c>
      <c r="AD25" s="281">
        <v>108</v>
      </c>
      <c r="AE25" s="281">
        <v>37</v>
      </c>
      <c r="AF25" s="281">
        <v>80</v>
      </c>
      <c r="AG25" s="281">
        <v>43</v>
      </c>
      <c r="AH25" s="278">
        <v>327</v>
      </c>
      <c r="AI25" s="283">
        <v>359</v>
      </c>
      <c r="AJ25" s="277">
        <v>0</v>
      </c>
      <c r="AK25" s="281">
        <v>0</v>
      </c>
      <c r="AL25" s="278">
        <v>0</v>
      </c>
      <c r="AM25" s="280">
        <v>0</v>
      </c>
      <c r="AN25" s="281">
        <v>0</v>
      </c>
      <c r="AO25" s="281">
        <v>14</v>
      </c>
      <c r="AP25" s="281">
        <v>0</v>
      </c>
      <c r="AQ25" s="281">
        <v>0</v>
      </c>
      <c r="AR25" s="281">
        <v>0</v>
      </c>
      <c r="AS25" s="278">
        <v>14</v>
      </c>
      <c r="AT25" s="283">
        <v>14</v>
      </c>
      <c r="AU25" s="277">
        <v>0</v>
      </c>
      <c r="AV25" s="281">
        <v>0</v>
      </c>
      <c r="AW25" s="278">
        <v>0</v>
      </c>
      <c r="AX25" s="280">
        <v>0</v>
      </c>
      <c r="AY25" s="281">
        <v>102</v>
      </c>
      <c r="AZ25" s="281">
        <v>102</v>
      </c>
      <c r="BA25" s="281">
        <v>92</v>
      </c>
      <c r="BB25" s="281">
        <v>63</v>
      </c>
      <c r="BC25" s="281">
        <v>6</v>
      </c>
      <c r="BD25" s="282">
        <v>365</v>
      </c>
      <c r="BE25" s="283">
        <v>365</v>
      </c>
      <c r="BF25" s="277">
        <v>0</v>
      </c>
      <c r="BG25" s="281">
        <v>0</v>
      </c>
      <c r="BH25" s="278">
        <v>0</v>
      </c>
      <c r="BI25" s="280">
        <v>0</v>
      </c>
      <c r="BJ25" s="281">
        <v>20</v>
      </c>
      <c r="BK25" s="281">
        <v>24</v>
      </c>
      <c r="BL25" s="281">
        <v>11</v>
      </c>
      <c r="BM25" s="281">
        <v>33</v>
      </c>
      <c r="BN25" s="281">
        <v>0</v>
      </c>
      <c r="BO25" s="278">
        <v>88</v>
      </c>
      <c r="BP25" s="283">
        <v>88</v>
      </c>
      <c r="BQ25" s="277">
        <v>0</v>
      </c>
      <c r="BR25" s="281">
        <v>0</v>
      </c>
      <c r="BS25" s="278">
        <v>0</v>
      </c>
      <c r="BT25" s="280">
        <v>0</v>
      </c>
      <c r="BU25" s="281">
        <v>0</v>
      </c>
      <c r="BV25" s="281">
        <v>14</v>
      </c>
      <c r="BW25" s="281">
        <v>19</v>
      </c>
      <c r="BX25" s="281">
        <v>21</v>
      </c>
      <c r="BY25" s="281">
        <v>0</v>
      </c>
      <c r="BZ25" s="278">
        <v>54</v>
      </c>
      <c r="CA25" s="283">
        <v>54</v>
      </c>
      <c r="CB25" s="277">
        <v>0</v>
      </c>
      <c r="CC25" s="281">
        <v>0</v>
      </c>
      <c r="CD25" s="278">
        <v>0</v>
      </c>
      <c r="CE25" s="280">
        <v>0</v>
      </c>
      <c r="CF25" s="281">
        <v>6</v>
      </c>
      <c r="CG25" s="281">
        <v>0</v>
      </c>
      <c r="CH25" s="281">
        <v>0</v>
      </c>
      <c r="CI25" s="281">
        <v>0</v>
      </c>
      <c r="CJ25" s="281">
        <v>0</v>
      </c>
      <c r="CK25" s="278">
        <v>6</v>
      </c>
      <c r="CL25" s="283">
        <v>6</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row>
    <row r="26" spans="2:112" ht="18.75" customHeight="1" x14ac:dyDescent="0.2">
      <c r="B26" s="262" t="s">
        <v>24</v>
      </c>
      <c r="C26" s="277">
        <v>0</v>
      </c>
      <c r="D26" s="281">
        <v>0</v>
      </c>
      <c r="E26" s="385">
        <v>0</v>
      </c>
      <c r="F26" s="280">
        <v>0</v>
      </c>
      <c r="G26" s="281">
        <v>210</v>
      </c>
      <c r="H26" s="281">
        <v>83</v>
      </c>
      <c r="I26" s="281">
        <v>8</v>
      </c>
      <c r="J26" s="281">
        <v>212</v>
      </c>
      <c r="K26" s="281">
        <v>37</v>
      </c>
      <c r="L26" s="282">
        <v>550</v>
      </c>
      <c r="M26" s="283">
        <v>550</v>
      </c>
      <c r="N26" s="277">
        <v>0</v>
      </c>
      <c r="O26" s="281">
        <v>0</v>
      </c>
      <c r="P26" s="278">
        <v>0</v>
      </c>
      <c r="Q26" s="280">
        <v>0</v>
      </c>
      <c r="R26" s="281">
        <v>0</v>
      </c>
      <c r="S26" s="281">
        <v>0</v>
      </c>
      <c r="T26" s="281">
        <v>0</v>
      </c>
      <c r="U26" s="281">
        <v>5</v>
      </c>
      <c r="V26" s="281">
        <v>9</v>
      </c>
      <c r="W26" s="278">
        <v>14</v>
      </c>
      <c r="X26" s="283">
        <v>14</v>
      </c>
      <c r="Y26" s="277">
        <v>13</v>
      </c>
      <c r="Z26" s="281">
        <v>17</v>
      </c>
      <c r="AA26" s="278">
        <v>30</v>
      </c>
      <c r="AB26" s="280">
        <v>0</v>
      </c>
      <c r="AC26" s="281">
        <v>101</v>
      </c>
      <c r="AD26" s="281">
        <v>33</v>
      </c>
      <c r="AE26" s="281">
        <v>51</v>
      </c>
      <c r="AF26" s="281">
        <v>26</v>
      </c>
      <c r="AG26" s="281">
        <v>24</v>
      </c>
      <c r="AH26" s="278">
        <v>235</v>
      </c>
      <c r="AI26" s="283">
        <v>265</v>
      </c>
      <c r="AJ26" s="277">
        <v>12</v>
      </c>
      <c r="AK26" s="281">
        <v>18</v>
      </c>
      <c r="AL26" s="278">
        <v>30</v>
      </c>
      <c r="AM26" s="280">
        <v>0</v>
      </c>
      <c r="AN26" s="281">
        <v>21</v>
      </c>
      <c r="AO26" s="281">
        <v>0</v>
      </c>
      <c r="AP26" s="281">
        <v>0</v>
      </c>
      <c r="AQ26" s="281">
        <v>85</v>
      </c>
      <c r="AR26" s="281">
        <v>0</v>
      </c>
      <c r="AS26" s="278">
        <v>106</v>
      </c>
      <c r="AT26" s="283">
        <v>136</v>
      </c>
      <c r="AU26" s="277">
        <v>0</v>
      </c>
      <c r="AV26" s="281">
        <v>0</v>
      </c>
      <c r="AW26" s="278">
        <v>0</v>
      </c>
      <c r="AX26" s="280">
        <v>0</v>
      </c>
      <c r="AY26" s="281">
        <v>100</v>
      </c>
      <c r="AZ26" s="281">
        <v>69</v>
      </c>
      <c r="BA26" s="281">
        <v>68</v>
      </c>
      <c r="BB26" s="281">
        <v>25</v>
      </c>
      <c r="BC26" s="281">
        <v>0</v>
      </c>
      <c r="BD26" s="282">
        <v>262</v>
      </c>
      <c r="BE26" s="283">
        <v>262</v>
      </c>
      <c r="BF26" s="277">
        <v>0</v>
      </c>
      <c r="BG26" s="281">
        <v>0</v>
      </c>
      <c r="BH26" s="278">
        <v>0</v>
      </c>
      <c r="BI26" s="280">
        <v>0</v>
      </c>
      <c r="BJ26" s="281">
        <v>21</v>
      </c>
      <c r="BK26" s="281">
        <v>54</v>
      </c>
      <c r="BL26" s="281">
        <v>11</v>
      </c>
      <c r="BM26" s="281">
        <v>0</v>
      </c>
      <c r="BN26" s="281">
        <v>0</v>
      </c>
      <c r="BO26" s="278">
        <v>86</v>
      </c>
      <c r="BP26" s="283">
        <v>86</v>
      </c>
      <c r="BQ26" s="277">
        <v>0</v>
      </c>
      <c r="BR26" s="281">
        <v>0</v>
      </c>
      <c r="BS26" s="278">
        <v>0</v>
      </c>
      <c r="BT26" s="280">
        <v>0</v>
      </c>
      <c r="BU26" s="281">
        <v>10</v>
      </c>
      <c r="BV26" s="281">
        <v>0</v>
      </c>
      <c r="BW26" s="281">
        <v>39</v>
      </c>
      <c r="BX26" s="281">
        <v>24</v>
      </c>
      <c r="BY26" s="281">
        <v>13</v>
      </c>
      <c r="BZ26" s="278">
        <v>86</v>
      </c>
      <c r="CA26" s="283">
        <v>86</v>
      </c>
      <c r="CB26" s="277">
        <v>0</v>
      </c>
      <c r="CC26" s="281">
        <v>0</v>
      </c>
      <c r="CD26" s="278">
        <v>0</v>
      </c>
      <c r="CE26" s="280">
        <v>0</v>
      </c>
      <c r="CF26" s="281">
        <v>0</v>
      </c>
      <c r="CG26" s="281">
        <v>0</v>
      </c>
      <c r="CH26" s="281">
        <v>0</v>
      </c>
      <c r="CI26" s="281">
        <v>0</v>
      </c>
      <c r="CJ26" s="281">
        <v>0</v>
      </c>
      <c r="CK26" s="278">
        <v>0</v>
      </c>
      <c r="CL26" s="283">
        <v>0</v>
      </c>
      <c r="CM26" s="277">
        <v>0</v>
      </c>
      <c r="CN26" s="281">
        <v>0</v>
      </c>
      <c r="CO26" s="278">
        <v>0</v>
      </c>
      <c r="CP26" s="280">
        <v>0</v>
      </c>
      <c r="CQ26" s="281">
        <v>0</v>
      </c>
      <c r="CR26" s="281">
        <v>0</v>
      </c>
      <c r="CS26" s="281">
        <v>0</v>
      </c>
      <c r="CT26" s="281">
        <v>0</v>
      </c>
      <c r="CU26" s="281">
        <v>0</v>
      </c>
      <c r="CV26" s="278">
        <v>0</v>
      </c>
      <c r="CW26" s="283">
        <v>0</v>
      </c>
      <c r="CX26" s="277">
        <v>0</v>
      </c>
      <c r="CY26" s="281">
        <v>0</v>
      </c>
      <c r="CZ26" s="278">
        <v>0</v>
      </c>
      <c r="DA26" s="280">
        <v>0</v>
      </c>
      <c r="DB26" s="281">
        <v>0</v>
      </c>
      <c r="DC26" s="281">
        <v>0</v>
      </c>
      <c r="DD26" s="281">
        <v>0</v>
      </c>
      <c r="DE26" s="281">
        <v>0</v>
      </c>
      <c r="DF26" s="281">
        <v>0</v>
      </c>
      <c r="DG26" s="278">
        <v>0</v>
      </c>
      <c r="DH26" s="283">
        <v>0</v>
      </c>
    </row>
    <row r="27" spans="2:112" ht="18.75" customHeight="1" x14ac:dyDescent="0.2">
      <c r="B27" s="262" t="s">
        <v>25</v>
      </c>
      <c r="C27" s="277">
        <v>0</v>
      </c>
      <c r="D27" s="281">
        <v>0</v>
      </c>
      <c r="E27" s="385">
        <v>0</v>
      </c>
      <c r="F27" s="280">
        <v>0</v>
      </c>
      <c r="G27" s="281">
        <v>66</v>
      </c>
      <c r="H27" s="281">
        <v>187</v>
      </c>
      <c r="I27" s="281">
        <v>97</v>
      </c>
      <c r="J27" s="281">
        <v>0</v>
      </c>
      <c r="K27" s="281">
        <v>4</v>
      </c>
      <c r="L27" s="282">
        <v>354</v>
      </c>
      <c r="M27" s="283">
        <v>354</v>
      </c>
      <c r="N27" s="277">
        <v>0</v>
      </c>
      <c r="O27" s="281">
        <v>0</v>
      </c>
      <c r="P27" s="278">
        <v>0</v>
      </c>
      <c r="Q27" s="280">
        <v>0</v>
      </c>
      <c r="R27" s="281">
        <v>0</v>
      </c>
      <c r="S27" s="281">
        <v>0</v>
      </c>
      <c r="T27" s="281">
        <v>4</v>
      </c>
      <c r="U27" s="281">
        <v>6</v>
      </c>
      <c r="V27" s="281">
        <v>9</v>
      </c>
      <c r="W27" s="278">
        <v>19</v>
      </c>
      <c r="X27" s="283">
        <v>19</v>
      </c>
      <c r="Y27" s="277">
        <v>4</v>
      </c>
      <c r="Z27" s="281">
        <v>21</v>
      </c>
      <c r="AA27" s="278">
        <v>25</v>
      </c>
      <c r="AB27" s="280">
        <v>0</v>
      </c>
      <c r="AC27" s="281">
        <v>53</v>
      </c>
      <c r="AD27" s="281">
        <v>33</v>
      </c>
      <c r="AE27" s="281">
        <v>9</v>
      </c>
      <c r="AF27" s="281">
        <v>2</v>
      </c>
      <c r="AG27" s="281">
        <v>12</v>
      </c>
      <c r="AH27" s="278">
        <v>109</v>
      </c>
      <c r="AI27" s="283">
        <v>134</v>
      </c>
      <c r="AJ27" s="277">
        <v>0</v>
      </c>
      <c r="AK27" s="281">
        <v>16</v>
      </c>
      <c r="AL27" s="278">
        <v>16</v>
      </c>
      <c r="AM27" s="280">
        <v>0</v>
      </c>
      <c r="AN27" s="281">
        <v>0</v>
      </c>
      <c r="AO27" s="281">
        <v>0</v>
      </c>
      <c r="AP27" s="281">
        <v>16</v>
      </c>
      <c r="AQ27" s="281">
        <v>0</v>
      </c>
      <c r="AR27" s="281">
        <v>14</v>
      </c>
      <c r="AS27" s="278">
        <v>30</v>
      </c>
      <c r="AT27" s="283">
        <v>46</v>
      </c>
      <c r="AU27" s="277">
        <v>0</v>
      </c>
      <c r="AV27" s="281">
        <v>0</v>
      </c>
      <c r="AW27" s="278">
        <v>0</v>
      </c>
      <c r="AX27" s="280">
        <v>0</v>
      </c>
      <c r="AY27" s="281">
        <v>101</v>
      </c>
      <c r="AZ27" s="281">
        <v>27</v>
      </c>
      <c r="BA27" s="281">
        <v>12</v>
      </c>
      <c r="BB27" s="281">
        <v>46</v>
      </c>
      <c r="BC27" s="281">
        <v>3</v>
      </c>
      <c r="BD27" s="282">
        <v>189</v>
      </c>
      <c r="BE27" s="283">
        <v>189</v>
      </c>
      <c r="BF27" s="277">
        <v>0</v>
      </c>
      <c r="BG27" s="281">
        <v>0</v>
      </c>
      <c r="BH27" s="278">
        <v>0</v>
      </c>
      <c r="BI27" s="280">
        <v>0</v>
      </c>
      <c r="BJ27" s="281">
        <v>23</v>
      </c>
      <c r="BK27" s="281">
        <v>25</v>
      </c>
      <c r="BL27" s="281">
        <v>7</v>
      </c>
      <c r="BM27" s="281">
        <v>10</v>
      </c>
      <c r="BN27" s="281">
        <v>2</v>
      </c>
      <c r="BO27" s="278">
        <v>67</v>
      </c>
      <c r="BP27" s="283">
        <v>67</v>
      </c>
      <c r="BQ27" s="277">
        <v>0</v>
      </c>
      <c r="BR27" s="281">
        <v>0</v>
      </c>
      <c r="BS27" s="278">
        <v>0</v>
      </c>
      <c r="BT27" s="280">
        <v>0</v>
      </c>
      <c r="BU27" s="281">
        <v>11</v>
      </c>
      <c r="BV27" s="281">
        <v>0</v>
      </c>
      <c r="BW27" s="281">
        <v>6</v>
      </c>
      <c r="BX27" s="281">
        <v>5</v>
      </c>
      <c r="BY27" s="281">
        <v>0</v>
      </c>
      <c r="BZ27" s="278">
        <v>22</v>
      </c>
      <c r="CA27" s="283">
        <v>22</v>
      </c>
      <c r="CB27" s="277">
        <v>0</v>
      </c>
      <c r="CC27" s="281">
        <v>0</v>
      </c>
      <c r="CD27" s="278">
        <v>0</v>
      </c>
      <c r="CE27" s="280">
        <v>0</v>
      </c>
      <c r="CF27" s="281">
        <v>0</v>
      </c>
      <c r="CG27" s="281">
        <v>0</v>
      </c>
      <c r="CH27" s="281">
        <v>7</v>
      </c>
      <c r="CI27" s="281">
        <v>5</v>
      </c>
      <c r="CJ27" s="281">
        <v>0</v>
      </c>
      <c r="CK27" s="278">
        <v>12</v>
      </c>
      <c r="CL27" s="283">
        <v>12</v>
      </c>
      <c r="CM27" s="277">
        <v>0</v>
      </c>
      <c r="CN27" s="281">
        <v>0</v>
      </c>
      <c r="CO27" s="278">
        <v>0</v>
      </c>
      <c r="CP27" s="280">
        <v>0</v>
      </c>
      <c r="CQ27" s="281">
        <v>0</v>
      </c>
      <c r="CR27" s="281">
        <v>0</v>
      </c>
      <c r="CS27" s="281">
        <v>0</v>
      </c>
      <c r="CT27" s="281">
        <v>0</v>
      </c>
      <c r="CU27" s="281">
        <v>0</v>
      </c>
      <c r="CV27" s="278">
        <v>0</v>
      </c>
      <c r="CW27" s="283">
        <v>0</v>
      </c>
      <c r="CX27" s="277">
        <v>0</v>
      </c>
      <c r="CY27" s="281">
        <v>0</v>
      </c>
      <c r="CZ27" s="278">
        <v>0</v>
      </c>
      <c r="DA27" s="280">
        <v>0</v>
      </c>
      <c r="DB27" s="281">
        <v>0</v>
      </c>
      <c r="DC27" s="281">
        <v>0</v>
      </c>
      <c r="DD27" s="281">
        <v>0</v>
      </c>
      <c r="DE27" s="281">
        <v>0</v>
      </c>
      <c r="DF27" s="281">
        <v>0</v>
      </c>
      <c r="DG27" s="278">
        <v>0</v>
      </c>
      <c r="DH27" s="283">
        <v>0</v>
      </c>
    </row>
    <row r="28" spans="2:112" ht="18.75" customHeight="1" x14ac:dyDescent="0.2">
      <c r="B28" s="262" t="s">
        <v>26</v>
      </c>
      <c r="C28" s="277">
        <v>0</v>
      </c>
      <c r="D28" s="281">
        <v>0</v>
      </c>
      <c r="E28" s="385">
        <v>0</v>
      </c>
      <c r="F28" s="280">
        <v>0</v>
      </c>
      <c r="G28" s="281">
        <v>18</v>
      </c>
      <c r="H28" s="281">
        <v>169</v>
      </c>
      <c r="I28" s="281">
        <v>135</v>
      </c>
      <c r="J28" s="281">
        <v>54</v>
      </c>
      <c r="K28" s="281">
        <v>38</v>
      </c>
      <c r="L28" s="282">
        <v>414</v>
      </c>
      <c r="M28" s="283">
        <v>414</v>
      </c>
      <c r="N28" s="277">
        <v>0</v>
      </c>
      <c r="O28" s="281">
        <v>0</v>
      </c>
      <c r="P28" s="278">
        <v>0</v>
      </c>
      <c r="Q28" s="280">
        <v>0</v>
      </c>
      <c r="R28" s="281">
        <v>0</v>
      </c>
      <c r="S28" s="281">
        <v>0</v>
      </c>
      <c r="T28" s="281">
        <v>4</v>
      </c>
      <c r="U28" s="281">
        <v>4</v>
      </c>
      <c r="V28" s="281">
        <v>8</v>
      </c>
      <c r="W28" s="278">
        <v>16</v>
      </c>
      <c r="X28" s="283">
        <v>16</v>
      </c>
      <c r="Y28" s="277">
        <v>0</v>
      </c>
      <c r="Z28" s="281">
        <v>0</v>
      </c>
      <c r="AA28" s="278">
        <v>0</v>
      </c>
      <c r="AB28" s="280">
        <v>0</v>
      </c>
      <c r="AC28" s="281">
        <v>16</v>
      </c>
      <c r="AD28" s="281">
        <v>25</v>
      </c>
      <c r="AE28" s="281">
        <v>47</v>
      </c>
      <c r="AF28" s="281">
        <v>26</v>
      </c>
      <c r="AG28" s="281">
        <v>21</v>
      </c>
      <c r="AH28" s="278">
        <v>135</v>
      </c>
      <c r="AI28" s="283">
        <v>135</v>
      </c>
      <c r="AJ28" s="277">
        <v>0</v>
      </c>
      <c r="AK28" s="281">
        <v>0</v>
      </c>
      <c r="AL28" s="278">
        <v>0</v>
      </c>
      <c r="AM28" s="280">
        <v>0</v>
      </c>
      <c r="AN28" s="281">
        <v>26</v>
      </c>
      <c r="AO28" s="281">
        <v>12</v>
      </c>
      <c r="AP28" s="281">
        <v>0</v>
      </c>
      <c r="AQ28" s="281">
        <v>0</v>
      </c>
      <c r="AR28" s="281">
        <v>0</v>
      </c>
      <c r="AS28" s="278">
        <v>38</v>
      </c>
      <c r="AT28" s="283">
        <v>38</v>
      </c>
      <c r="AU28" s="277">
        <v>0</v>
      </c>
      <c r="AV28" s="281">
        <v>0</v>
      </c>
      <c r="AW28" s="278">
        <v>0</v>
      </c>
      <c r="AX28" s="280">
        <v>0</v>
      </c>
      <c r="AY28" s="281">
        <v>52</v>
      </c>
      <c r="AZ28" s="281">
        <v>98</v>
      </c>
      <c r="BA28" s="281">
        <v>15</v>
      </c>
      <c r="BB28" s="281">
        <v>36</v>
      </c>
      <c r="BC28" s="281">
        <v>31</v>
      </c>
      <c r="BD28" s="282">
        <v>232</v>
      </c>
      <c r="BE28" s="283">
        <v>232</v>
      </c>
      <c r="BF28" s="277">
        <v>0</v>
      </c>
      <c r="BG28" s="281">
        <v>0</v>
      </c>
      <c r="BH28" s="278">
        <v>0</v>
      </c>
      <c r="BI28" s="280">
        <v>0</v>
      </c>
      <c r="BJ28" s="281">
        <v>8</v>
      </c>
      <c r="BK28" s="281">
        <v>25</v>
      </c>
      <c r="BL28" s="281">
        <v>13</v>
      </c>
      <c r="BM28" s="281">
        <v>7</v>
      </c>
      <c r="BN28" s="281">
        <v>0</v>
      </c>
      <c r="BO28" s="278">
        <v>53</v>
      </c>
      <c r="BP28" s="283">
        <v>53</v>
      </c>
      <c r="BQ28" s="277">
        <v>0</v>
      </c>
      <c r="BR28" s="281">
        <v>0</v>
      </c>
      <c r="BS28" s="278">
        <v>0</v>
      </c>
      <c r="BT28" s="280">
        <v>0</v>
      </c>
      <c r="BU28" s="281">
        <v>0</v>
      </c>
      <c r="BV28" s="281">
        <v>56</v>
      </c>
      <c r="BW28" s="281">
        <v>0</v>
      </c>
      <c r="BX28" s="281">
        <v>39</v>
      </c>
      <c r="BY28" s="281">
        <v>0</v>
      </c>
      <c r="BZ28" s="278">
        <v>95</v>
      </c>
      <c r="CA28" s="283">
        <v>95</v>
      </c>
      <c r="CB28" s="277">
        <v>0</v>
      </c>
      <c r="CC28" s="281">
        <v>0</v>
      </c>
      <c r="CD28" s="278">
        <v>0</v>
      </c>
      <c r="CE28" s="280">
        <v>0</v>
      </c>
      <c r="CF28" s="281">
        <v>0</v>
      </c>
      <c r="CG28" s="281">
        <v>0</v>
      </c>
      <c r="CH28" s="281">
        <v>5</v>
      </c>
      <c r="CI28" s="281">
        <v>2</v>
      </c>
      <c r="CJ28" s="281">
        <v>0</v>
      </c>
      <c r="CK28" s="278">
        <v>7</v>
      </c>
      <c r="CL28" s="283">
        <v>7</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row>
    <row r="29" spans="2:112" ht="18.75" customHeight="1" x14ac:dyDescent="0.2">
      <c r="B29" s="262" t="s">
        <v>27</v>
      </c>
      <c r="C29" s="277">
        <v>0</v>
      </c>
      <c r="D29" s="281">
        <v>0</v>
      </c>
      <c r="E29" s="385">
        <v>0</v>
      </c>
      <c r="F29" s="280">
        <v>0</v>
      </c>
      <c r="G29" s="281">
        <v>32</v>
      </c>
      <c r="H29" s="281">
        <v>11</v>
      </c>
      <c r="I29" s="281">
        <v>266</v>
      </c>
      <c r="J29" s="281">
        <v>157</v>
      </c>
      <c r="K29" s="281">
        <v>3</v>
      </c>
      <c r="L29" s="282">
        <v>469</v>
      </c>
      <c r="M29" s="283">
        <v>469</v>
      </c>
      <c r="N29" s="277">
        <v>0</v>
      </c>
      <c r="O29" s="281">
        <v>0</v>
      </c>
      <c r="P29" s="278">
        <v>0</v>
      </c>
      <c r="Q29" s="280">
        <v>0</v>
      </c>
      <c r="R29" s="281">
        <v>0</v>
      </c>
      <c r="S29" s="281">
        <v>0</v>
      </c>
      <c r="T29" s="281">
        <v>0</v>
      </c>
      <c r="U29" s="281">
        <v>5</v>
      </c>
      <c r="V29" s="281">
        <v>5</v>
      </c>
      <c r="W29" s="278">
        <v>10</v>
      </c>
      <c r="X29" s="283">
        <v>10</v>
      </c>
      <c r="Y29" s="277">
        <v>8</v>
      </c>
      <c r="Z29" s="281">
        <v>2</v>
      </c>
      <c r="AA29" s="278">
        <v>10</v>
      </c>
      <c r="AB29" s="280">
        <v>0</v>
      </c>
      <c r="AC29" s="281">
        <v>42</v>
      </c>
      <c r="AD29" s="281">
        <v>55</v>
      </c>
      <c r="AE29" s="281">
        <v>29</v>
      </c>
      <c r="AF29" s="281">
        <v>29</v>
      </c>
      <c r="AG29" s="281">
        <v>34</v>
      </c>
      <c r="AH29" s="278">
        <v>189</v>
      </c>
      <c r="AI29" s="283">
        <v>199</v>
      </c>
      <c r="AJ29" s="277">
        <v>0</v>
      </c>
      <c r="AK29" s="281">
        <v>0</v>
      </c>
      <c r="AL29" s="278">
        <v>0</v>
      </c>
      <c r="AM29" s="280">
        <v>0</v>
      </c>
      <c r="AN29" s="281">
        <v>0</v>
      </c>
      <c r="AO29" s="281">
        <v>0</v>
      </c>
      <c r="AP29" s="281">
        <v>0</v>
      </c>
      <c r="AQ29" s="281">
        <v>0</v>
      </c>
      <c r="AR29" s="281">
        <v>0</v>
      </c>
      <c r="AS29" s="278">
        <v>0</v>
      </c>
      <c r="AT29" s="283">
        <v>0</v>
      </c>
      <c r="AU29" s="277">
        <v>0</v>
      </c>
      <c r="AV29" s="281">
        <v>0</v>
      </c>
      <c r="AW29" s="278">
        <v>0</v>
      </c>
      <c r="AX29" s="280">
        <v>0</v>
      </c>
      <c r="AY29" s="281">
        <v>60</v>
      </c>
      <c r="AZ29" s="281">
        <v>57</v>
      </c>
      <c r="BA29" s="281">
        <v>51</v>
      </c>
      <c r="BB29" s="281">
        <v>44</v>
      </c>
      <c r="BC29" s="281">
        <v>15</v>
      </c>
      <c r="BD29" s="282">
        <v>227</v>
      </c>
      <c r="BE29" s="283">
        <v>227</v>
      </c>
      <c r="BF29" s="277">
        <v>0</v>
      </c>
      <c r="BG29" s="281">
        <v>0</v>
      </c>
      <c r="BH29" s="278">
        <v>0</v>
      </c>
      <c r="BI29" s="280">
        <v>0</v>
      </c>
      <c r="BJ29" s="281">
        <v>16</v>
      </c>
      <c r="BK29" s="281">
        <v>27</v>
      </c>
      <c r="BL29" s="281">
        <v>4</v>
      </c>
      <c r="BM29" s="281">
        <v>0</v>
      </c>
      <c r="BN29" s="281">
        <v>3</v>
      </c>
      <c r="BO29" s="278">
        <v>50</v>
      </c>
      <c r="BP29" s="283">
        <v>50</v>
      </c>
      <c r="BQ29" s="277">
        <v>0</v>
      </c>
      <c r="BR29" s="281">
        <v>3</v>
      </c>
      <c r="BS29" s="278">
        <v>3</v>
      </c>
      <c r="BT29" s="280">
        <v>0</v>
      </c>
      <c r="BU29" s="281">
        <v>0</v>
      </c>
      <c r="BV29" s="281">
        <v>0</v>
      </c>
      <c r="BW29" s="281">
        <v>5</v>
      </c>
      <c r="BX29" s="281">
        <v>12</v>
      </c>
      <c r="BY29" s="281">
        <v>14</v>
      </c>
      <c r="BZ29" s="278">
        <v>31</v>
      </c>
      <c r="CA29" s="283">
        <v>34</v>
      </c>
      <c r="CB29" s="277">
        <v>0</v>
      </c>
      <c r="CC29" s="281">
        <v>0</v>
      </c>
      <c r="CD29" s="278">
        <v>0</v>
      </c>
      <c r="CE29" s="280">
        <v>0</v>
      </c>
      <c r="CF29" s="281">
        <v>8</v>
      </c>
      <c r="CG29" s="281">
        <v>0</v>
      </c>
      <c r="CH29" s="281">
        <v>0</v>
      </c>
      <c r="CI29" s="281">
        <v>0</v>
      </c>
      <c r="CJ29" s="281">
        <v>0</v>
      </c>
      <c r="CK29" s="278">
        <v>8</v>
      </c>
      <c r="CL29" s="283">
        <v>8</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row>
    <row r="30" spans="2:112" ht="18.75" customHeight="1" x14ac:dyDescent="0.2">
      <c r="B30" s="262" t="s">
        <v>28</v>
      </c>
      <c r="C30" s="277">
        <v>0</v>
      </c>
      <c r="D30" s="281">
        <v>0</v>
      </c>
      <c r="E30" s="385">
        <v>0</v>
      </c>
      <c r="F30" s="280">
        <v>0</v>
      </c>
      <c r="G30" s="281">
        <v>0</v>
      </c>
      <c r="H30" s="281">
        <v>9</v>
      </c>
      <c r="I30" s="281">
        <v>19</v>
      </c>
      <c r="J30" s="281">
        <v>0</v>
      </c>
      <c r="K30" s="281">
        <v>0</v>
      </c>
      <c r="L30" s="282">
        <v>28</v>
      </c>
      <c r="M30" s="283">
        <v>28</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0</v>
      </c>
      <c r="AD30" s="281">
        <v>18</v>
      </c>
      <c r="AE30" s="281">
        <v>8</v>
      </c>
      <c r="AF30" s="281">
        <v>0</v>
      </c>
      <c r="AG30" s="281">
        <v>0</v>
      </c>
      <c r="AH30" s="278">
        <v>26</v>
      </c>
      <c r="AI30" s="283">
        <v>26</v>
      </c>
      <c r="AJ30" s="277">
        <v>0</v>
      </c>
      <c r="AK30" s="281">
        <v>0</v>
      </c>
      <c r="AL30" s="278">
        <v>0</v>
      </c>
      <c r="AM30" s="280">
        <v>0</v>
      </c>
      <c r="AN30" s="281">
        <v>0</v>
      </c>
      <c r="AO30" s="281">
        <v>0</v>
      </c>
      <c r="AP30" s="281">
        <v>0</v>
      </c>
      <c r="AQ30" s="281">
        <v>0</v>
      </c>
      <c r="AR30" s="281">
        <v>0</v>
      </c>
      <c r="AS30" s="278">
        <v>0</v>
      </c>
      <c r="AT30" s="283">
        <v>0</v>
      </c>
      <c r="AU30" s="277">
        <v>0</v>
      </c>
      <c r="AV30" s="281">
        <v>0</v>
      </c>
      <c r="AW30" s="278">
        <v>0</v>
      </c>
      <c r="AX30" s="280">
        <v>0</v>
      </c>
      <c r="AY30" s="281">
        <v>24</v>
      </c>
      <c r="AZ30" s="281">
        <v>0</v>
      </c>
      <c r="BA30" s="281">
        <v>0</v>
      </c>
      <c r="BB30" s="281">
        <v>0</v>
      </c>
      <c r="BC30" s="281">
        <v>0</v>
      </c>
      <c r="BD30" s="282">
        <v>24</v>
      </c>
      <c r="BE30" s="283">
        <v>24</v>
      </c>
      <c r="BF30" s="277">
        <v>0</v>
      </c>
      <c r="BG30" s="281">
        <v>0</v>
      </c>
      <c r="BH30" s="278">
        <v>0</v>
      </c>
      <c r="BI30" s="280">
        <v>0</v>
      </c>
      <c r="BJ30" s="281">
        <v>0</v>
      </c>
      <c r="BK30" s="281">
        <v>7</v>
      </c>
      <c r="BL30" s="281">
        <v>0</v>
      </c>
      <c r="BM30" s="281">
        <v>0</v>
      </c>
      <c r="BN30" s="281">
        <v>0</v>
      </c>
      <c r="BO30" s="278">
        <v>7</v>
      </c>
      <c r="BP30" s="283">
        <v>7</v>
      </c>
      <c r="BQ30" s="277">
        <v>0</v>
      </c>
      <c r="BR30" s="281">
        <v>0</v>
      </c>
      <c r="BS30" s="278">
        <v>0</v>
      </c>
      <c r="BT30" s="280">
        <v>0</v>
      </c>
      <c r="BU30" s="281">
        <v>0</v>
      </c>
      <c r="BV30" s="281">
        <v>0</v>
      </c>
      <c r="BW30" s="281">
        <v>0</v>
      </c>
      <c r="BX30" s="281">
        <v>0</v>
      </c>
      <c r="BY30" s="281">
        <v>10</v>
      </c>
      <c r="BZ30" s="278">
        <v>10</v>
      </c>
      <c r="CA30" s="283">
        <v>10</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row>
    <row r="31" spans="2:112" ht="18.75" customHeight="1" x14ac:dyDescent="0.2">
      <c r="B31" s="262" t="s">
        <v>29</v>
      </c>
      <c r="C31" s="277">
        <v>0</v>
      </c>
      <c r="D31" s="281">
        <v>0</v>
      </c>
      <c r="E31" s="385">
        <v>0</v>
      </c>
      <c r="F31" s="280">
        <v>0</v>
      </c>
      <c r="G31" s="281">
        <v>4</v>
      </c>
      <c r="H31" s="281">
        <v>0</v>
      </c>
      <c r="I31" s="281">
        <v>0</v>
      </c>
      <c r="J31" s="281">
        <v>63</v>
      </c>
      <c r="K31" s="281">
        <v>0</v>
      </c>
      <c r="L31" s="282">
        <v>67</v>
      </c>
      <c r="M31" s="283">
        <v>67</v>
      </c>
      <c r="N31" s="277">
        <v>0</v>
      </c>
      <c r="O31" s="281">
        <v>0</v>
      </c>
      <c r="P31" s="278">
        <v>0</v>
      </c>
      <c r="Q31" s="280">
        <v>0</v>
      </c>
      <c r="R31" s="281">
        <v>0</v>
      </c>
      <c r="S31" s="281">
        <v>0</v>
      </c>
      <c r="T31" s="281">
        <v>0</v>
      </c>
      <c r="U31" s="281">
        <v>0</v>
      </c>
      <c r="V31" s="281">
        <v>6</v>
      </c>
      <c r="W31" s="278">
        <v>6</v>
      </c>
      <c r="X31" s="283">
        <v>6</v>
      </c>
      <c r="Y31" s="277">
        <v>0</v>
      </c>
      <c r="Z31" s="281">
        <v>2</v>
      </c>
      <c r="AA31" s="278">
        <v>2</v>
      </c>
      <c r="AB31" s="280">
        <v>0</v>
      </c>
      <c r="AC31" s="281">
        <v>0</v>
      </c>
      <c r="AD31" s="281">
        <v>0</v>
      </c>
      <c r="AE31" s="281">
        <v>13</v>
      </c>
      <c r="AF31" s="281">
        <v>20</v>
      </c>
      <c r="AG31" s="281">
        <v>3</v>
      </c>
      <c r="AH31" s="278">
        <v>36</v>
      </c>
      <c r="AI31" s="283">
        <v>38</v>
      </c>
      <c r="AJ31" s="277">
        <v>0</v>
      </c>
      <c r="AK31" s="281">
        <v>0</v>
      </c>
      <c r="AL31" s="278">
        <v>0</v>
      </c>
      <c r="AM31" s="280">
        <v>0</v>
      </c>
      <c r="AN31" s="281">
        <v>0</v>
      </c>
      <c r="AO31" s="281">
        <v>0</v>
      </c>
      <c r="AP31" s="281">
        <v>0</v>
      </c>
      <c r="AQ31" s="281">
        <v>0</v>
      </c>
      <c r="AR31" s="281">
        <v>0</v>
      </c>
      <c r="AS31" s="278">
        <v>0</v>
      </c>
      <c r="AT31" s="283">
        <v>0</v>
      </c>
      <c r="AU31" s="277">
        <v>0</v>
      </c>
      <c r="AV31" s="281">
        <v>0</v>
      </c>
      <c r="AW31" s="278">
        <v>0</v>
      </c>
      <c r="AX31" s="280">
        <v>0</v>
      </c>
      <c r="AY31" s="281">
        <v>30</v>
      </c>
      <c r="AZ31" s="281">
        <v>11</v>
      </c>
      <c r="BA31" s="281">
        <v>18</v>
      </c>
      <c r="BB31" s="281">
        <v>0</v>
      </c>
      <c r="BC31" s="281">
        <v>6</v>
      </c>
      <c r="BD31" s="282">
        <v>65</v>
      </c>
      <c r="BE31" s="283">
        <v>65</v>
      </c>
      <c r="BF31" s="277">
        <v>0</v>
      </c>
      <c r="BG31" s="281">
        <v>0</v>
      </c>
      <c r="BH31" s="278">
        <v>0</v>
      </c>
      <c r="BI31" s="280">
        <v>0</v>
      </c>
      <c r="BJ31" s="281">
        <v>5</v>
      </c>
      <c r="BK31" s="281">
        <v>0</v>
      </c>
      <c r="BL31" s="281">
        <v>3</v>
      </c>
      <c r="BM31" s="281">
        <v>8</v>
      </c>
      <c r="BN31" s="281">
        <v>0</v>
      </c>
      <c r="BO31" s="278">
        <v>16</v>
      </c>
      <c r="BP31" s="283">
        <v>16</v>
      </c>
      <c r="BQ31" s="277">
        <v>0</v>
      </c>
      <c r="BR31" s="281">
        <v>0</v>
      </c>
      <c r="BS31" s="278">
        <v>0</v>
      </c>
      <c r="BT31" s="280">
        <v>0</v>
      </c>
      <c r="BU31" s="281">
        <v>0</v>
      </c>
      <c r="BV31" s="281">
        <v>0</v>
      </c>
      <c r="BW31" s="281">
        <v>0</v>
      </c>
      <c r="BX31" s="281">
        <v>0</v>
      </c>
      <c r="BY31" s="281">
        <v>12</v>
      </c>
      <c r="BZ31" s="278">
        <v>12</v>
      </c>
      <c r="CA31" s="283">
        <v>12</v>
      </c>
      <c r="CB31" s="277">
        <v>0</v>
      </c>
      <c r="CC31" s="281">
        <v>0</v>
      </c>
      <c r="CD31" s="278">
        <v>0</v>
      </c>
      <c r="CE31" s="280">
        <v>0</v>
      </c>
      <c r="CF31" s="281">
        <v>0</v>
      </c>
      <c r="CG31" s="281">
        <v>0</v>
      </c>
      <c r="CH31" s="281">
        <v>0</v>
      </c>
      <c r="CI31" s="281">
        <v>0</v>
      </c>
      <c r="CJ31" s="281">
        <v>0</v>
      </c>
      <c r="CK31" s="278">
        <v>0</v>
      </c>
      <c r="CL31" s="283">
        <v>0</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row>
    <row r="32" spans="2:112" ht="18.75" customHeight="1" x14ac:dyDescent="0.2">
      <c r="B32" s="262" t="s">
        <v>30</v>
      </c>
      <c r="C32" s="277">
        <v>0</v>
      </c>
      <c r="D32" s="281">
        <v>0</v>
      </c>
      <c r="E32" s="385">
        <v>0</v>
      </c>
      <c r="F32" s="280">
        <v>0</v>
      </c>
      <c r="G32" s="281">
        <v>20</v>
      </c>
      <c r="H32" s="281">
        <v>20</v>
      </c>
      <c r="I32" s="281">
        <v>4</v>
      </c>
      <c r="J32" s="281">
        <v>31</v>
      </c>
      <c r="K32" s="281">
        <v>0</v>
      </c>
      <c r="L32" s="282">
        <v>75</v>
      </c>
      <c r="M32" s="283">
        <v>75</v>
      </c>
      <c r="N32" s="277">
        <v>0</v>
      </c>
      <c r="O32" s="281">
        <v>0</v>
      </c>
      <c r="P32" s="278">
        <v>0</v>
      </c>
      <c r="Q32" s="280">
        <v>0</v>
      </c>
      <c r="R32" s="281">
        <v>0</v>
      </c>
      <c r="S32" s="281">
        <v>0</v>
      </c>
      <c r="T32" s="281">
        <v>0</v>
      </c>
      <c r="U32" s="281">
        <v>9</v>
      </c>
      <c r="V32" s="281">
        <v>0</v>
      </c>
      <c r="W32" s="278">
        <v>9</v>
      </c>
      <c r="X32" s="283">
        <v>9</v>
      </c>
      <c r="Y32" s="277">
        <v>0</v>
      </c>
      <c r="Z32" s="281">
        <v>4</v>
      </c>
      <c r="AA32" s="278">
        <v>4</v>
      </c>
      <c r="AB32" s="280">
        <v>0</v>
      </c>
      <c r="AC32" s="281">
        <v>4</v>
      </c>
      <c r="AD32" s="281">
        <v>0</v>
      </c>
      <c r="AE32" s="281">
        <v>0</v>
      </c>
      <c r="AF32" s="281">
        <v>7</v>
      </c>
      <c r="AG32" s="281">
        <v>0</v>
      </c>
      <c r="AH32" s="278">
        <v>11</v>
      </c>
      <c r="AI32" s="283">
        <v>15</v>
      </c>
      <c r="AJ32" s="277">
        <v>0</v>
      </c>
      <c r="AK32" s="281">
        <v>0</v>
      </c>
      <c r="AL32" s="278">
        <v>0</v>
      </c>
      <c r="AM32" s="280">
        <v>0</v>
      </c>
      <c r="AN32" s="281">
        <v>0</v>
      </c>
      <c r="AO32" s="281">
        <v>0</v>
      </c>
      <c r="AP32" s="281">
        <v>0</v>
      </c>
      <c r="AQ32" s="281">
        <v>0</v>
      </c>
      <c r="AR32" s="281">
        <v>0</v>
      </c>
      <c r="AS32" s="278">
        <v>0</v>
      </c>
      <c r="AT32" s="283">
        <v>0</v>
      </c>
      <c r="AU32" s="277">
        <v>0</v>
      </c>
      <c r="AV32" s="281">
        <v>0</v>
      </c>
      <c r="AW32" s="278">
        <v>0</v>
      </c>
      <c r="AX32" s="280">
        <v>0</v>
      </c>
      <c r="AY32" s="281">
        <v>0</v>
      </c>
      <c r="AZ32" s="281">
        <v>0</v>
      </c>
      <c r="BA32" s="281">
        <v>0</v>
      </c>
      <c r="BB32" s="281">
        <v>18</v>
      </c>
      <c r="BC32" s="281">
        <v>0</v>
      </c>
      <c r="BD32" s="282">
        <v>18</v>
      </c>
      <c r="BE32" s="283">
        <v>18</v>
      </c>
      <c r="BF32" s="277">
        <v>0</v>
      </c>
      <c r="BG32" s="281">
        <v>0</v>
      </c>
      <c r="BH32" s="278">
        <v>0</v>
      </c>
      <c r="BI32" s="280">
        <v>0</v>
      </c>
      <c r="BJ32" s="281">
        <v>15</v>
      </c>
      <c r="BK32" s="281">
        <v>0</v>
      </c>
      <c r="BL32" s="281">
        <v>0</v>
      </c>
      <c r="BM32" s="281">
        <v>0</v>
      </c>
      <c r="BN32" s="281">
        <v>0</v>
      </c>
      <c r="BO32" s="278">
        <v>15</v>
      </c>
      <c r="BP32" s="283">
        <v>15</v>
      </c>
      <c r="BQ32" s="277">
        <v>0</v>
      </c>
      <c r="BR32" s="281">
        <v>0</v>
      </c>
      <c r="BS32" s="278">
        <v>0</v>
      </c>
      <c r="BT32" s="280">
        <v>0</v>
      </c>
      <c r="BU32" s="281">
        <v>4</v>
      </c>
      <c r="BV32" s="281">
        <v>0</v>
      </c>
      <c r="BW32" s="281">
        <v>0</v>
      </c>
      <c r="BX32" s="281">
        <v>38</v>
      </c>
      <c r="BY32" s="281">
        <v>0</v>
      </c>
      <c r="BZ32" s="278">
        <v>42</v>
      </c>
      <c r="CA32" s="283">
        <v>42</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row>
    <row r="33" spans="2:112" ht="18.75" customHeight="1" x14ac:dyDescent="0.2">
      <c r="B33" s="262" t="s">
        <v>31</v>
      </c>
      <c r="C33" s="277">
        <v>0</v>
      </c>
      <c r="D33" s="281">
        <v>0</v>
      </c>
      <c r="E33" s="385">
        <v>0</v>
      </c>
      <c r="F33" s="280">
        <v>0</v>
      </c>
      <c r="G33" s="281">
        <v>17</v>
      </c>
      <c r="H33" s="281">
        <v>19</v>
      </c>
      <c r="I33" s="281">
        <v>0</v>
      </c>
      <c r="J33" s="281">
        <v>3</v>
      </c>
      <c r="K33" s="281">
        <v>0</v>
      </c>
      <c r="L33" s="282">
        <v>39</v>
      </c>
      <c r="M33" s="283">
        <v>39</v>
      </c>
      <c r="N33" s="277">
        <v>0</v>
      </c>
      <c r="O33" s="281">
        <v>0</v>
      </c>
      <c r="P33" s="278">
        <v>0</v>
      </c>
      <c r="Q33" s="280">
        <v>0</v>
      </c>
      <c r="R33" s="281">
        <v>0</v>
      </c>
      <c r="S33" s="281">
        <v>4</v>
      </c>
      <c r="T33" s="281">
        <v>8</v>
      </c>
      <c r="U33" s="281">
        <v>0</v>
      </c>
      <c r="V33" s="281">
        <v>0</v>
      </c>
      <c r="W33" s="278">
        <v>12</v>
      </c>
      <c r="X33" s="283">
        <v>12</v>
      </c>
      <c r="Y33" s="277">
        <v>0</v>
      </c>
      <c r="Z33" s="281">
        <v>0</v>
      </c>
      <c r="AA33" s="278">
        <v>0</v>
      </c>
      <c r="AB33" s="280">
        <v>0</v>
      </c>
      <c r="AC33" s="281">
        <v>8</v>
      </c>
      <c r="AD33" s="281">
        <v>0</v>
      </c>
      <c r="AE33" s="281">
        <v>5</v>
      </c>
      <c r="AF33" s="281">
        <v>4</v>
      </c>
      <c r="AG33" s="281">
        <v>0</v>
      </c>
      <c r="AH33" s="278">
        <v>17</v>
      </c>
      <c r="AI33" s="283">
        <v>17</v>
      </c>
      <c r="AJ33" s="277">
        <v>0</v>
      </c>
      <c r="AK33" s="281">
        <v>0</v>
      </c>
      <c r="AL33" s="278">
        <v>0</v>
      </c>
      <c r="AM33" s="280">
        <v>0</v>
      </c>
      <c r="AN33" s="281">
        <v>20</v>
      </c>
      <c r="AO33" s="281">
        <v>24</v>
      </c>
      <c r="AP33" s="281">
        <v>0</v>
      </c>
      <c r="AQ33" s="281">
        <v>12</v>
      </c>
      <c r="AR33" s="281">
        <v>0</v>
      </c>
      <c r="AS33" s="278">
        <v>56</v>
      </c>
      <c r="AT33" s="283">
        <v>56</v>
      </c>
      <c r="AU33" s="277">
        <v>0</v>
      </c>
      <c r="AV33" s="281">
        <v>0</v>
      </c>
      <c r="AW33" s="278">
        <v>0</v>
      </c>
      <c r="AX33" s="280">
        <v>0</v>
      </c>
      <c r="AY33" s="281">
        <v>30</v>
      </c>
      <c r="AZ33" s="281">
        <v>22</v>
      </c>
      <c r="BA33" s="281">
        <v>5</v>
      </c>
      <c r="BB33" s="281">
        <v>8</v>
      </c>
      <c r="BC33" s="281">
        <v>0</v>
      </c>
      <c r="BD33" s="282">
        <v>65</v>
      </c>
      <c r="BE33" s="283">
        <v>65</v>
      </c>
      <c r="BF33" s="277">
        <v>0</v>
      </c>
      <c r="BG33" s="281">
        <v>0</v>
      </c>
      <c r="BH33" s="278">
        <v>0</v>
      </c>
      <c r="BI33" s="280">
        <v>0</v>
      </c>
      <c r="BJ33" s="281">
        <v>0</v>
      </c>
      <c r="BK33" s="281">
        <v>27</v>
      </c>
      <c r="BL33" s="281">
        <v>0</v>
      </c>
      <c r="BM33" s="281">
        <v>9</v>
      </c>
      <c r="BN33" s="281">
        <v>0</v>
      </c>
      <c r="BO33" s="278">
        <v>36</v>
      </c>
      <c r="BP33" s="283">
        <v>36</v>
      </c>
      <c r="BQ33" s="277">
        <v>0</v>
      </c>
      <c r="BR33" s="281">
        <v>0</v>
      </c>
      <c r="BS33" s="278">
        <v>0</v>
      </c>
      <c r="BT33" s="280">
        <v>0</v>
      </c>
      <c r="BU33" s="281">
        <v>6</v>
      </c>
      <c r="BV33" s="281">
        <v>7</v>
      </c>
      <c r="BW33" s="281">
        <v>0</v>
      </c>
      <c r="BX33" s="281">
        <v>1</v>
      </c>
      <c r="BY33" s="281">
        <v>0</v>
      </c>
      <c r="BZ33" s="278">
        <v>14</v>
      </c>
      <c r="CA33" s="283">
        <v>14</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row>
    <row r="34" spans="2:112" ht="18.75" customHeight="1" x14ac:dyDescent="0.2">
      <c r="B34" s="262" t="s">
        <v>32</v>
      </c>
      <c r="C34" s="277">
        <v>0</v>
      </c>
      <c r="D34" s="281">
        <v>0</v>
      </c>
      <c r="E34" s="385">
        <v>0</v>
      </c>
      <c r="F34" s="280">
        <v>0</v>
      </c>
      <c r="G34" s="281">
        <v>9</v>
      </c>
      <c r="H34" s="281">
        <v>49</v>
      </c>
      <c r="I34" s="281">
        <v>17</v>
      </c>
      <c r="J34" s="281">
        <v>93</v>
      </c>
      <c r="K34" s="281">
        <v>79</v>
      </c>
      <c r="L34" s="282">
        <v>247</v>
      </c>
      <c r="M34" s="283">
        <v>247</v>
      </c>
      <c r="N34" s="277">
        <v>0</v>
      </c>
      <c r="O34" s="281">
        <v>0</v>
      </c>
      <c r="P34" s="278">
        <v>0</v>
      </c>
      <c r="Q34" s="280">
        <v>0</v>
      </c>
      <c r="R34" s="281">
        <v>0</v>
      </c>
      <c r="S34" s="281">
        <v>2</v>
      </c>
      <c r="T34" s="281">
        <v>0</v>
      </c>
      <c r="U34" s="281">
        <v>0</v>
      </c>
      <c r="V34" s="281">
        <v>16</v>
      </c>
      <c r="W34" s="278">
        <v>18</v>
      </c>
      <c r="X34" s="283">
        <v>18</v>
      </c>
      <c r="Y34" s="277">
        <v>0</v>
      </c>
      <c r="Z34" s="281">
        <v>2</v>
      </c>
      <c r="AA34" s="278">
        <v>2</v>
      </c>
      <c r="AB34" s="280">
        <v>0</v>
      </c>
      <c r="AC34" s="281">
        <v>20</v>
      </c>
      <c r="AD34" s="281">
        <v>18</v>
      </c>
      <c r="AE34" s="281">
        <v>12</v>
      </c>
      <c r="AF34" s="281">
        <v>8</v>
      </c>
      <c r="AG34" s="281">
        <v>0</v>
      </c>
      <c r="AH34" s="278">
        <v>58</v>
      </c>
      <c r="AI34" s="283">
        <v>60</v>
      </c>
      <c r="AJ34" s="277">
        <v>0</v>
      </c>
      <c r="AK34" s="281">
        <v>0</v>
      </c>
      <c r="AL34" s="278">
        <v>0</v>
      </c>
      <c r="AM34" s="280">
        <v>0</v>
      </c>
      <c r="AN34" s="281">
        <v>0</v>
      </c>
      <c r="AO34" s="281">
        <v>12</v>
      </c>
      <c r="AP34" s="281">
        <v>0</v>
      </c>
      <c r="AQ34" s="281">
        <v>0</v>
      </c>
      <c r="AR34" s="281">
        <v>0</v>
      </c>
      <c r="AS34" s="278">
        <v>12</v>
      </c>
      <c r="AT34" s="283">
        <v>12</v>
      </c>
      <c r="AU34" s="277">
        <v>0</v>
      </c>
      <c r="AV34" s="281">
        <v>0</v>
      </c>
      <c r="AW34" s="278">
        <v>0</v>
      </c>
      <c r="AX34" s="280">
        <v>0</v>
      </c>
      <c r="AY34" s="281">
        <v>33</v>
      </c>
      <c r="AZ34" s="281">
        <v>9</v>
      </c>
      <c r="BA34" s="281">
        <v>14</v>
      </c>
      <c r="BB34" s="281">
        <v>0</v>
      </c>
      <c r="BC34" s="281">
        <v>7</v>
      </c>
      <c r="BD34" s="282">
        <v>63</v>
      </c>
      <c r="BE34" s="283">
        <v>63</v>
      </c>
      <c r="BF34" s="277">
        <v>0</v>
      </c>
      <c r="BG34" s="281">
        <v>0</v>
      </c>
      <c r="BH34" s="278">
        <v>0</v>
      </c>
      <c r="BI34" s="280">
        <v>0</v>
      </c>
      <c r="BJ34" s="281">
        <v>16</v>
      </c>
      <c r="BK34" s="281">
        <v>0</v>
      </c>
      <c r="BL34" s="281">
        <v>0</v>
      </c>
      <c r="BM34" s="281">
        <v>0</v>
      </c>
      <c r="BN34" s="281">
        <v>12</v>
      </c>
      <c r="BO34" s="278">
        <v>28</v>
      </c>
      <c r="BP34" s="283">
        <v>28</v>
      </c>
      <c r="BQ34" s="277">
        <v>0</v>
      </c>
      <c r="BR34" s="281">
        <v>0</v>
      </c>
      <c r="BS34" s="278">
        <v>0</v>
      </c>
      <c r="BT34" s="280">
        <v>0</v>
      </c>
      <c r="BU34" s="281">
        <v>2</v>
      </c>
      <c r="BV34" s="281">
        <v>0</v>
      </c>
      <c r="BW34" s="281">
        <v>5</v>
      </c>
      <c r="BX34" s="281">
        <v>0</v>
      </c>
      <c r="BY34" s="281">
        <v>0</v>
      </c>
      <c r="BZ34" s="278">
        <v>7</v>
      </c>
      <c r="CA34" s="283">
        <v>7</v>
      </c>
      <c r="CB34" s="277">
        <v>0</v>
      </c>
      <c r="CC34" s="281">
        <v>0</v>
      </c>
      <c r="CD34" s="278">
        <v>0</v>
      </c>
      <c r="CE34" s="280">
        <v>0</v>
      </c>
      <c r="CF34" s="281">
        <v>0</v>
      </c>
      <c r="CG34" s="281">
        <v>0</v>
      </c>
      <c r="CH34" s="281">
        <v>0</v>
      </c>
      <c r="CI34" s="281">
        <v>0</v>
      </c>
      <c r="CJ34" s="281">
        <v>4</v>
      </c>
      <c r="CK34" s="278">
        <v>4</v>
      </c>
      <c r="CL34" s="283">
        <v>4</v>
      </c>
      <c r="CM34" s="277">
        <v>0</v>
      </c>
      <c r="CN34" s="281">
        <v>0</v>
      </c>
      <c r="CO34" s="278">
        <v>0</v>
      </c>
      <c r="CP34" s="280">
        <v>0</v>
      </c>
      <c r="CQ34" s="281">
        <v>0</v>
      </c>
      <c r="CR34" s="281">
        <v>0</v>
      </c>
      <c r="CS34" s="281">
        <v>0</v>
      </c>
      <c r="CT34" s="281">
        <v>0</v>
      </c>
      <c r="CU34" s="281">
        <v>0</v>
      </c>
      <c r="CV34" s="278">
        <v>0</v>
      </c>
      <c r="CW34" s="283">
        <v>0</v>
      </c>
      <c r="CX34" s="277">
        <v>0</v>
      </c>
      <c r="CY34" s="281">
        <v>0</v>
      </c>
      <c r="CZ34" s="278">
        <v>0</v>
      </c>
      <c r="DA34" s="280">
        <v>0</v>
      </c>
      <c r="DB34" s="281">
        <v>0</v>
      </c>
      <c r="DC34" s="281">
        <v>0</v>
      </c>
      <c r="DD34" s="281">
        <v>0</v>
      </c>
      <c r="DE34" s="281">
        <v>0</v>
      </c>
      <c r="DF34" s="281">
        <v>0</v>
      </c>
      <c r="DG34" s="278">
        <v>0</v>
      </c>
      <c r="DH34" s="283">
        <v>0</v>
      </c>
    </row>
    <row r="35" spans="2:112" ht="18.75" customHeight="1" x14ac:dyDescent="0.2">
      <c r="B35" s="262" t="s">
        <v>33</v>
      </c>
      <c r="C35" s="277">
        <v>0</v>
      </c>
      <c r="D35" s="281">
        <v>0</v>
      </c>
      <c r="E35" s="385">
        <v>0</v>
      </c>
      <c r="F35" s="280">
        <v>0</v>
      </c>
      <c r="G35" s="281">
        <v>8</v>
      </c>
      <c r="H35" s="281">
        <v>0</v>
      </c>
      <c r="I35" s="281">
        <v>0</v>
      </c>
      <c r="J35" s="281">
        <v>0</v>
      </c>
      <c r="K35" s="281">
        <v>0</v>
      </c>
      <c r="L35" s="282">
        <v>8</v>
      </c>
      <c r="M35" s="283">
        <v>8</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15</v>
      </c>
      <c r="AD35" s="281">
        <v>0</v>
      </c>
      <c r="AE35" s="281">
        <v>0</v>
      </c>
      <c r="AF35" s="281">
        <v>0</v>
      </c>
      <c r="AG35" s="281">
        <v>0</v>
      </c>
      <c r="AH35" s="278">
        <v>15</v>
      </c>
      <c r="AI35" s="283">
        <v>15</v>
      </c>
      <c r="AJ35" s="277">
        <v>24</v>
      </c>
      <c r="AK35" s="281">
        <v>21</v>
      </c>
      <c r="AL35" s="278">
        <v>45</v>
      </c>
      <c r="AM35" s="280">
        <v>0</v>
      </c>
      <c r="AN35" s="281">
        <v>0</v>
      </c>
      <c r="AO35" s="281">
        <v>0</v>
      </c>
      <c r="AP35" s="281">
        <v>0</v>
      </c>
      <c r="AQ35" s="281">
        <v>0</v>
      </c>
      <c r="AR35" s="281">
        <v>0</v>
      </c>
      <c r="AS35" s="278">
        <v>0</v>
      </c>
      <c r="AT35" s="283">
        <v>45</v>
      </c>
      <c r="AU35" s="277">
        <v>0</v>
      </c>
      <c r="AV35" s="281">
        <v>0</v>
      </c>
      <c r="AW35" s="278">
        <v>0</v>
      </c>
      <c r="AX35" s="280">
        <v>0</v>
      </c>
      <c r="AY35" s="281">
        <v>4</v>
      </c>
      <c r="AZ35" s="281">
        <v>0</v>
      </c>
      <c r="BA35" s="281">
        <v>0</v>
      </c>
      <c r="BB35" s="281">
        <v>0</v>
      </c>
      <c r="BC35" s="281">
        <v>0</v>
      </c>
      <c r="BD35" s="282">
        <v>4</v>
      </c>
      <c r="BE35" s="283">
        <v>4</v>
      </c>
      <c r="BF35" s="277">
        <v>0</v>
      </c>
      <c r="BG35" s="281">
        <v>0</v>
      </c>
      <c r="BH35" s="278">
        <v>0</v>
      </c>
      <c r="BI35" s="280">
        <v>0</v>
      </c>
      <c r="BJ35" s="281">
        <v>3</v>
      </c>
      <c r="BK35" s="281">
        <v>7</v>
      </c>
      <c r="BL35" s="281">
        <v>0</v>
      </c>
      <c r="BM35" s="281">
        <v>0</v>
      </c>
      <c r="BN35" s="281">
        <v>0</v>
      </c>
      <c r="BO35" s="278">
        <v>10</v>
      </c>
      <c r="BP35" s="283">
        <v>10</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0</v>
      </c>
      <c r="DE35" s="281">
        <v>0</v>
      </c>
      <c r="DF35" s="281">
        <v>0</v>
      </c>
      <c r="DG35" s="278">
        <v>0</v>
      </c>
      <c r="DH35" s="283">
        <v>0</v>
      </c>
    </row>
    <row r="36" spans="2:112" ht="18.75" customHeight="1" x14ac:dyDescent="0.2">
      <c r="B36" s="262" t="s">
        <v>34</v>
      </c>
      <c r="C36" s="277">
        <v>0</v>
      </c>
      <c r="D36" s="281">
        <v>0</v>
      </c>
      <c r="E36" s="385">
        <v>0</v>
      </c>
      <c r="F36" s="280">
        <v>0</v>
      </c>
      <c r="G36" s="281">
        <v>5</v>
      </c>
      <c r="H36" s="281">
        <v>0</v>
      </c>
      <c r="I36" s="281">
        <v>0</v>
      </c>
      <c r="J36" s="281">
        <v>0</v>
      </c>
      <c r="K36" s="281">
        <v>0</v>
      </c>
      <c r="L36" s="282">
        <v>5</v>
      </c>
      <c r="M36" s="283">
        <v>5</v>
      </c>
      <c r="N36" s="277">
        <v>0</v>
      </c>
      <c r="O36" s="281">
        <v>0</v>
      </c>
      <c r="P36" s="278">
        <v>0</v>
      </c>
      <c r="Q36" s="280">
        <v>0</v>
      </c>
      <c r="R36" s="281">
        <v>0</v>
      </c>
      <c r="S36" s="281">
        <v>0</v>
      </c>
      <c r="T36" s="281">
        <v>0</v>
      </c>
      <c r="U36" s="281">
        <v>0</v>
      </c>
      <c r="V36" s="281">
        <v>0</v>
      </c>
      <c r="W36" s="278">
        <v>0</v>
      </c>
      <c r="X36" s="283">
        <v>0</v>
      </c>
      <c r="Y36" s="277">
        <v>0</v>
      </c>
      <c r="Z36" s="281">
        <v>7</v>
      </c>
      <c r="AA36" s="278">
        <v>7</v>
      </c>
      <c r="AB36" s="280">
        <v>0</v>
      </c>
      <c r="AC36" s="281">
        <v>3</v>
      </c>
      <c r="AD36" s="281">
        <v>6</v>
      </c>
      <c r="AE36" s="281">
        <v>0</v>
      </c>
      <c r="AF36" s="281">
        <v>0</v>
      </c>
      <c r="AG36" s="281">
        <v>0</v>
      </c>
      <c r="AH36" s="278">
        <v>9</v>
      </c>
      <c r="AI36" s="283">
        <v>16</v>
      </c>
      <c r="AJ36" s="277">
        <v>0</v>
      </c>
      <c r="AK36" s="281">
        <v>0</v>
      </c>
      <c r="AL36" s="278">
        <v>0</v>
      </c>
      <c r="AM36" s="280">
        <v>0</v>
      </c>
      <c r="AN36" s="281">
        <v>0</v>
      </c>
      <c r="AO36" s="281">
        <v>17</v>
      </c>
      <c r="AP36" s="281">
        <v>0</v>
      </c>
      <c r="AQ36" s="281">
        <v>0</v>
      </c>
      <c r="AR36" s="281">
        <v>0</v>
      </c>
      <c r="AS36" s="278">
        <v>17</v>
      </c>
      <c r="AT36" s="283">
        <v>17</v>
      </c>
      <c r="AU36" s="277">
        <v>0</v>
      </c>
      <c r="AV36" s="281">
        <v>0</v>
      </c>
      <c r="AW36" s="278">
        <v>0</v>
      </c>
      <c r="AX36" s="280">
        <v>0</v>
      </c>
      <c r="AY36" s="281">
        <v>18</v>
      </c>
      <c r="AZ36" s="281">
        <v>0</v>
      </c>
      <c r="BA36" s="281">
        <v>0</v>
      </c>
      <c r="BB36" s="281">
        <v>0</v>
      </c>
      <c r="BC36" s="281">
        <v>0</v>
      </c>
      <c r="BD36" s="282">
        <v>18</v>
      </c>
      <c r="BE36" s="283">
        <v>18</v>
      </c>
      <c r="BF36" s="277">
        <v>0</v>
      </c>
      <c r="BG36" s="281">
        <v>0</v>
      </c>
      <c r="BH36" s="278">
        <v>0</v>
      </c>
      <c r="BI36" s="280">
        <v>0</v>
      </c>
      <c r="BJ36" s="281">
        <v>9</v>
      </c>
      <c r="BK36" s="281">
        <v>8</v>
      </c>
      <c r="BL36" s="281">
        <v>0</v>
      </c>
      <c r="BM36" s="281">
        <v>0</v>
      </c>
      <c r="BN36" s="281">
        <v>0</v>
      </c>
      <c r="BO36" s="278">
        <v>17</v>
      </c>
      <c r="BP36" s="283">
        <v>17</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row>
    <row r="37" spans="2:112" ht="18.75" customHeight="1" x14ac:dyDescent="0.2">
      <c r="B37" s="262" t="s">
        <v>35</v>
      </c>
      <c r="C37" s="277">
        <v>0</v>
      </c>
      <c r="D37" s="281">
        <v>0</v>
      </c>
      <c r="E37" s="385">
        <v>0</v>
      </c>
      <c r="F37" s="280">
        <v>0</v>
      </c>
      <c r="G37" s="281">
        <v>48</v>
      </c>
      <c r="H37" s="281">
        <v>51</v>
      </c>
      <c r="I37" s="281">
        <v>0</v>
      </c>
      <c r="J37" s="281">
        <v>0</v>
      </c>
      <c r="K37" s="281">
        <v>88</v>
      </c>
      <c r="L37" s="282">
        <v>187</v>
      </c>
      <c r="M37" s="283">
        <v>187</v>
      </c>
      <c r="N37" s="277">
        <v>0</v>
      </c>
      <c r="O37" s="281">
        <v>0</v>
      </c>
      <c r="P37" s="278">
        <v>0</v>
      </c>
      <c r="Q37" s="280">
        <v>0</v>
      </c>
      <c r="R37" s="281">
        <v>0</v>
      </c>
      <c r="S37" s="281">
        <v>0</v>
      </c>
      <c r="T37" s="281">
        <v>0</v>
      </c>
      <c r="U37" s="281">
        <v>0</v>
      </c>
      <c r="V37" s="281">
        <v>9</v>
      </c>
      <c r="W37" s="278">
        <v>9</v>
      </c>
      <c r="X37" s="283">
        <v>9</v>
      </c>
      <c r="Y37" s="277">
        <v>0</v>
      </c>
      <c r="Z37" s="281">
        <v>0</v>
      </c>
      <c r="AA37" s="278">
        <v>0</v>
      </c>
      <c r="AB37" s="280">
        <v>0</v>
      </c>
      <c r="AC37" s="281">
        <v>0</v>
      </c>
      <c r="AD37" s="281">
        <v>16</v>
      </c>
      <c r="AE37" s="281">
        <v>0</v>
      </c>
      <c r="AF37" s="281">
        <v>0</v>
      </c>
      <c r="AG37" s="281">
        <v>0</v>
      </c>
      <c r="AH37" s="278">
        <v>16</v>
      </c>
      <c r="AI37" s="283">
        <v>16</v>
      </c>
      <c r="AJ37" s="277">
        <v>0</v>
      </c>
      <c r="AK37" s="281">
        <v>0</v>
      </c>
      <c r="AL37" s="278">
        <v>0</v>
      </c>
      <c r="AM37" s="280">
        <v>0</v>
      </c>
      <c r="AN37" s="281">
        <v>22</v>
      </c>
      <c r="AO37" s="281">
        <v>12</v>
      </c>
      <c r="AP37" s="281">
        <v>21</v>
      </c>
      <c r="AQ37" s="281">
        <v>0</v>
      </c>
      <c r="AR37" s="281">
        <v>0</v>
      </c>
      <c r="AS37" s="278">
        <v>55</v>
      </c>
      <c r="AT37" s="283">
        <v>55</v>
      </c>
      <c r="AU37" s="277">
        <v>0</v>
      </c>
      <c r="AV37" s="281">
        <v>0</v>
      </c>
      <c r="AW37" s="278">
        <v>0</v>
      </c>
      <c r="AX37" s="280">
        <v>0</v>
      </c>
      <c r="AY37" s="281">
        <v>73</v>
      </c>
      <c r="AZ37" s="281">
        <v>95</v>
      </c>
      <c r="BA37" s="281">
        <v>12</v>
      </c>
      <c r="BB37" s="281">
        <v>0</v>
      </c>
      <c r="BC37" s="281">
        <v>0</v>
      </c>
      <c r="BD37" s="282">
        <v>180</v>
      </c>
      <c r="BE37" s="283">
        <v>180</v>
      </c>
      <c r="BF37" s="277">
        <v>0</v>
      </c>
      <c r="BG37" s="281">
        <v>0</v>
      </c>
      <c r="BH37" s="278">
        <v>0</v>
      </c>
      <c r="BI37" s="280">
        <v>0</v>
      </c>
      <c r="BJ37" s="281">
        <v>8</v>
      </c>
      <c r="BK37" s="281">
        <v>17</v>
      </c>
      <c r="BL37" s="281">
        <v>0</v>
      </c>
      <c r="BM37" s="281">
        <v>13</v>
      </c>
      <c r="BN37" s="281">
        <v>0</v>
      </c>
      <c r="BO37" s="278">
        <v>38</v>
      </c>
      <c r="BP37" s="283">
        <v>38</v>
      </c>
      <c r="BQ37" s="277">
        <v>0</v>
      </c>
      <c r="BR37" s="281">
        <v>0</v>
      </c>
      <c r="BS37" s="278">
        <v>0</v>
      </c>
      <c r="BT37" s="280">
        <v>0</v>
      </c>
      <c r="BU37" s="281">
        <v>0</v>
      </c>
      <c r="BV37" s="281">
        <v>0</v>
      </c>
      <c r="BW37" s="281">
        <v>0</v>
      </c>
      <c r="BX37" s="281">
        <v>0</v>
      </c>
      <c r="BY37" s="281">
        <v>0</v>
      </c>
      <c r="BZ37" s="278">
        <v>0</v>
      </c>
      <c r="CA37" s="283">
        <v>0</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row>
    <row r="38" spans="2:112" ht="18.75" customHeight="1" x14ac:dyDescent="0.2">
      <c r="B38" s="262" t="s">
        <v>36</v>
      </c>
      <c r="C38" s="277">
        <v>0</v>
      </c>
      <c r="D38" s="281">
        <v>0</v>
      </c>
      <c r="E38" s="385">
        <v>0</v>
      </c>
      <c r="F38" s="280">
        <v>0</v>
      </c>
      <c r="G38" s="281">
        <v>49</v>
      </c>
      <c r="H38" s="281">
        <v>6</v>
      </c>
      <c r="I38" s="281">
        <v>0</v>
      </c>
      <c r="J38" s="281">
        <v>0</v>
      </c>
      <c r="K38" s="281">
        <v>0</v>
      </c>
      <c r="L38" s="282">
        <v>55</v>
      </c>
      <c r="M38" s="283">
        <v>55</v>
      </c>
      <c r="N38" s="277">
        <v>0</v>
      </c>
      <c r="O38" s="281">
        <v>0</v>
      </c>
      <c r="P38" s="278">
        <v>0</v>
      </c>
      <c r="Q38" s="280">
        <v>0</v>
      </c>
      <c r="R38" s="281">
        <v>0</v>
      </c>
      <c r="S38" s="281">
        <v>0</v>
      </c>
      <c r="T38" s="281">
        <v>0</v>
      </c>
      <c r="U38" s="281">
        <v>4</v>
      </c>
      <c r="V38" s="281">
        <v>0</v>
      </c>
      <c r="W38" s="278">
        <v>4</v>
      </c>
      <c r="X38" s="283">
        <v>4</v>
      </c>
      <c r="Y38" s="277">
        <v>0</v>
      </c>
      <c r="Z38" s="281">
        <v>0</v>
      </c>
      <c r="AA38" s="278">
        <v>0</v>
      </c>
      <c r="AB38" s="280">
        <v>0</v>
      </c>
      <c r="AC38" s="281">
        <v>13</v>
      </c>
      <c r="AD38" s="281">
        <v>9</v>
      </c>
      <c r="AE38" s="281">
        <v>9</v>
      </c>
      <c r="AF38" s="281">
        <v>17</v>
      </c>
      <c r="AG38" s="281">
        <v>0</v>
      </c>
      <c r="AH38" s="278">
        <v>48</v>
      </c>
      <c r="AI38" s="283">
        <v>48</v>
      </c>
      <c r="AJ38" s="277">
        <v>0</v>
      </c>
      <c r="AK38" s="281">
        <v>0</v>
      </c>
      <c r="AL38" s="278">
        <v>0</v>
      </c>
      <c r="AM38" s="280">
        <v>0</v>
      </c>
      <c r="AN38" s="281">
        <v>0</v>
      </c>
      <c r="AO38" s="281">
        <v>0</v>
      </c>
      <c r="AP38" s="281">
        <v>0</v>
      </c>
      <c r="AQ38" s="281">
        <v>0</v>
      </c>
      <c r="AR38" s="281">
        <v>0</v>
      </c>
      <c r="AS38" s="278">
        <v>0</v>
      </c>
      <c r="AT38" s="283">
        <v>0</v>
      </c>
      <c r="AU38" s="277">
        <v>0</v>
      </c>
      <c r="AV38" s="281">
        <v>0</v>
      </c>
      <c r="AW38" s="278">
        <v>0</v>
      </c>
      <c r="AX38" s="280">
        <v>0</v>
      </c>
      <c r="AY38" s="281">
        <v>7</v>
      </c>
      <c r="AZ38" s="281">
        <v>17</v>
      </c>
      <c r="BA38" s="281">
        <v>0</v>
      </c>
      <c r="BB38" s="281">
        <v>3</v>
      </c>
      <c r="BC38" s="281">
        <v>0</v>
      </c>
      <c r="BD38" s="282">
        <v>27</v>
      </c>
      <c r="BE38" s="283">
        <v>27</v>
      </c>
      <c r="BF38" s="277">
        <v>0</v>
      </c>
      <c r="BG38" s="281">
        <v>0</v>
      </c>
      <c r="BH38" s="278">
        <v>0</v>
      </c>
      <c r="BI38" s="280">
        <v>0</v>
      </c>
      <c r="BJ38" s="281">
        <v>0</v>
      </c>
      <c r="BK38" s="281">
        <v>7</v>
      </c>
      <c r="BL38" s="281">
        <v>0</v>
      </c>
      <c r="BM38" s="281">
        <v>0</v>
      </c>
      <c r="BN38" s="281">
        <v>0</v>
      </c>
      <c r="BO38" s="278">
        <v>7</v>
      </c>
      <c r="BP38" s="283">
        <v>7</v>
      </c>
      <c r="BQ38" s="277">
        <v>0</v>
      </c>
      <c r="BR38" s="281">
        <v>0</v>
      </c>
      <c r="BS38" s="278">
        <v>0</v>
      </c>
      <c r="BT38" s="280">
        <v>0</v>
      </c>
      <c r="BU38" s="281">
        <v>14</v>
      </c>
      <c r="BV38" s="281">
        <v>0</v>
      </c>
      <c r="BW38" s="281">
        <v>0</v>
      </c>
      <c r="BX38" s="281">
        <v>6</v>
      </c>
      <c r="BY38" s="281">
        <v>0</v>
      </c>
      <c r="BZ38" s="278">
        <v>20</v>
      </c>
      <c r="CA38" s="283">
        <v>20</v>
      </c>
      <c r="CB38" s="277">
        <v>0</v>
      </c>
      <c r="CC38" s="281">
        <v>0</v>
      </c>
      <c r="CD38" s="278">
        <v>0</v>
      </c>
      <c r="CE38" s="280">
        <v>0</v>
      </c>
      <c r="CF38" s="281">
        <v>0</v>
      </c>
      <c r="CG38" s="281">
        <v>6</v>
      </c>
      <c r="CH38" s="281">
        <v>0</v>
      </c>
      <c r="CI38" s="281">
        <v>0</v>
      </c>
      <c r="CJ38" s="281">
        <v>0</v>
      </c>
      <c r="CK38" s="278">
        <v>6</v>
      </c>
      <c r="CL38" s="283">
        <v>6</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row>
    <row r="39" spans="2:112" ht="18.75" customHeight="1" thickBot="1" x14ac:dyDescent="0.25">
      <c r="B39" s="263" t="s">
        <v>37</v>
      </c>
      <c r="C39" s="284">
        <v>0</v>
      </c>
      <c r="D39" s="288">
        <v>0</v>
      </c>
      <c r="E39" s="386">
        <v>0</v>
      </c>
      <c r="F39" s="287">
        <v>0</v>
      </c>
      <c r="G39" s="288">
        <v>0</v>
      </c>
      <c r="H39" s="288">
        <v>0</v>
      </c>
      <c r="I39" s="288">
        <v>0</v>
      </c>
      <c r="J39" s="288">
        <v>0</v>
      </c>
      <c r="K39" s="288">
        <v>0</v>
      </c>
      <c r="L39" s="289">
        <v>0</v>
      </c>
      <c r="M39" s="290">
        <v>0</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0</v>
      </c>
      <c r="AH39" s="285">
        <v>0</v>
      </c>
      <c r="AI39" s="290">
        <v>0</v>
      </c>
      <c r="AJ39" s="284">
        <v>0</v>
      </c>
      <c r="AK39" s="288">
        <v>0</v>
      </c>
      <c r="AL39" s="285">
        <v>0</v>
      </c>
      <c r="AM39" s="287">
        <v>0</v>
      </c>
      <c r="AN39" s="288">
        <v>18</v>
      </c>
      <c r="AO39" s="288">
        <v>10</v>
      </c>
      <c r="AP39" s="288">
        <v>0</v>
      </c>
      <c r="AQ39" s="288">
        <v>0</v>
      </c>
      <c r="AR39" s="288">
        <v>0</v>
      </c>
      <c r="AS39" s="285">
        <v>28</v>
      </c>
      <c r="AT39" s="290">
        <v>28</v>
      </c>
      <c r="AU39" s="284">
        <v>0</v>
      </c>
      <c r="AV39" s="288">
        <v>0</v>
      </c>
      <c r="AW39" s="285">
        <v>0</v>
      </c>
      <c r="AX39" s="287">
        <v>0</v>
      </c>
      <c r="AY39" s="288">
        <v>4</v>
      </c>
      <c r="AZ39" s="288">
        <v>12</v>
      </c>
      <c r="BA39" s="288">
        <v>0</v>
      </c>
      <c r="BB39" s="288">
        <v>0</v>
      </c>
      <c r="BC39" s="288">
        <v>0</v>
      </c>
      <c r="BD39" s="289">
        <v>16</v>
      </c>
      <c r="BE39" s="290">
        <v>16</v>
      </c>
      <c r="BF39" s="284">
        <v>0</v>
      </c>
      <c r="BG39" s="288">
        <v>0</v>
      </c>
      <c r="BH39" s="285">
        <v>0</v>
      </c>
      <c r="BI39" s="287">
        <v>0</v>
      </c>
      <c r="BJ39" s="288">
        <v>0</v>
      </c>
      <c r="BK39" s="288">
        <v>0</v>
      </c>
      <c r="BL39" s="288">
        <v>0</v>
      </c>
      <c r="BM39" s="288">
        <v>0</v>
      </c>
      <c r="BN39" s="288">
        <v>0</v>
      </c>
      <c r="BO39" s="285">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row>
    <row r="40" spans="2:112" ht="27" customHeight="1" x14ac:dyDescent="0.2">
      <c r="C40" s="256" t="s">
        <v>127</v>
      </c>
    </row>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6"/>
    <col min="6" max="6" width="7.77734375" style="256" customWidth="1"/>
    <col min="7" max="7" width="9" style="256"/>
    <col min="8" max="8" width="10.6640625" style="256" customWidth="1"/>
    <col min="9" max="16" width="9" style="256"/>
    <col min="17" max="17" width="7.88671875" style="256" customWidth="1"/>
    <col min="18" max="27" width="9" style="256"/>
    <col min="28" max="28" width="7.77734375" style="256" customWidth="1"/>
    <col min="29" max="38" width="9" style="256"/>
    <col min="39" max="39" width="7.5546875" style="256" customWidth="1"/>
    <col min="40" max="49" width="9" style="256"/>
    <col min="50" max="50" width="7.77734375" style="256" customWidth="1"/>
    <col min="51" max="60" width="9" style="256"/>
    <col min="61" max="61" width="7.4414062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6384" width="9" style="256"/>
  </cols>
  <sheetData>
    <row r="1" spans="2:112" ht="24" customHeight="1" x14ac:dyDescent="0.2">
      <c r="B1" s="291" t="s">
        <v>123</v>
      </c>
      <c r="J1" s="528">
        <f>第１表!F2</f>
        <v>4</v>
      </c>
      <c r="K1" s="528"/>
      <c r="L1" s="248">
        <f>第１表!G2</f>
        <v>7</v>
      </c>
      <c r="M1" s="529">
        <f>IF(L1&lt;3,L1+12-2,L1-2)</f>
        <v>5</v>
      </c>
      <c r="N1" s="529"/>
    </row>
    <row r="2" spans="2:112" ht="24" customHeight="1" thickBot="1" x14ac:dyDescent="0.25">
      <c r="B2" s="291" t="s">
        <v>154</v>
      </c>
    </row>
    <row r="3" spans="2:112" ht="13.8"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x14ac:dyDescent="0.2">
      <c r="B4" s="550"/>
      <c r="C4" s="554" t="s">
        <v>61</v>
      </c>
      <c r="D4" s="537"/>
      <c r="E4" s="538"/>
      <c r="F4" s="536" t="s">
        <v>62</v>
      </c>
      <c r="G4" s="537"/>
      <c r="H4" s="537"/>
      <c r="I4" s="537"/>
      <c r="J4" s="537"/>
      <c r="K4" s="537"/>
      <c r="L4" s="545"/>
      <c r="M4" s="539" t="s">
        <v>52</v>
      </c>
      <c r="N4" s="554" t="s">
        <v>61</v>
      </c>
      <c r="O4" s="537"/>
      <c r="P4" s="538"/>
      <c r="Q4" s="536" t="s">
        <v>62</v>
      </c>
      <c r="R4" s="537"/>
      <c r="S4" s="537"/>
      <c r="T4" s="537"/>
      <c r="U4" s="537"/>
      <c r="V4" s="537"/>
      <c r="W4" s="538"/>
      <c r="X4" s="539" t="s">
        <v>52</v>
      </c>
      <c r="Y4" s="541" t="s">
        <v>61</v>
      </c>
      <c r="Z4" s="537"/>
      <c r="AA4" s="545"/>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45"/>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row>
    <row r="5" spans="2:112" ht="28.5" customHeight="1" thickBot="1" x14ac:dyDescent="0.25">
      <c r="B5" s="551"/>
      <c r="C5" s="265" t="s">
        <v>43</v>
      </c>
      <c r="D5" s="266" t="s">
        <v>44</v>
      </c>
      <c r="E5" s="267" t="s">
        <v>45</v>
      </c>
      <c r="F5" s="268" t="s">
        <v>83</v>
      </c>
      <c r="G5" s="260" t="s">
        <v>47</v>
      </c>
      <c r="H5" s="260" t="s">
        <v>48</v>
      </c>
      <c r="I5" s="260" t="s">
        <v>49</v>
      </c>
      <c r="J5" s="260" t="s">
        <v>50</v>
      </c>
      <c r="K5" s="260" t="s">
        <v>51</v>
      </c>
      <c r="L5" s="269" t="s">
        <v>45</v>
      </c>
      <c r="M5" s="540"/>
      <c r="N5" s="265" t="s">
        <v>43</v>
      </c>
      <c r="O5" s="260" t="s">
        <v>44</v>
      </c>
      <c r="P5" s="266" t="s">
        <v>45</v>
      </c>
      <c r="Q5" s="268" t="s">
        <v>83</v>
      </c>
      <c r="R5" s="260" t="s">
        <v>47</v>
      </c>
      <c r="S5" s="260" t="s">
        <v>48</v>
      </c>
      <c r="T5" s="260" t="s">
        <v>49</v>
      </c>
      <c r="U5" s="260" t="s">
        <v>50</v>
      </c>
      <c r="V5" s="260" t="s">
        <v>51</v>
      </c>
      <c r="W5" s="266" t="s">
        <v>45</v>
      </c>
      <c r="X5" s="540"/>
      <c r="Y5" s="351" t="s">
        <v>43</v>
      </c>
      <c r="Z5" s="260" t="s">
        <v>44</v>
      </c>
      <c r="AA5" s="269" t="s">
        <v>45</v>
      </c>
      <c r="AB5" s="268" t="s">
        <v>83</v>
      </c>
      <c r="AC5" s="260" t="s">
        <v>47</v>
      </c>
      <c r="AD5" s="260" t="s">
        <v>48</v>
      </c>
      <c r="AE5" s="260" t="s">
        <v>49</v>
      </c>
      <c r="AF5" s="260" t="s">
        <v>50</v>
      </c>
      <c r="AG5" s="260" t="s">
        <v>51</v>
      </c>
      <c r="AH5" s="266" t="s">
        <v>45</v>
      </c>
      <c r="AI5" s="540"/>
      <c r="AJ5" s="351" t="s">
        <v>43</v>
      </c>
      <c r="AK5" s="260" t="s">
        <v>44</v>
      </c>
      <c r="AL5" s="266" t="s">
        <v>45</v>
      </c>
      <c r="AM5" s="268" t="s">
        <v>83</v>
      </c>
      <c r="AN5" s="260" t="s">
        <v>47</v>
      </c>
      <c r="AO5" s="260" t="s">
        <v>48</v>
      </c>
      <c r="AP5" s="260" t="s">
        <v>49</v>
      </c>
      <c r="AQ5" s="260" t="s">
        <v>50</v>
      </c>
      <c r="AR5" s="260" t="s">
        <v>51</v>
      </c>
      <c r="AS5" s="266" t="s">
        <v>45</v>
      </c>
      <c r="AT5" s="540"/>
      <c r="AU5" s="351" t="s">
        <v>43</v>
      </c>
      <c r="AV5" s="260" t="s">
        <v>44</v>
      </c>
      <c r="AW5" s="269" t="s">
        <v>45</v>
      </c>
      <c r="AX5" s="268" t="s">
        <v>83</v>
      </c>
      <c r="AY5" s="260" t="s">
        <v>47</v>
      </c>
      <c r="AZ5" s="260" t="s">
        <v>48</v>
      </c>
      <c r="BA5" s="260" t="s">
        <v>49</v>
      </c>
      <c r="BB5" s="260" t="s">
        <v>50</v>
      </c>
      <c r="BC5" s="260" t="s">
        <v>51</v>
      </c>
      <c r="BD5" s="269" t="s">
        <v>45</v>
      </c>
      <c r="BE5" s="540"/>
      <c r="BF5" s="351" t="s">
        <v>43</v>
      </c>
      <c r="BG5" s="260" t="s">
        <v>44</v>
      </c>
      <c r="BH5" s="266" t="s">
        <v>45</v>
      </c>
      <c r="BI5" s="268" t="s">
        <v>83</v>
      </c>
      <c r="BJ5" s="260" t="s">
        <v>47</v>
      </c>
      <c r="BK5" s="260" t="s">
        <v>48</v>
      </c>
      <c r="BL5" s="260" t="s">
        <v>49</v>
      </c>
      <c r="BM5" s="260" t="s">
        <v>50</v>
      </c>
      <c r="BN5" s="260" t="s">
        <v>51</v>
      </c>
      <c r="BO5" s="266" t="s">
        <v>45</v>
      </c>
      <c r="BP5" s="540"/>
      <c r="BQ5" s="351" t="s">
        <v>43</v>
      </c>
      <c r="BR5" s="260" t="s">
        <v>44</v>
      </c>
      <c r="BS5" s="266" t="s">
        <v>45</v>
      </c>
      <c r="BT5" s="268" t="s">
        <v>83</v>
      </c>
      <c r="BU5" s="260" t="s">
        <v>47</v>
      </c>
      <c r="BV5" s="260" t="s">
        <v>48</v>
      </c>
      <c r="BW5" s="260" t="s">
        <v>49</v>
      </c>
      <c r="BX5" s="260" t="s">
        <v>50</v>
      </c>
      <c r="BY5" s="260" t="s">
        <v>51</v>
      </c>
      <c r="BZ5" s="266" t="s">
        <v>45</v>
      </c>
      <c r="CA5" s="540"/>
      <c r="CB5" s="351" t="s">
        <v>43</v>
      </c>
      <c r="CC5" s="260" t="s">
        <v>44</v>
      </c>
      <c r="CD5" s="266" t="s">
        <v>45</v>
      </c>
      <c r="CE5" s="268" t="s">
        <v>83</v>
      </c>
      <c r="CF5" s="260" t="s">
        <v>47</v>
      </c>
      <c r="CG5" s="260" t="s">
        <v>48</v>
      </c>
      <c r="CH5" s="260" t="s">
        <v>49</v>
      </c>
      <c r="CI5" s="260" t="s">
        <v>50</v>
      </c>
      <c r="CJ5" s="260" t="s">
        <v>51</v>
      </c>
      <c r="CK5" s="266" t="s">
        <v>45</v>
      </c>
      <c r="CL5" s="540"/>
      <c r="CM5" s="366" t="s">
        <v>43</v>
      </c>
      <c r="CN5" s="260" t="s">
        <v>44</v>
      </c>
      <c r="CO5" s="266" t="s">
        <v>45</v>
      </c>
      <c r="CP5" s="268" t="s">
        <v>83</v>
      </c>
      <c r="CQ5" s="260" t="s">
        <v>47</v>
      </c>
      <c r="CR5" s="260" t="s">
        <v>48</v>
      </c>
      <c r="CS5" s="260" t="s">
        <v>49</v>
      </c>
      <c r="CT5" s="260" t="s">
        <v>50</v>
      </c>
      <c r="CU5" s="260" t="s">
        <v>51</v>
      </c>
      <c r="CV5" s="266" t="s">
        <v>45</v>
      </c>
      <c r="CW5" s="540"/>
      <c r="CX5" s="366" t="s">
        <v>43</v>
      </c>
      <c r="CY5" s="260" t="s">
        <v>44</v>
      </c>
      <c r="CZ5" s="266" t="s">
        <v>45</v>
      </c>
      <c r="DA5" s="268" t="s">
        <v>83</v>
      </c>
      <c r="DB5" s="260" t="s">
        <v>47</v>
      </c>
      <c r="DC5" s="260" t="s">
        <v>48</v>
      </c>
      <c r="DD5" s="260" t="s">
        <v>49</v>
      </c>
      <c r="DE5" s="260" t="s">
        <v>50</v>
      </c>
      <c r="DF5" s="260" t="s">
        <v>51</v>
      </c>
      <c r="DG5" s="266" t="s">
        <v>45</v>
      </c>
      <c r="DH5" s="540"/>
    </row>
    <row r="6" spans="2:112" ht="18.75" customHeight="1" x14ac:dyDescent="0.2">
      <c r="B6" s="261" t="s">
        <v>4</v>
      </c>
      <c r="C6" s="270">
        <v>0</v>
      </c>
      <c r="D6" s="271">
        <v>0</v>
      </c>
      <c r="E6" s="272">
        <v>0</v>
      </c>
      <c r="F6" s="273">
        <v>0</v>
      </c>
      <c r="G6" s="274">
        <v>12521</v>
      </c>
      <c r="H6" s="274">
        <v>19591</v>
      </c>
      <c r="I6" s="274">
        <v>18294</v>
      </c>
      <c r="J6" s="274">
        <v>24222</v>
      </c>
      <c r="K6" s="274">
        <v>24406</v>
      </c>
      <c r="L6" s="275">
        <v>99034</v>
      </c>
      <c r="M6" s="276">
        <v>99034</v>
      </c>
      <c r="N6" s="270">
        <v>0</v>
      </c>
      <c r="O6" s="274">
        <v>17</v>
      </c>
      <c r="P6" s="271">
        <v>17</v>
      </c>
      <c r="Q6" s="273">
        <v>0</v>
      </c>
      <c r="R6" s="274">
        <v>35</v>
      </c>
      <c r="S6" s="274">
        <v>128</v>
      </c>
      <c r="T6" s="274">
        <v>247</v>
      </c>
      <c r="U6" s="274">
        <v>697</v>
      </c>
      <c r="V6" s="274">
        <v>1214</v>
      </c>
      <c r="W6" s="271">
        <v>2321</v>
      </c>
      <c r="X6" s="276">
        <v>2338</v>
      </c>
      <c r="Y6" s="270">
        <v>1051</v>
      </c>
      <c r="Z6" s="274">
        <v>2902</v>
      </c>
      <c r="AA6" s="271">
        <v>3953</v>
      </c>
      <c r="AB6" s="273">
        <v>0</v>
      </c>
      <c r="AC6" s="274">
        <v>8353</v>
      </c>
      <c r="AD6" s="274">
        <v>12019</v>
      </c>
      <c r="AE6" s="274">
        <v>7521</v>
      </c>
      <c r="AF6" s="274">
        <v>6740</v>
      </c>
      <c r="AG6" s="274">
        <v>5895</v>
      </c>
      <c r="AH6" s="271">
        <v>40528</v>
      </c>
      <c r="AI6" s="276">
        <v>44481</v>
      </c>
      <c r="AJ6" s="270">
        <v>151</v>
      </c>
      <c r="AK6" s="274">
        <v>653</v>
      </c>
      <c r="AL6" s="271">
        <v>804</v>
      </c>
      <c r="AM6" s="273">
        <v>0</v>
      </c>
      <c r="AN6" s="274">
        <v>1125</v>
      </c>
      <c r="AO6" s="274">
        <v>1913</v>
      </c>
      <c r="AP6" s="274">
        <v>1285</v>
      </c>
      <c r="AQ6" s="274">
        <v>1267</v>
      </c>
      <c r="AR6" s="274">
        <v>569</v>
      </c>
      <c r="AS6" s="271">
        <v>6159</v>
      </c>
      <c r="AT6" s="276">
        <v>6963</v>
      </c>
      <c r="AU6" s="270">
        <v>0</v>
      </c>
      <c r="AV6" s="274">
        <v>0</v>
      </c>
      <c r="AW6" s="271">
        <v>0</v>
      </c>
      <c r="AX6" s="273">
        <v>0</v>
      </c>
      <c r="AY6" s="274">
        <v>11077</v>
      </c>
      <c r="AZ6" s="274">
        <v>10147</v>
      </c>
      <c r="BA6" s="274">
        <v>5410</v>
      </c>
      <c r="BB6" s="274">
        <v>3465</v>
      </c>
      <c r="BC6" s="274">
        <v>1445</v>
      </c>
      <c r="BD6" s="275">
        <v>31544</v>
      </c>
      <c r="BE6" s="276">
        <v>31544</v>
      </c>
      <c r="BF6" s="270">
        <v>0</v>
      </c>
      <c r="BG6" s="274">
        <v>0</v>
      </c>
      <c r="BH6" s="271">
        <v>0</v>
      </c>
      <c r="BI6" s="273">
        <v>0</v>
      </c>
      <c r="BJ6" s="274">
        <v>2214</v>
      </c>
      <c r="BK6" s="274">
        <v>3106</v>
      </c>
      <c r="BL6" s="274">
        <v>2031</v>
      </c>
      <c r="BM6" s="274">
        <v>1398</v>
      </c>
      <c r="BN6" s="274">
        <v>473</v>
      </c>
      <c r="BO6" s="271">
        <v>9222</v>
      </c>
      <c r="BP6" s="276">
        <v>9222</v>
      </c>
      <c r="BQ6" s="270">
        <v>24</v>
      </c>
      <c r="BR6" s="274">
        <v>102</v>
      </c>
      <c r="BS6" s="271">
        <v>126</v>
      </c>
      <c r="BT6" s="273">
        <v>0</v>
      </c>
      <c r="BU6" s="274">
        <v>1046</v>
      </c>
      <c r="BV6" s="274">
        <v>1591</v>
      </c>
      <c r="BW6" s="274">
        <v>2189</v>
      </c>
      <c r="BX6" s="274">
        <v>2227</v>
      </c>
      <c r="BY6" s="274">
        <v>1123</v>
      </c>
      <c r="BZ6" s="271">
        <v>8176</v>
      </c>
      <c r="CA6" s="276">
        <v>8302</v>
      </c>
      <c r="CB6" s="270">
        <v>6</v>
      </c>
      <c r="CC6" s="274">
        <v>11</v>
      </c>
      <c r="CD6" s="271">
        <v>17</v>
      </c>
      <c r="CE6" s="273">
        <v>0</v>
      </c>
      <c r="CF6" s="274">
        <v>168</v>
      </c>
      <c r="CG6" s="274">
        <v>269</v>
      </c>
      <c r="CH6" s="274">
        <v>259</v>
      </c>
      <c r="CI6" s="274">
        <v>392</v>
      </c>
      <c r="CJ6" s="274">
        <v>185</v>
      </c>
      <c r="CK6" s="271">
        <v>1273</v>
      </c>
      <c r="CL6" s="276">
        <v>1290</v>
      </c>
      <c r="CM6" s="270">
        <v>0</v>
      </c>
      <c r="CN6" s="274">
        <v>0</v>
      </c>
      <c r="CO6" s="271">
        <v>0</v>
      </c>
      <c r="CP6" s="273">
        <v>0</v>
      </c>
      <c r="CQ6" s="274">
        <v>0</v>
      </c>
      <c r="CR6" s="274">
        <v>0</v>
      </c>
      <c r="CS6" s="274">
        <v>0</v>
      </c>
      <c r="CT6" s="274">
        <v>0</v>
      </c>
      <c r="CU6" s="274">
        <v>0</v>
      </c>
      <c r="CV6" s="271">
        <v>0</v>
      </c>
      <c r="CW6" s="276">
        <v>0</v>
      </c>
      <c r="CX6" s="270">
        <v>0</v>
      </c>
      <c r="CY6" s="274">
        <v>0</v>
      </c>
      <c r="CZ6" s="271">
        <v>0</v>
      </c>
      <c r="DA6" s="273">
        <v>0</v>
      </c>
      <c r="DB6" s="274">
        <v>0</v>
      </c>
      <c r="DC6" s="274">
        <v>0</v>
      </c>
      <c r="DD6" s="274">
        <v>0</v>
      </c>
      <c r="DE6" s="274">
        <v>0</v>
      </c>
      <c r="DF6" s="274">
        <v>0</v>
      </c>
      <c r="DG6" s="271">
        <v>0</v>
      </c>
      <c r="DH6" s="276">
        <v>0</v>
      </c>
    </row>
    <row r="7" spans="2:112" ht="18.75" customHeight="1" x14ac:dyDescent="0.2">
      <c r="B7" s="262" t="s">
        <v>5</v>
      </c>
      <c r="C7" s="277">
        <v>0</v>
      </c>
      <c r="D7" s="278">
        <v>0</v>
      </c>
      <c r="E7" s="279">
        <v>0</v>
      </c>
      <c r="F7" s="280">
        <v>0</v>
      </c>
      <c r="G7" s="281">
        <v>4526</v>
      </c>
      <c r="H7" s="281">
        <v>9487</v>
      </c>
      <c r="I7" s="281">
        <v>7099</v>
      </c>
      <c r="J7" s="281">
        <v>9657</v>
      </c>
      <c r="K7" s="281">
        <v>9142</v>
      </c>
      <c r="L7" s="282">
        <v>39911</v>
      </c>
      <c r="M7" s="283">
        <v>39911</v>
      </c>
      <c r="N7" s="277">
        <v>0</v>
      </c>
      <c r="O7" s="281">
        <v>8</v>
      </c>
      <c r="P7" s="278">
        <v>8</v>
      </c>
      <c r="Q7" s="280">
        <v>0</v>
      </c>
      <c r="R7" s="281">
        <v>1</v>
      </c>
      <c r="S7" s="281">
        <v>65</v>
      </c>
      <c r="T7" s="281">
        <v>110</v>
      </c>
      <c r="U7" s="281">
        <v>314</v>
      </c>
      <c r="V7" s="281">
        <v>486</v>
      </c>
      <c r="W7" s="278">
        <v>976</v>
      </c>
      <c r="X7" s="283">
        <v>984</v>
      </c>
      <c r="Y7" s="277">
        <v>492</v>
      </c>
      <c r="Z7" s="281">
        <v>1472</v>
      </c>
      <c r="AA7" s="278">
        <v>1964</v>
      </c>
      <c r="AB7" s="280">
        <v>0</v>
      </c>
      <c r="AC7" s="281">
        <v>3375</v>
      </c>
      <c r="AD7" s="281">
        <v>6902</v>
      </c>
      <c r="AE7" s="281">
        <v>3643</v>
      </c>
      <c r="AF7" s="281">
        <v>3301</v>
      </c>
      <c r="AG7" s="281">
        <v>2803</v>
      </c>
      <c r="AH7" s="278">
        <v>20024</v>
      </c>
      <c r="AI7" s="283">
        <v>21988</v>
      </c>
      <c r="AJ7" s="277">
        <v>69</v>
      </c>
      <c r="AK7" s="281">
        <v>379</v>
      </c>
      <c r="AL7" s="278">
        <v>448</v>
      </c>
      <c r="AM7" s="280">
        <v>0</v>
      </c>
      <c r="AN7" s="281">
        <v>349</v>
      </c>
      <c r="AO7" s="281">
        <v>913</v>
      </c>
      <c r="AP7" s="281">
        <v>512</v>
      </c>
      <c r="AQ7" s="281">
        <v>566</v>
      </c>
      <c r="AR7" s="281">
        <v>209</v>
      </c>
      <c r="AS7" s="278">
        <v>2549</v>
      </c>
      <c r="AT7" s="283">
        <v>2997</v>
      </c>
      <c r="AU7" s="277">
        <v>0</v>
      </c>
      <c r="AV7" s="281">
        <v>0</v>
      </c>
      <c r="AW7" s="278">
        <v>0</v>
      </c>
      <c r="AX7" s="280">
        <v>0</v>
      </c>
      <c r="AY7" s="281">
        <v>3825</v>
      </c>
      <c r="AZ7" s="281">
        <v>4384</v>
      </c>
      <c r="BA7" s="281">
        <v>2259</v>
      </c>
      <c r="BB7" s="281">
        <v>1287</v>
      </c>
      <c r="BC7" s="281">
        <v>576</v>
      </c>
      <c r="BD7" s="282">
        <v>12331</v>
      </c>
      <c r="BE7" s="283">
        <v>12331</v>
      </c>
      <c r="BF7" s="277">
        <v>0</v>
      </c>
      <c r="BG7" s="281">
        <v>0</v>
      </c>
      <c r="BH7" s="278">
        <v>0</v>
      </c>
      <c r="BI7" s="280">
        <v>0</v>
      </c>
      <c r="BJ7" s="281">
        <v>713</v>
      </c>
      <c r="BK7" s="281">
        <v>1568</v>
      </c>
      <c r="BL7" s="281">
        <v>1001</v>
      </c>
      <c r="BM7" s="281">
        <v>602</v>
      </c>
      <c r="BN7" s="281">
        <v>240</v>
      </c>
      <c r="BO7" s="278">
        <v>4124</v>
      </c>
      <c r="BP7" s="283">
        <v>4124</v>
      </c>
      <c r="BQ7" s="277">
        <v>7</v>
      </c>
      <c r="BR7" s="281">
        <v>77</v>
      </c>
      <c r="BS7" s="278">
        <v>84</v>
      </c>
      <c r="BT7" s="280">
        <v>0</v>
      </c>
      <c r="BU7" s="281">
        <v>399</v>
      </c>
      <c r="BV7" s="281">
        <v>804</v>
      </c>
      <c r="BW7" s="281">
        <v>995</v>
      </c>
      <c r="BX7" s="281">
        <v>986</v>
      </c>
      <c r="BY7" s="281">
        <v>434</v>
      </c>
      <c r="BZ7" s="278">
        <v>3618</v>
      </c>
      <c r="CA7" s="283">
        <v>3702</v>
      </c>
      <c r="CB7" s="277">
        <v>0</v>
      </c>
      <c r="CC7" s="281">
        <v>11</v>
      </c>
      <c r="CD7" s="278">
        <v>11</v>
      </c>
      <c r="CE7" s="280">
        <v>0</v>
      </c>
      <c r="CF7" s="281">
        <v>140</v>
      </c>
      <c r="CG7" s="281">
        <v>139</v>
      </c>
      <c r="CH7" s="281">
        <v>154</v>
      </c>
      <c r="CI7" s="281">
        <v>230</v>
      </c>
      <c r="CJ7" s="281">
        <v>131</v>
      </c>
      <c r="CK7" s="278">
        <v>794</v>
      </c>
      <c r="CL7" s="283">
        <v>805</v>
      </c>
      <c r="CM7" s="277">
        <v>0</v>
      </c>
      <c r="CN7" s="281">
        <v>0</v>
      </c>
      <c r="CO7" s="278">
        <v>0</v>
      </c>
      <c r="CP7" s="280">
        <v>0</v>
      </c>
      <c r="CQ7" s="281">
        <v>0</v>
      </c>
      <c r="CR7" s="281">
        <v>0</v>
      </c>
      <c r="CS7" s="281">
        <v>0</v>
      </c>
      <c r="CT7" s="281">
        <v>0</v>
      </c>
      <c r="CU7" s="281">
        <v>0</v>
      </c>
      <c r="CV7" s="278">
        <v>0</v>
      </c>
      <c r="CW7" s="283">
        <v>0</v>
      </c>
      <c r="CX7" s="277">
        <v>0</v>
      </c>
      <c r="CY7" s="281">
        <v>0</v>
      </c>
      <c r="CZ7" s="278">
        <v>0</v>
      </c>
      <c r="DA7" s="280">
        <v>0</v>
      </c>
      <c r="DB7" s="281">
        <v>0</v>
      </c>
      <c r="DC7" s="281">
        <v>0</v>
      </c>
      <c r="DD7" s="281">
        <v>0</v>
      </c>
      <c r="DE7" s="281">
        <v>0</v>
      </c>
      <c r="DF7" s="281">
        <v>0</v>
      </c>
      <c r="DG7" s="278">
        <v>0</v>
      </c>
      <c r="DH7" s="283">
        <v>0</v>
      </c>
    </row>
    <row r="8" spans="2:112" ht="18.75" customHeight="1" x14ac:dyDescent="0.2">
      <c r="B8" s="262" t="s">
        <v>6</v>
      </c>
      <c r="C8" s="277">
        <v>0</v>
      </c>
      <c r="D8" s="278">
        <v>0</v>
      </c>
      <c r="E8" s="279">
        <v>0</v>
      </c>
      <c r="F8" s="280">
        <v>0</v>
      </c>
      <c r="G8" s="281">
        <v>2163</v>
      </c>
      <c r="H8" s="281">
        <v>3318</v>
      </c>
      <c r="I8" s="281">
        <v>2787</v>
      </c>
      <c r="J8" s="281">
        <v>4509</v>
      </c>
      <c r="K8" s="281">
        <v>3612</v>
      </c>
      <c r="L8" s="282">
        <v>16389</v>
      </c>
      <c r="M8" s="283">
        <v>16389</v>
      </c>
      <c r="N8" s="277">
        <v>0</v>
      </c>
      <c r="O8" s="281">
        <v>9</v>
      </c>
      <c r="P8" s="278">
        <v>9</v>
      </c>
      <c r="Q8" s="280">
        <v>0</v>
      </c>
      <c r="R8" s="281">
        <v>0</v>
      </c>
      <c r="S8" s="281">
        <v>23</v>
      </c>
      <c r="T8" s="281">
        <v>40</v>
      </c>
      <c r="U8" s="281">
        <v>121</v>
      </c>
      <c r="V8" s="281">
        <v>162</v>
      </c>
      <c r="W8" s="278">
        <v>346</v>
      </c>
      <c r="X8" s="283">
        <v>355</v>
      </c>
      <c r="Y8" s="277">
        <v>180</v>
      </c>
      <c r="Z8" s="281">
        <v>516</v>
      </c>
      <c r="AA8" s="278">
        <v>696</v>
      </c>
      <c r="AB8" s="280">
        <v>0</v>
      </c>
      <c r="AC8" s="281">
        <v>2180</v>
      </c>
      <c r="AD8" s="281">
        <v>1988</v>
      </c>
      <c r="AE8" s="281">
        <v>1492</v>
      </c>
      <c r="AF8" s="281">
        <v>1194</v>
      </c>
      <c r="AG8" s="281">
        <v>1043</v>
      </c>
      <c r="AH8" s="278">
        <v>7897</v>
      </c>
      <c r="AI8" s="283">
        <v>8593</v>
      </c>
      <c r="AJ8" s="277">
        <v>24</v>
      </c>
      <c r="AK8" s="281">
        <v>49</v>
      </c>
      <c r="AL8" s="278">
        <v>73</v>
      </c>
      <c r="AM8" s="280">
        <v>0</v>
      </c>
      <c r="AN8" s="281">
        <v>218</v>
      </c>
      <c r="AO8" s="281">
        <v>217</v>
      </c>
      <c r="AP8" s="281">
        <v>172</v>
      </c>
      <c r="AQ8" s="281">
        <v>197</v>
      </c>
      <c r="AR8" s="281">
        <v>47</v>
      </c>
      <c r="AS8" s="278">
        <v>851</v>
      </c>
      <c r="AT8" s="283">
        <v>924</v>
      </c>
      <c r="AU8" s="277">
        <v>0</v>
      </c>
      <c r="AV8" s="281">
        <v>0</v>
      </c>
      <c r="AW8" s="278">
        <v>0</v>
      </c>
      <c r="AX8" s="280">
        <v>0</v>
      </c>
      <c r="AY8" s="281">
        <v>2211</v>
      </c>
      <c r="AZ8" s="281">
        <v>1428</v>
      </c>
      <c r="BA8" s="281">
        <v>783</v>
      </c>
      <c r="BB8" s="281">
        <v>678</v>
      </c>
      <c r="BC8" s="281">
        <v>234</v>
      </c>
      <c r="BD8" s="282">
        <v>5334</v>
      </c>
      <c r="BE8" s="283">
        <v>5334</v>
      </c>
      <c r="BF8" s="277">
        <v>0</v>
      </c>
      <c r="BG8" s="281">
        <v>0</v>
      </c>
      <c r="BH8" s="278">
        <v>0</v>
      </c>
      <c r="BI8" s="280">
        <v>0</v>
      </c>
      <c r="BJ8" s="281">
        <v>323</v>
      </c>
      <c r="BK8" s="281">
        <v>353</v>
      </c>
      <c r="BL8" s="281">
        <v>247</v>
      </c>
      <c r="BM8" s="281">
        <v>277</v>
      </c>
      <c r="BN8" s="281">
        <v>43</v>
      </c>
      <c r="BO8" s="278">
        <v>1243</v>
      </c>
      <c r="BP8" s="283">
        <v>1243</v>
      </c>
      <c r="BQ8" s="277">
        <v>0</v>
      </c>
      <c r="BR8" s="281">
        <v>0</v>
      </c>
      <c r="BS8" s="278">
        <v>0</v>
      </c>
      <c r="BT8" s="280">
        <v>0</v>
      </c>
      <c r="BU8" s="281">
        <v>115</v>
      </c>
      <c r="BV8" s="281">
        <v>188</v>
      </c>
      <c r="BW8" s="281">
        <v>284</v>
      </c>
      <c r="BX8" s="281">
        <v>287</v>
      </c>
      <c r="BY8" s="281">
        <v>90</v>
      </c>
      <c r="BZ8" s="278">
        <v>964</v>
      </c>
      <c r="CA8" s="283">
        <v>964</v>
      </c>
      <c r="CB8" s="277">
        <v>0</v>
      </c>
      <c r="CC8" s="281">
        <v>0</v>
      </c>
      <c r="CD8" s="278">
        <v>0</v>
      </c>
      <c r="CE8" s="280">
        <v>0</v>
      </c>
      <c r="CF8" s="281">
        <v>7</v>
      </c>
      <c r="CG8" s="281">
        <v>43</v>
      </c>
      <c r="CH8" s="281">
        <v>42</v>
      </c>
      <c r="CI8" s="281">
        <v>47</v>
      </c>
      <c r="CJ8" s="281">
        <v>14</v>
      </c>
      <c r="CK8" s="278">
        <v>153</v>
      </c>
      <c r="CL8" s="283">
        <v>153</v>
      </c>
      <c r="CM8" s="277">
        <v>0</v>
      </c>
      <c r="CN8" s="281">
        <v>0</v>
      </c>
      <c r="CO8" s="278">
        <v>0</v>
      </c>
      <c r="CP8" s="280">
        <v>0</v>
      </c>
      <c r="CQ8" s="281">
        <v>0</v>
      </c>
      <c r="CR8" s="281">
        <v>0</v>
      </c>
      <c r="CS8" s="281">
        <v>0</v>
      </c>
      <c r="CT8" s="281">
        <v>0</v>
      </c>
      <c r="CU8" s="281">
        <v>0</v>
      </c>
      <c r="CV8" s="278">
        <v>0</v>
      </c>
      <c r="CW8" s="283">
        <v>0</v>
      </c>
      <c r="CX8" s="277">
        <v>0</v>
      </c>
      <c r="CY8" s="281">
        <v>0</v>
      </c>
      <c r="CZ8" s="278">
        <v>0</v>
      </c>
      <c r="DA8" s="280">
        <v>0</v>
      </c>
      <c r="DB8" s="281">
        <v>0</v>
      </c>
      <c r="DC8" s="281">
        <v>0</v>
      </c>
      <c r="DD8" s="281">
        <v>0</v>
      </c>
      <c r="DE8" s="281">
        <v>0</v>
      </c>
      <c r="DF8" s="281">
        <v>0</v>
      </c>
      <c r="DG8" s="278">
        <v>0</v>
      </c>
      <c r="DH8" s="283">
        <v>0</v>
      </c>
    </row>
    <row r="9" spans="2:112" ht="18.75" customHeight="1" x14ac:dyDescent="0.2">
      <c r="B9" s="262" t="s">
        <v>14</v>
      </c>
      <c r="C9" s="277">
        <v>0</v>
      </c>
      <c r="D9" s="278">
        <v>0</v>
      </c>
      <c r="E9" s="279">
        <v>0</v>
      </c>
      <c r="F9" s="280">
        <v>0</v>
      </c>
      <c r="G9" s="281">
        <v>720</v>
      </c>
      <c r="H9" s="281">
        <v>686</v>
      </c>
      <c r="I9" s="281">
        <v>1202</v>
      </c>
      <c r="J9" s="281">
        <v>1445</v>
      </c>
      <c r="K9" s="281">
        <v>2014</v>
      </c>
      <c r="L9" s="282">
        <v>6067</v>
      </c>
      <c r="M9" s="283">
        <v>6067</v>
      </c>
      <c r="N9" s="277">
        <v>0</v>
      </c>
      <c r="O9" s="281">
        <v>0</v>
      </c>
      <c r="P9" s="278">
        <v>0</v>
      </c>
      <c r="Q9" s="280">
        <v>0</v>
      </c>
      <c r="R9" s="281">
        <v>0</v>
      </c>
      <c r="S9" s="281">
        <v>4</v>
      </c>
      <c r="T9" s="281">
        <v>6</v>
      </c>
      <c r="U9" s="281">
        <v>53</v>
      </c>
      <c r="V9" s="281">
        <v>111</v>
      </c>
      <c r="W9" s="278">
        <v>174</v>
      </c>
      <c r="X9" s="283">
        <v>174</v>
      </c>
      <c r="Y9" s="277">
        <v>26</v>
      </c>
      <c r="Z9" s="281">
        <v>215</v>
      </c>
      <c r="AA9" s="278">
        <v>241</v>
      </c>
      <c r="AB9" s="280">
        <v>0</v>
      </c>
      <c r="AC9" s="281">
        <v>253</v>
      </c>
      <c r="AD9" s="281">
        <v>665</v>
      </c>
      <c r="AE9" s="281">
        <v>494</v>
      </c>
      <c r="AF9" s="281">
        <v>540</v>
      </c>
      <c r="AG9" s="281">
        <v>323</v>
      </c>
      <c r="AH9" s="278">
        <v>2275</v>
      </c>
      <c r="AI9" s="283">
        <v>2516</v>
      </c>
      <c r="AJ9" s="277">
        <v>0</v>
      </c>
      <c r="AK9" s="281">
        <v>31</v>
      </c>
      <c r="AL9" s="278">
        <v>31</v>
      </c>
      <c r="AM9" s="280">
        <v>0</v>
      </c>
      <c r="AN9" s="281">
        <v>84</v>
      </c>
      <c r="AO9" s="281">
        <v>48</v>
      </c>
      <c r="AP9" s="281">
        <v>32</v>
      </c>
      <c r="AQ9" s="281">
        <v>57</v>
      </c>
      <c r="AR9" s="281">
        <v>14</v>
      </c>
      <c r="AS9" s="278">
        <v>235</v>
      </c>
      <c r="AT9" s="283">
        <v>266</v>
      </c>
      <c r="AU9" s="277">
        <v>0</v>
      </c>
      <c r="AV9" s="281">
        <v>0</v>
      </c>
      <c r="AW9" s="278">
        <v>0</v>
      </c>
      <c r="AX9" s="280">
        <v>0</v>
      </c>
      <c r="AY9" s="281">
        <v>843</v>
      </c>
      <c r="AZ9" s="281">
        <v>701</v>
      </c>
      <c r="BA9" s="281">
        <v>489</v>
      </c>
      <c r="BB9" s="281">
        <v>253</v>
      </c>
      <c r="BC9" s="281">
        <v>173</v>
      </c>
      <c r="BD9" s="282">
        <v>2459</v>
      </c>
      <c r="BE9" s="283">
        <v>2459</v>
      </c>
      <c r="BF9" s="277">
        <v>0</v>
      </c>
      <c r="BG9" s="281">
        <v>0</v>
      </c>
      <c r="BH9" s="278">
        <v>0</v>
      </c>
      <c r="BI9" s="280">
        <v>0</v>
      </c>
      <c r="BJ9" s="281">
        <v>65</v>
      </c>
      <c r="BK9" s="281">
        <v>113</v>
      </c>
      <c r="BL9" s="281">
        <v>95</v>
      </c>
      <c r="BM9" s="281">
        <v>81</v>
      </c>
      <c r="BN9" s="281">
        <v>16</v>
      </c>
      <c r="BO9" s="278">
        <v>370</v>
      </c>
      <c r="BP9" s="283">
        <v>370</v>
      </c>
      <c r="BQ9" s="277">
        <v>9</v>
      </c>
      <c r="BR9" s="281">
        <v>1</v>
      </c>
      <c r="BS9" s="278">
        <v>10</v>
      </c>
      <c r="BT9" s="280">
        <v>0</v>
      </c>
      <c r="BU9" s="281">
        <v>95</v>
      </c>
      <c r="BV9" s="281">
        <v>102</v>
      </c>
      <c r="BW9" s="281">
        <v>159</v>
      </c>
      <c r="BX9" s="281">
        <v>101</v>
      </c>
      <c r="BY9" s="281">
        <v>213</v>
      </c>
      <c r="BZ9" s="278">
        <v>670</v>
      </c>
      <c r="CA9" s="283">
        <v>680</v>
      </c>
      <c r="CB9" s="277">
        <v>0</v>
      </c>
      <c r="CC9" s="281">
        <v>0</v>
      </c>
      <c r="CD9" s="278">
        <v>0</v>
      </c>
      <c r="CE9" s="280">
        <v>0</v>
      </c>
      <c r="CF9" s="281">
        <v>0</v>
      </c>
      <c r="CG9" s="281">
        <v>6</v>
      </c>
      <c r="CH9" s="281">
        <v>0</v>
      </c>
      <c r="CI9" s="281">
        <v>30</v>
      </c>
      <c r="CJ9" s="281">
        <v>5</v>
      </c>
      <c r="CK9" s="278">
        <v>41</v>
      </c>
      <c r="CL9" s="283">
        <v>41</v>
      </c>
      <c r="CM9" s="277">
        <v>0</v>
      </c>
      <c r="CN9" s="281">
        <v>0</v>
      </c>
      <c r="CO9" s="278">
        <v>0</v>
      </c>
      <c r="CP9" s="280">
        <v>0</v>
      </c>
      <c r="CQ9" s="281">
        <v>0</v>
      </c>
      <c r="CR9" s="281">
        <v>0</v>
      </c>
      <c r="CS9" s="281">
        <v>0</v>
      </c>
      <c r="CT9" s="281">
        <v>0</v>
      </c>
      <c r="CU9" s="281">
        <v>0</v>
      </c>
      <c r="CV9" s="278">
        <v>0</v>
      </c>
      <c r="CW9" s="283">
        <v>0</v>
      </c>
      <c r="CX9" s="277">
        <v>0</v>
      </c>
      <c r="CY9" s="281">
        <v>0</v>
      </c>
      <c r="CZ9" s="278">
        <v>0</v>
      </c>
      <c r="DA9" s="280">
        <v>0</v>
      </c>
      <c r="DB9" s="281">
        <v>0</v>
      </c>
      <c r="DC9" s="281">
        <v>0</v>
      </c>
      <c r="DD9" s="281">
        <v>0</v>
      </c>
      <c r="DE9" s="281">
        <v>0</v>
      </c>
      <c r="DF9" s="281">
        <v>0</v>
      </c>
      <c r="DG9" s="278">
        <v>0</v>
      </c>
      <c r="DH9" s="283">
        <v>0</v>
      </c>
    </row>
    <row r="10" spans="2:112" ht="18.75" customHeight="1" x14ac:dyDescent="0.2">
      <c r="B10" s="262" t="s">
        <v>7</v>
      </c>
      <c r="C10" s="277">
        <v>0</v>
      </c>
      <c r="D10" s="278">
        <v>0</v>
      </c>
      <c r="E10" s="279">
        <v>0</v>
      </c>
      <c r="F10" s="280">
        <v>0</v>
      </c>
      <c r="G10" s="281">
        <v>651</v>
      </c>
      <c r="H10" s="281">
        <v>887</v>
      </c>
      <c r="I10" s="281">
        <v>551</v>
      </c>
      <c r="J10" s="281">
        <v>692</v>
      </c>
      <c r="K10" s="281">
        <v>1014</v>
      </c>
      <c r="L10" s="282">
        <v>3795</v>
      </c>
      <c r="M10" s="283">
        <v>3795</v>
      </c>
      <c r="N10" s="277">
        <v>0</v>
      </c>
      <c r="O10" s="281">
        <v>0</v>
      </c>
      <c r="P10" s="278">
        <v>0</v>
      </c>
      <c r="Q10" s="280">
        <v>0</v>
      </c>
      <c r="R10" s="281">
        <v>9</v>
      </c>
      <c r="S10" s="281">
        <v>4</v>
      </c>
      <c r="T10" s="281">
        <v>2</v>
      </c>
      <c r="U10" s="281">
        <v>8</v>
      </c>
      <c r="V10" s="281">
        <v>38</v>
      </c>
      <c r="W10" s="278">
        <v>61</v>
      </c>
      <c r="X10" s="283">
        <v>61</v>
      </c>
      <c r="Y10" s="277">
        <v>0</v>
      </c>
      <c r="Z10" s="281">
        <v>31</v>
      </c>
      <c r="AA10" s="278">
        <v>31</v>
      </c>
      <c r="AB10" s="280">
        <v>0</v>
      </c>
      <c r="AC10" s="281">
        <v>242</v>
      </c>
      <c r="AD10" s="281">
        <v>258</v>
      </c>
      <c r="AE10" s="281">
        <v>110</v>
      </c>
      <c r="AF10" s="281">
        <v>117</v>
      </c>
      <c r="AG10" s="281">
        <v>191</v>
      </c>
      <c r="AH10" s="278">
        <v>918</v>
      </c>
      <c r="AI10" s="283">
        <v>949</v>
      </c>
      <c r="AJ10" s="277">
        <v>0</v>
      </c>
      <c r="AK10" s="281">
        <v>0</v>
      </c>
      <c r="AL10" s="278">
        <v>0</v>
      </c>
      <c r="AM10" s="280">
        <v>0</v>
      </c>
      <c r="AN10" s="281">
        <v>31</v>
      </c>
      <c r="AO10" s="281">
        <v>97</v>
      </c>
      <c r="AP10" s="281">
        <v>68</v>
      </c>
      <c r="AQ10" s="281">
        <v>44</v>
      </c>
      <c r="AR10" s="281">
        <v>24</v>
      </c>
      <c r="AS10" s="278">
        <v>264</v>
      </c>
      <c r="AT10" s="283">
        <v>264</v>
      </c>
      <c r="AU10" s="277">
        <v>0</v>
      </c>
      <c r="AV10" s="281">
        <v>0</v>
      </c>
      <c r="AW10" s="278">
        <v>0</v>
      </c>
      <c r="AX10" s="280">
        <v>0</v>
      </c>
      <c r="AY10" s="281">
        <v>483</v>
      </c>
      <c r="AZ10" s="281">
        <v>308</v>
      </c>
      <c r="BA10" s="281">
        <v>85</v>
      </c>
      <c r="BB10" s="281">
        <v>76</v>
      </c>
      <c r="BC10" s="281">
        <v>72</v>
      </c>
      <c r="BD10" s="282">
        <v>1024</v>
      </c>
      <c r="BE10" s="283">
        <v>1024</v>
      </c>
      <c r="BF10" s="277">
        <v>0</v>
      </c>
      <c r="BG10" s="281">
        <v>0</v>
      </c>
      <c r="BH10" s="278">
        <v>0</v>
      </c>
      <c r="BI10" s="280">
        <v>0</v>
      </c>
      <c r="BJ10" s="281">
        <v>202</v>
      </c>
      <c r="BK10" s="281">
        <v>84</v>
      </c>
      <c r="BL10" s="281">
        <v>81</v>
      </c>
      <c r="BM10" s="281">
        <v>6</v>
      </c>
      <c r="BN10" s="281">
        <v>15</v>
      </c>
      <c r="BO10" s="278">
        <v>388</v>
      </c>
      <c r="BP10" s="283">
        <v>388</v>
      </c>
      <c r="BQ10" s="277">
        <v>0</v>
      </c>
      <c r="BR10" s="281">
        <v>0</v>
      </c>
      <c r="BS10" s="278">
        <v>0</v>
      </c>
      <c r="BT10" s="280">
        <v>0</v>
      </c>
      <c r="BU10" s="281">
        <v>37</v>
      </c>
      <c r="BV10" s="281">
        <v>64</v>
      </c>
      <c r="BW10" s="281">
        <v>123</v>
      </c>
      <c r="BX10" s="281">
        <v>113</v>
      </c>
      <c r="BY10" s="281">
        <v>19</v>
      </c>
      <c r="BZ10" s="278">
        <v>356</v>
      </c>
      <c r="CA10" s="283">
        <v>356</v>
      </c>
      <c r="CB10" s="277">
        <v>0</v>
      </c>
      <c r="CC10" s="281">
        <v>0</v>
      </c>
      <c r="CD10" s="278">
        <v>0</v>
      </c>
      <c r="CE10" s="280">
        <v>0</v>
      </c>
      <c r="CF10" s="281">
        <v>0</v>
      </c>
      <c r="CG10" s="281">
        <v>6</v>
      </c>
      <c r="CH10" s="281">
        <v>0</v>
      </c>
      <c r="CI10" s="281">
        <v>0</v>
      </c>
      <c r="CJ10" s="281">
        <v>6</v>
      </c>
      <c r="CK10" s="278">
        <v>12</v>
      </c>
      <c r="CL10" s="283">
        <v>12</v>
      </c>
      <c r="CM10" s="277">
        <v>0</v>
      </c>
      <c r="CN10" s="281">
        <v>0</v>
      </c>
      <c r="CO10" s="278">
        <v>0</v>
      </c>
      <c r="CP10" s="280">
        <v>0</v>
      </c>
      <c r="CQ10" s="281">
        <v>0</v>
      </c>
      <c r="CR10" s="281">
        <v>0</v>
      </c>
      <c r="CS10" s="281">
        <v>0</v>
      </c>
      <c r="CT10" s="281">
        <v>0</v>
      </c>
      <c r="CU10" s="281">
        <v>0</v>
      </c>
      <c r="CV10" s="278">
        <v>0</v>
      </c>
      <c r="CW10" s="283">
        <v>0</v>
      </c>
      <c r="CX10" s="277">
        <v>0</v>
      </c>
      <c r="CY10" s="281">
        <v>0</v>
      </c>
      <c r="CZ10" s="278">
        <v>0</v>
      </c>
      <c r="DA10" s="280">
        <v>0</v>
      </c>
      <c r="DB10" s="281">
        <v>0</v>
      </c>
      <c r="DC10" s="281">
        <v>0</v>
      </c>
      <c r="DD10" s="281">
        <v>0</v>
      </c>
      <c r="DE10" s="281">
        <v>0</v>
      </c>
      <c r="DF10" s="281">
        <v>0</v>
      </c>
      <c r="DG10" s="278">
        <v>0</v>
      </c>
      <c r="DH10" s="283">
        <v>0</v>
      </c>
    </row>
    <row r="11" spans="2:112" ht="18.75" customHeight="1" x14ac:dyDescent="0.2">
      <c r="B11" s="262" t="s">
        <v>8</v>
      </c>
      <c r="C11" s="277">
        <v>0</v>
      </c>
      <c r="D11" s="278">
        <v>0</v>
      </c>
      <c r="E11" s="279">
        <v>0</v>
      </c>
      <c r="F11" s="280">
        <v>0</v>
      </c>
      <c r="G11" s="281">
        <v>227</v>
      </c>
      <c r="H11" s="281">
        <v>528</v>
      </c>
      <c r="I11" s="281">
        <v>245</v>
      </c>
      <c r="J11" s="281">
        <v>339</v>
      </c>
      <c r="K11" s="281">
        <v>641</v>
      </c>
      <c r="L11" s="282">
        <v>1980</v>
      </c>
      <c r="M11" s="283">
        <v>1980</v>
      </c>
      <c r="N11" s="277">
        <v>0</v>
      </c>
      <c r="O11" s="281">
        <v>0</v>
      </c>
      <c r="P11" s="278">
        <v>0</v>
      </c>
      <c r="Q11" s="280">
        <v>0</v>
      </c>
      <c r="R11" s="281">
        <v>0</v>
      </c>
      <c r="S11" s="281">
        <v>0</v>
      </c>
      <c r="T11" s="281">
        <v>0</v>
      </c>
      <c r="U11" s="281">
        <v>36</v>
      </c>
      <c r="V11" s="281">
        <v>13</v>
      </c>
      <c r="W11" s="278">
        <v>49</v>
      </c>
      <c r="X11" s="283">
        <v>49</v>
      </c>
      <c r="Y11" s="277">
        <v>1</v>
      </c>
      <c r="Z11" s="281">
        <v>14</v>
      </c>
      <c r="AA11" s="278">
        <v>15</v>
      </c>
      <c r="AB11" s="280">
        <v>0</v>
      </c>
      <c r="AC11" s="281">
        <v>40</v>
      </c>
      <c r="AD11" s="281">
        <v>98</v>
      </c>
      <c r="AE11" s="281">
        <v>11</v>
      </c>
      <c r="AF11" s="281">
        <v>92</v>
      </c>
      <c r="AG11" s="281">
        <v>34</v>
      </c>
      <c r="AH11" s="278">
        <v>275</v>
      </c>
      <c r="AI11" s="283">
        <v>290</v>
      </c>
      <c r="AJ11" s="277">
        <v>0</v>
      </c>
      <c r="AK11" s="281">
        <v>40</v>
      </c>
      <c r="AL11" s="278">
        <v>40</v>
      </c>
      <c r="AM11" s="280">
        <v>0</v>
      </c>
      <c r="AN11" s="281">
        <v>24</v>
      </c>
      <c r="AO11" s="281">
        <v>58</v>
      </c>
      <c r="AP11" s="281">
        <v>89</v>
      </c>
      <c r="AQ11" s="281">
        <v>58</v>
      </c>
      <c r="AR11" s="281">
        <v>27</v>
      </c>
      <c r="AS11" s="278">
        <v>256</v>
      </c>
      <c r="AT11" s="283">
        <v>296</v>
      </c>
      <c r="AU11" s="277">
        <v>0</v>
      </c>
      <c r="AV11" s="281">
        <v>0</v>
      </c>
      <c r="AW11" s="278">
        <v>0</v>
      </c>
      <c r="AX11" s="280">
        <v>0</v>
      </c>
      <c r="AY11" s="281">
        <v>199</v>
      </c>
      <c r="AZ11" s="281">
        <v>274</v>
      </c>
      <c r="BA11" s="281">
        <v>106</v>
      </c>
      <c r="BB11" s="281">
        <v>109</v>
      </c>
      <c r="BC11" s="281">
        <v>21</v>
      </c>
      <c r="BD11" s="282">
        <v>709</v>
      </c>
      <c r="BE11" s="283">
        <v>709</v>
      </c>
      <c r="BF11" s="277">
        <v>0</v>
      </c>
      <c r="BG11" s="281">
        <v>0</v>
      </c>
      <c r="BH11" s="278">
        <v>0</v>
      </c>
      <c r="BI11" s="280">
        <v>0</v>
      </c>
      <c r="BJ11" s="281">
        <v>117</v>
      </c>
      <c r="BK11" s="281">
        <v>58</v>
      </c>
      <c r="BL11" s="281">
        <v>43</v>
      </c>
      <c r="BM11" s="281">
        <v>55</v>
      </c>
      <c r="BN11" s="281">
        <v>11</v>
      </c>
      <c r="BO11" s="278">
        <v>284</v>
      </c>
      <c r="BP11" s="283">
        <v>284</v>
      </c>
      <c r="BQ11" s="277">
        <v>0</v>
      </c>
      <c r="BR11" s="281">
        <v>0</v>
      </c>
      <c r="BS11" s="278">
        <v>0</v>
      </c>
      <c r="BT11" s="280">
        <v>0</v>
      </c>
      <c r="BU11" s="281">
        <v>55</v>
      </c>
      <c r="BV11" s="281">
        <v>32</v>
      </c>
      <c r="BW11" s="281">
        <v>32</v>
      </c>
      <c r="BX11" s="281">
        <v>43</v>
      </c>
      <c r="BY11" s="281">
        <v>0</v>
      </c>
      <c r="BZ11" s="278">
        <v>162</v>
      </c>
      <c r="CA11" s="283">
        <v>162</v>
      </c>
      <c r="CB11" s="277">
        <v>0</v>
      </c>
      <c r="CC11" s="281">
        <v>0</v>
      </c>
      <c r="CD11" s="278">
        <v>0</v>
      </c>
      <c r="CE11" s="280">
        <v>0</v>
      </c>
      <c r="CF11" s="281">
        <v>0</v>
      </c>
      <c r="CG11" s="281">
        <v>0</v>
      </c>
      <c r="CH11" s="281">
        <v>0</v>
      </c>
      <c r="CI11" s="281">
        <v>0</v>
      </c>
      <c r="CJ11" s="281">
        <v>0</v>
      </c>
      <c r="CK11" s="278">
        <v>0</v>
      </c>
      <c r="CL11" s="283">
        <v>0</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row>
    <row r="12" spans="2:112" ht="18.75" customHeight="1" x14ac:dyDescent="0.2">
      <c r="B12" s="262" t="s">
        <v>9</v>
      </c>
      <c r="C12" s="277">
        <v>0</v>
      </c>
      <c r="D12" s="278">
        <v>0</v>
      </c>
      <c r="E12" s="279">
        <v>0</v>
      </c>
      <c r="F12" s="280">
        <v>0</v>
      </c>
      <c r="G12" s="281">
        <v>703</v>
      </c>
      <c r="H12" s="281">
        <v>618</v>
      </c>
      <c r="I12" s="281">
        <v>1102</v>
      </c>
      <c r="J12" s="281">
        <v>1368</v>
      </c>
      <c r="K12" s="281">
        <v>1756</v>
      </c>
      <c r="L12" s="282">
        <v>5547</v>
      </c>
      <c r="M12" s="283">
        <v>5547</v>
      </c>
      <c r="N12" s="277">
        <v>0</v>
      </c>
      <c r="O12" s="281">
        <v>0</v>
      </c>
      <c r="P12" s="278">
        <v>0</v>
      </c>
      <c r="Q12" s="280">
        <v>0</v>
      </c>
      <c r="R12" s="281">
        <v>18</v>
      </c>
      <c r="S12" s="281">
        <v>0</v>
      </c>
      <c r="T12" s="281">
        <v>17</v>
      </c>
      <c r="U12" s="281">
        <v>24</v>
      </c>
      <c r="V12" s="281">
        <v>89</v>
      </c>
      <c r="W12" s="278">
        <v>148</v>
      </c>
      <c r="X12" s="283">
        <v>148</v>
      </c>
      <c r="Y12" s="277">
        <v>64</v>
      </c>
      <c r="Z12" s="281">
        <v>64</v>
      </c>
      <c r="AA12" s="278">
        <v>128</v>
      </c>
      <c r="AB12" s="280">
        <v>0</v>
      </c>
      <c r="AC12" s="281">
        <v>529</v>
      </c>
      <c r="AD12" s="281">
        <v>312</v>
      </c>
      <c r="AE12" s="281">
        <v>291</v>
      </c>
      <c r="AF12" s="281">
        <v>314</v>
      </c>
      <c r="AG12" s="281">
        <v>199</v>
      </c>
      <c r="AH12" s="278">
        <v>1645</v>
      </c>
      <c r="AI12" s="283">
        <v>1773</v>
      </c>
      <c r="AJ12" s="277">
        <v>0</v>
      </c>
      <c r="AK12" s="281">
        <v>24</v>
      </c>
      <c r="AL12" s="278">
        <v>24</v>
      </c>
      <c r="AM12" s="280">
        <v>0</v>
      </c>
      <c r="AN12" s="281">
        <v>87</v>
      </c>
      <c r="AO12" s="281">
        <v>109</v>
      </c>
      <c r="AP12" s="281">
        <v>99</v>
      </c>
      <c r="AQ12" s="281">
        <v>67</v>
      </c>
      <c r="AR12" s="281">
        <v>60</v>
      </c>
      <c r="AS12" s="278">
        <v>422</v>
      </c>
      <c r="AT12" s="283">
        <v>446</v>
      </c>
      <c r="AU12" s="277">
        <v>0</v>
      </c>
      <c r="AV12" s="281">
        <v>0</v>
      </c>
      <c r="AW12" s="278">
        <v>0</v>
      </c>
      <c r="AX12" s="280">
        <v>0</v>
      </c>
      <c r="AY12" s="281">
        <v>363</v>
      </c>
      <c r="AZ12" s="281">
        <v>302</v>
      </c>
      <c r="BA12" s="281">
        <v>175</v>
      </c>
      <c r="BB12" s="281">
        <v>103</v>
      </c>
      <c r="BC12" s="281">
        <v>51</v>
      </c>
      <c r="BD12" s="282">
        <v>994</v>
      </c>
      <c r="BE12" s="283">
        <v>994</v>
      </c>
      <c r="BF12" s="277">
        <v>0</v>
      </c>
      <c r="BG12" s="281">
        <v>0</v>
      </c>
      <c r="BH12" s="278">
        <v>0</v>
      </c>
      <c r="BI12" s="280">
        <v>0</v>
      </c>
      <c r="BJ12" s="281">
        <v>78</v>
      </c>
      <c r="BK12" s="281">
        <v>90</v>
      </c>
      <c r="BL12" s="281">
        <v>37</v>
      </c>
      <c r="BM12" s="281">
        <v>41</v>
      </c>
      <c r="BN12" s="281">
        <v>6</v>
      </c>
      <c r="BO12" s="278">
        <v>252</v>
      </c>
      <c r="BP12" s="283">
        <v>252</v>
      </c>
      <c r="BQ12" s="277">
        <v>0</v>
      </c>
      <c r="BR12" s="281">
        <v>0</v>
      </c>
      <c r="BS12" s="278">
        <v>0</v>
      </c>
      <c r="BT12" s="280">
        <v>0</v>
      </c>
      <c r="BU12" s="281">
        <v>36</v>
      </c>
      <c r="BV12" s="281">
        <v>93</v>
      </c>
      <c r="BW12" s="281">
        <v>102</v>
      </c>
      <c r="BX12" s="281">
        <v>136</v>
      </c>
      <c r="BY12" s="281">
        <v>45</v>
      </c>
      <c r="BZ12" s="278">
        <v>412</v>
      </c>
      <c r="CA12" s="283">
        <v>412</v>
      </c>
      <c r="CB12" s="277">
        <v>6</v>
      </c>
      <c r="CC12" s="281">
        <v>0</v>
      </c>
      <c r="CD12" s="278">
        <v>6</v>
      </c>
      <c r="CE12" s="280">
        <v>0</v>
      </c>
      <c r="CF12" s="281">
        <v>0</v>
      </c>
      <c r="CG12" s="281">
        <v>3</v>
      </c>
      <c r="CH12" s="281">
        <v>20</v>
      </c>
      <c r="CI12" s="281">
        <v>0</v>
      </c>
      <c r="CJ12" s="281">
        <v>12</v>
      </c>
      <c r="CK12" s="278">
        <v>35</v>
      </c>
      <c r="CL12" s="283">
        <v>41</v>
      </c>
      <c r="CM12" s="277">
        <v>0</v>
      </c>
      <c r="CN12" s="281">
        <v>0</v>
      </c>
      <c r="CO12" s="278">
        <v>0</v>
      </c>
      <c r="CP12" s="280">
        <v>0</v>
      </c>
      <c r="CQ12" s="281">
        <v>0</v>
      </c>
      <c r="CR12" s="281">
        <v>0</v>
      </c>
      <c r="CS12" s="281">
        <v>0</v>
      </c>
      <c r="CT12" s="281">
        <v>0</v>
      </c>
      <c r="CU12" s="281">
        <v>0</v>
      </c>
      <c r="CV12" s="278">
        <v>0</v>
      </c>
      <c r="CW12" s="283">
        <v>0</v>
      </c>
      <c r="CX12" s="277">
        <v>0</v>
      </c>
      <c r="CY12" s="281">
        <v>0</v>
      </c>
      <c r="CZ12" s="278">
        <v>0</v>
      </c>
      <c r="DA12" s="280">
        <v>0</v>
      </c>
      <c r="DB12" s="281">
        <v>0</v>
      </c>
      <c r="DC12" s="281">
        <v>0</v>
      </c>
      <c r="DD12" s="281">
        <v>0</v>
      </c>
      <c r="DE12" s="281">
        <v>0</v>
      </c>
      <c r="DF12" s="281">
        <v>0</v>
      </c>
      <c r="DG12" s="278">
        <v>0</v>
      </c>
      <c r="DH12" s="283">
        <v>0</v>
      </c>
    </row>
    <row r="13" spans="2:112" ht="18.75" customHeight="1" x14ac:dyDescent="0.2">
      <c r="B13" s="262" t="s">
        <v>10</v>
      </c>
      <c r="C13" s="277">
        <v>0</v>
      </c>
      <c r="D13" s="278">
        <v>0</v>
      </c>
      <c r="E13" s="279">
        <v>0</v>
      </c>
      <c r="F13" s="280">
        <v>0</v>
      </c>
      <c r="G13" s="281">
        <v>1293</v>
      </c>
      <c r="H13" s="281">
        <v>1195</v>
      </c>
      <c r="I13" s="281">
        <v>1254</v>
      </c>
      <c r="J13" s="281">
        <v>1989</v>
      </c>
      <c r="K13" s="281">
        <v>1729</v>
      </c>
      <c r="L13" s="282">
        <v>7460</v>
      </c>
      <c r="M13" s="283">
        <v>7460</v>
      </c>
      <c r="N13" s="277">
        <v>0</v>
      </c>
      <c r="O13" s="281">
        <v>0</v>
      </c>
      <c r="P13" s="278">
        <v>0</v>
      </c>
      <c r="Q13" s="280">
        <v>0</v>
      </c>
      <c r="R13" s="281">
        <v>7</v>
      </c>
      <c r="S13" s="281">
        <v>0</v>
      </c>
      <c r="T13" s="281">
        <v>0</v>
      </c>
      <c r="U13" s="281">
        <v>14</v>
      </c>
      <c r="V13" s="281">
        <v>57</v>
      </c>
      <c r="W13" s="278">
        <v>78</v>
      </c>
      <c r="X13" s="283">
        <v>78</v>
      </c>
      <c r="Y13" s="277">
        <v>54</v>
      </c>
      <c r="Z13" s="281">
        <v>177</v>
      </c>
      <c r="AA13" s="278">
        <v>231</v>
      </c>
      <c r="AB13" s="280">
        <v>0</v>
      </c>
      <c r="AC13" s="281">
        <v>452</v>
      </c>
      <c r="AD13" s="281">
        <v>229</v>
      </c>
      <c r="AE13" s="281">
        <v>222</v>
      </c>
      <c r="AF13" s="281">
        <v>258</v>
      </c>
      <c r="AG13" s="281">
        <v>241</v>
      </c>
      <c r="AH13" s="278">
        <v>1402</v>
      </c>
      <c r="AI13" s="283">
        <v>1633</v>
      </c>
      <c r="AJ13" s="277">
        <v>18</v>
      </c>
      <c r="AK13" s="281">
        <v>57</v>
      </c>
      <c r="AL13" s="278">
        <v>75</v>
      </c>
      <c r="AM13" s="280">
        <v>0</v>
      </c>
      <c r="AN13" s="281">
        <v>60</v>
      </c>
      <c r="AO13" s="281">
        <v>67</v>
      </c>
      <c r="AP13" s="281">
        <v>51</v>
      </c>
      <c r="AQ13" s="281">
        <v>57</v>
      </c>
      <c r="AR13" s="281">
        <v>31</v>
      </c>
      <c r="AS13" s="278">
        <v>266</v>
      </c>
      <c r="AT13" s="283">
        <v>341</v>
      </c>
      <c r="AU13" s="277">
        <v>0</v>
      </c>
      <c r="AV13" s="281">
        <v>0</v>
      </c>
      <c r="AW13" s="278">
        <v>0</v>
      </c>
      <c r="AX13" s="280">
        <v>0</v>
      </c>
      <c r="AY13" s="281">
        <v>1019</v>
      </c>
      <c r="AZ13" s="281">
        <v>573</v>
      </c>
      <c r="BA13" s="281">
        <v>281</v>
      </c>
      <c r="BB13" s="281">
        <v>106</v>
      </c>
      <c r="BC13" s="281">
        <v>38</v>
      </c>
      <c r="BD13" s="282">
        <v>2017</v>
      </c>
      <c r="BE13" s="283">
        <v>2017</v>
      </c>
      <c r="BF13" s="277">
        <v>0</v>
      </c>
      <c r="BG13" s="281">
        <v>0</v>
      </c>
      <c r="BH13" s="278">
        <v>0</v>
      </c>
      <c r="BI13" s="280">
        <v>0</v>
      </c>
      <c r="BJ13" s="281">
        <v>119</v>
      </c>
      <c r="BK13" s="281">
        <v>66</v>
      </c>
      <c r="BL13" s="281">
        <v>71</v>
      </c>
      <c r="BM13" s="281">
        <v>32</v>
      </c>
      <c r="BN13" s="281">
        <v>9</v>
      </c>
      <c r="BO13" s="278">
        <v>297</v>
      </c>
      <c r="BP13" s="283">
        <v>297</v>
      </c>
      <c r="BQ13" s="277">
        <v>3</v>
      </c>
      <c r="BR13" s="281">
        <v>14</v>
      </c>
      <c r="BS13" s="278">
        <v>17</v>
      </c>
      <c r="BT13" s="280">
        <v>0</v>
      </c>
      <c r="BU13" s="281">
        <v>88</v>
      </c>
      <c r="BV13" s="281">
        <v>33</v>
      </c>
      <c r="BW13" s="281">
        <v>153</v>
      </c>
      <c r="BX13" s="281">
        <v>74</v>
      </c>
      <c r="BY13" s="281">
        <v>61</v>
      </c>
      <c r="BZ13" s="278">
        <v>409</v>
      </c>
      <c r="CA13" s="283">
        <v>426</v>
      </c>
      <c r="CB13" s="277">
        <v>0</v>
      </c>
      <c r="CC13" s="281">
        <v>0</v>
      </c>
      <c r="CD13" s="278">
        <v>0</v>
      </c>
      <c r="CE13" s="280">
        <v>0</v>
      </c>
      <c r="CF13" s="281">
        <v>6</v>
      </c>
      <c r="CG13" s="281">
        <v>14</v>
      </c>
      <c r="CH13" s="281">
        <v>0</v>
      </c>
      <c r="CI13" s="281">
        <v>0</v>
      </c>
      <c r="CJ13" s="281">
        <v>0</v>
      </c>
      <c r="CK13" s="278">
        <v>20</v>
      </c>
      <c r="CL13" s="283">
        <v>20</v>
      </c>
      <c r="CM13" s="277">
        <v>0</v>
      </c>
      <c r="CN13" s="281">
        <v>0</v>
      </c>
      <c r="CO13" s="278">
        <v>0</v>
      </c>
      <c r="CP13" s="280">
        <v>0</v>
      </c>
      <c r="CQ13" s="281">
        <v>0</v>
      </c>
      <c r="CR13" s="281">
        <v>0</v>
      </c>
      <c r="CS13" s="281">
        <v>0</v>
      </c>
      <c r="CT13" s="281">
        <v>0</v>
      </c>
      <c r="CU13" s="281">
        <v>0</v>
      </c>
      <c r="CV13" s="278">
        <v>0</v>
      </c>
      <c r="CW13" s="283">
        <v>0</v>
      </c>
      <c r="CX13" s="277">
        <v>0</v>
      </c>
      <c r="CY13" s="281">
        <v>0</v>
      </c>
      <c r="CZ13" s="278">
        <v>0</v>
      </c>
      <c r="DA13" s="280">
        <v>0</v>
      </c>
      <c r="DB13" s="281">
        <v>0</v>
      </c>
      <c r="DC13" s="281">
        <v>0</v>
      </c>
      <c r="DD13" s="281">
        <v>0</v>
      </c>
      <c r="DE13" s="281">
        <v>0</v>
      </c>
      <c r="DF13" s="281">
        <v>0</v>
      </c>
      <c r="DG13" s="278">
        <v>0</v>
      </c>
      <c r="DH13" s="283">
        <v>0</v>
      </c>
    </row>
    <row r="14" spans="2:112" ht="18.75" customHeight="1" x14ac:dyDescent="0.2">
      <c r="B14" s="262" t="s">
        <v>11</v>
      </c>
      <c r="C14" s="277">
        <v>0</v>
      </c>
      <c r="D14" s="278">
        <v>0</v>
      </c>
      <c r="E14" s="279">
        <v>0</v>
      </c>
      <c r="F14" s="280">
        <v>0</v>
      </c>
      <c r="G14" s="281">
        <v>135</v>
      </c>
      <c r="H14" s="281">
        <v>98</v>
      </c>
      <c r="I14" s="281">
        <v>233</v>
      </c>
      <c r="J14" s="281">
        <v>320</v>
      </c>
      <c r="K14" s="281">
        <v>571</v>
      </c>
      <c r="L14" s="282">
        <v>1357</v>
      </c>
      <c r="M14" s="283">
        <v>1357</v>
      </c>
      <c r="N14" s="277">
        <v>0</v>
      </c>
      <c r="O14" s="281">
        <v>0</v>
      </c>
      <c r="P14" s="278">
        <v>0</v>
      </c>
      <c r="Q14" s="280">
        <v>0</v>
      </c>
      <c r="R14" s="281">
        <v>0</v>
      </c>
      <c r="S14" s="281">
        <v>0</v>
      </c>
      <c r="T14" s="281">
        <v>0</v>
      </c>
      <c r="U14" s="281">
        <v>18</v>
      </c>
      <c r="V14" s="281">
        <v>23</v>
      </c>
      <c r="W14" s="278">
        <v>41</v>
      </c>
      <c r="X14" s="283">
        <v>41</v>
      </c>
      <c r="Y14" s="277">
        <v>10</v>
      </c>
      <c r="Z14" s="281">
        <v>23</v>
      </c>
      <c r="AA14" s="278">
        <v>33</v>
      </c>
      <c r="AB14" s="280">
        <v>0</v>
      </c>
      <c r="AC14" s="281">
        <v>195</v>
      </c>
      <c r="AD14" s="281">
        <v>115</v>
      </c>
      <c r="AE14" s="281">
        <v>101</v>
      </c>
      <c r="AF14" s="281">
        <v>105</v>
      </c>
      <c r="AG14" s="281">
        <v>116</v>
      </c>
      <c r="AH14" s="278">
        <v>632</v>
      </c>
      <c r="AI14" s="283">
        <v>665</v>
      </c>
      <c r="AJ14" s="277">
        <v>0</v>
      </c>
      <c r="AK14" s="281">
        <v>16</v>
      </c>
      <c r="AL14" s="278">
        <v>16</v>
      </c>
      <c r="AM14" s="280">
        <v>0</v>
      </c>
      <c r="AN14" s="281">
        <v>60</v>
      </c>
      <c r="AO14" s="281">
        <v>16</v>
      </c>
      <c r="AP14" s="281">
        <v>0</v>
      </c>
      <c r="AQ14" s="281">
        <v>18</v>
      </c>
      <c r="AR14" s="281">
        <v>15</v>
      </c>
      <c r="AS14" s="278">
        <v>109</v>
      </c>
      <c r="AT14" s="283">
        <v>125</v>
      </c>
      <c r="AU14" s="277">
        <v>0</v>
      </c>
      <c r="AV14" s="281">
        <v>0</v>
      </c>
      <c r="AW14" s="278">
        <v>0</v>
      </c>
      <c r="AX14" s="280">
        <v>0</v>
      </c>
      <c r="AY14" s="281">
        <v>179</v>
      </c>
      <c r="AZ14" s="281">
        <v>133</v>
      </c>
      <c r="BA14" s="281">
        <v>138</v>
      </c>
      <c r="BB14" s="281">
        <v>100</v>
      </c>
      <c r="BC14" s="281">
        <v>30</v>
      </c>
      <c r="BD14" s="282">
        <v>580</v>
      </c>
      <c r="BE14" s="283">
        <v>580</v>
      </c>
      <c r="BF14" s="277">
        <v>0</v>
      </c>
      <c r="BG14" s="281">
        <v>0</v>
      </c>
      <c r="BH14" s="278">
        <v>0</v>
      </c>
      <c r="BI14" s="280">
        <v>0</v>
      </c>
      <c r="BJ14" s="281">
        <v>55</v>
      </c>
      <c r="BK14" s="281">
        <v>27</v>
      </c>
      <c r="BL14" s="281">
        <v>49</v>
      </c>
      <c r="BM14" s="281">
        <v>27</v>
      </c>
      <c r="BN14" s="281">
        <v>7</v>
      </c>
      <c r="BO14" s="278">
        <v>165</v>
      </c>
      <c r="BP14" s="283">
        <v>165</v>
      </c>
      <c r="BQ14" s="277">
        <v>0</v>
      </c>
      <c r="BR14" s="281">
        <v>0</v>
      </c>
      <c r="BS14" s="278">
        <v>0</v>
      </c>
      <c r="BT14" s="280">
        <v>0</v>
      </c>
      <c r="BU14" s="281">
        <v>35</v>
      </c>
      <c r="BV14" s="281">
        <v>21</v>
      </c>
      <c r="BW14" s="281">
        <v>22</v>
      </c>
      <c r="BX14" s="281">
        <v>32</v>
      </c>
      <c r="BY14" s="281">
        <v>33</v>
      </c>
      <c r="BZ14" s="278">
        <v>143</v>
      </c>
      <c r="CA14" s="283">
        <v>143</v>
      </c>
      <c r="CB14" s="277">
        <v>0</v>
      </c>
      <c r="CC14" s="281">
        <v>0</v>
      </c>
      <c r="CD14" s="278">
        <v>0</v>
      </c>
      <c r="CE14" s="280">
        <v>0</v>
      </c>
      <c r="CF14" s="281">
        <v>0</v>
      </c>
      <c r="CG14" s="281">
        <v>0</v>
      </c>
      <c r="CH14" s="281">
        <v>21</v>
      </c>
      <c r="CI14" s="281">
        <v>25</v>
      </c>
      <c r="CJ14" s="281">
        <v>2</v>
      </c>
      <c r="CK14" s="278">
        <v>48</v>
      </c>
      <c r="CL14" s="283">
        <v>48</v>
      </c>
      <c r="CM14" s="277">
        <v>0</v>
      </c>
      <c r="CN14" s="281">
        <v>0</v>
      </c>
      <c r="CO14" s="278">
        <v>0</v>
      </c>
      <c r="CP14" s="280">
        <v>0</v>
      </c>
      <c r="CQ14" s="281">
        <v>0</v>
      </c>
      <c r="CR14" s="281">
        <v>0</v>
      </c>
      <c r="CS14" s="281">
        <v>0</v>
      </c>
      <c r="CT14" s="281">
        <v>0</v>
      </c>
      <c r="CU14" s="281">
        <v>0</v>
      </c>
      <c r="CV14" s="278">
        <v>0</v>
      </c>
      <c r="CW14" s="283">
        <v>0</v>
      </c>
      <c r="CX14" s="277">
        <v>0</v>
      </c>
      <c r="CY14" s="281">
        <v>0</v>
      </c>
      <c r="CZ14" s="278">
        <v>0</v>
      </c>
      <c r="DA14" s="280">
        <v>0</v>
      </c>
      <c r="DB14" s="281">
        <v>0</v>
      </c>
      <c r="DC14" s="281">
        <v>0</v>
      </c>
      <c r="DD14" s="281">
        <v>0</v>
      </c>
      <c r="DE14" s="281">
        <v>0</v>
      </c>
      <c r="DF14" s="281">
        <v>0</v>
      </c>
      <c r="DG14" s="278">
        <v>0</v>
      </c>
      <c r="DH14" s="283">
        <v>0</v>
      </c>
    </row>
    <row r="15" spans="2:112" ht="18.75" customHeight="1" x14ac:dyDescent="0.2">
      <c r="B15" s="262" t="s">
        <v>12</v>
      </c>
      <c r="C15" s="277">
        <v>0</v>
      </c>
      <c r="D15" s="278">
        <v>0</v>
      </c>
      <c r="E15" s="279">
        <v>0</v>
      </c>
      <c r="F15" s="280">
        <v>0</v>
      </c>
      <c r="G15" s="281">
        <v>536</v>
      </c>
      <c r="H15" s="281">
        <v>360</v>
      </c>
      <c r="I15" s="281">
        <v>825</v>
      </c>
      <c r="J15" s="281">
        <v>798</v>
      </c>
      <c r="K15" s="281">
        <v>489</v>
      </c>
      <c r="L15" s="282">
        <v>3008</v>
      </c>
      <c r="M15" s="283">
        <v>3008</v>
      </c>
      <c r="N15" s="277">
        <v>0</v>
      </c>
      <c r="O15" s="281">
        <v>0</v>
      </c>
      <c r="P15" s="278">
        <v>0</v>
      </c>
      <c r="Q15" s="280">
        <v>0</v>
      </c>
      <c r="R15" s="281">
        <v>0</v>
      </c>
      <c r="S15" s="281">
        <v>4</v>
      </c>
      <c r="T15" s="281">
        <v>6</v>
      </c>
      <c r="U15" s="281">
        <v>8</v>
      </c>
      <c r="V15" s="281">
        <v>35</v>
      </c>
      <c r="W15" s="278">
        <v>53</v>
      </c>
      <c r="X15" s="283">
        <v>53</v>
      </c>
      <c r="Y15" s="277">
        <v>45</v>
      </c>
      <c r="Z15" s="281">
        <v>101</v>
      </c>
      <c r="AA15" s="278">
        <v>146</v>
      </c>
      <c r="AB15" s="280">
        <v>0</v>
      </c>
      <c r="AC15" s="281">
        <v>119</v>
      </c>
      <c r="AD15" s="281">
        <v>105</v>
      </c>
      <c r="AE15" s="281">
        <v>195</v>
      </c>
      <c r="AF15" s="281">
        <v>74</v>
      </c>
      <c r="AG15" s="281">
        <v>129</v>
      </c>
      <c r="AH15" s="278">
        <v>622</v>
      </c>
      <c r="AI15" s="283">
        <v>768</v>
      </c>
      <c r="AJ15" s="277">
        <v>0</v>
      </c>
      <c r="AK15" s="281">
        <v>0</v>
      </c>
      <c r="AL15" s="278">
        <v>0</v>
      </c>
      <c r="AM15" s="280">
        <v>0</v>
      </c>
      <c r="AN15" s="281">
        <v>10</v>
      </c>
      <c r="AO15" s="281">
        <v>24</v>
      </c>
      <c r="AP15" s="281">
        <v>0</v>
      </c>
      <c r="AQ15" s="281">
        <v>0</v>
      </c>
      <c r="AR15" s="281">
        <v>0</v>
      </c>
      <c r="AS15" s="278">
        <v>34</v>
      </c>
      <c r="AT15" s="283">
        <v>34</v>
      </c>
      <c r="AU15" s="277">
        <v>0</v>
      </c>
      <c r="AV15" s="281">
        <v>0</v>
      </c>
      <c r="AW15" s="278">
        <v>0</v>
      </c>
      <c r="AX15" s="280">
        <v>0</v>
      </c>
      <c r="AY15" s="281">
        <v>302</v>
      </c>
      <c r="AZ15" s="281">
        <v>161</v>
      </c>
      <c r="BA15" s="281">
        <v>95</v>
      </c>
      <c r="BB15" s="281">
        <v>191</v>
      </c>
      <c r="BC15" s="281">
        <v>32</v>
      </c>
      <c r="BD15" s="282">
        <v>781</v>
      </c>
      <c r="BE15" s="283">
        <v>781</v>
      </c>
      <c r="BF15" s="277">
        <v>0</v>
      </c>
      <c r="BG15" s="281">
        <v>0</v>
      </c>
      <c r="BH15" s="278">
        <v>0</v>
      </c>
      <c r="BI15" s="280">
        <v>0</v>
      </c>
      <c r="BJ15" s="281">
        <v>62</v>
      </c>
      <c r="BK15" s="281">
        <v>78</v>
      </c>
      <c r="BL15" s="281">
        <v>58</v>
      </c>
      <c r="BM15" s="281">
        <v>46</v>
      </c>
      <c r="BN15" s="281">
        <v>28</v>
      </c>
      <c r="BO15" s="278">
        <v>272</v>
      </c>
      <c r="BP15" s="283">
        <v>272</v>
      </c>
      <c r="BQ15" s="277">
        <v>0</v>
      </c>
      <c r="BR15" s="281">
        <v>2</v>
      </c>
      <c r="BS15" s="278">
        <v>2</v>
      </c>
      <c r="BT15" s="280">
        <v>0</v>
      </c>
      <c r="BU15" s="281">
        <v>24</v>
      </c>
      <c r="BV15" s="281">
        <v>-3</v>
      </c>
      <c r="BW15" s="281">
        <v>98</v>
      </c>
      <c r="BX15" s="281">
        <v>72</v>
      </c>
      <c r="BY15" s="281">
        <v>39</v>
      </c>
      <c r="BZ15" s="278">
        <v>230</v>
      </c>
      <c r="CA15" s="283">
        <v>232</v>
      </c>
      <c r="CB15" s="277">
        <v>0</v>
      </c>
      <c r="CC15" s="281">
        <v>0</v>
      </c>
      <c r="CD15" s="278">
        <v>0</v>
      </c>
      <c r="CE15" s="280">
        <v>0</v>
      </c>
      <c r="CF15" s="281">
        <v>0</v>
      </c>
      <c r="CG15" s="281">
        <v>0</v>
      </c>
      <c r="CH15" s="281">
        <v>0</v>
      </c>
      <c r="CI15" s="281">
        <v>0</v>
      </c>
      <c r="CJ15" s="281">
        <v>9</v>
      </c>
      <c r="CK15" s="278">
        <v>9</v>
      </c>
      <c r="CL15" s="283">
        <v>9</v>
      </c>
      <c r="CM15" s="277">
        <v>0</v>
      </c>
      <c r="CN15" s="281">
        <v>0</v>
      </c>
      <c r="CO15" s="278">
        <v>0</v>
      </c>
      <c r="CP15" s="280">
        <v>0</v>
      </c>
      <c r="CQ15" s="281">
        <v>0</v>
      </c>
      <c r="CR15" s="281">
        <v>0</v>
      </c>
      <c r="CS15" s="281">
        <v>0</v>
      </c>
      <c r="CT15" s="281">
        <v>0</v>
      </c>
      <c r="CU15" s="281">
        <v>0</v>
      </c>
      <c r="CV15" s="278">
        <v>0</v>
      </c>
      <c r="CW15" s="283">
        <v>0</v>
      </c>
      <c r="CX15" s="277">
        <v>0</v>
      </c>
      <c r="CY15" s="281">
        <v>0</v>
      </c>
      <c r="CZ15" s="278">
        <v>0</v>
      </c>
      <c r="DA15" s="280">
        <v>0</v>
      </c>
      <c r="DB15" s="281">
        <v>0</v>
      </c>
      <c r="DC15" s="281">
        <v>0</v>
      </c>
      <c r="DD15" s="281">
        <v>0</v>
      </c>
      <c r="DE15" s="281">
        <v>0</v>
      </c>
      <c r="DF15" s="281">
        <v>0</v>
      </c>
      <c r="DG15" s="278">
        <v>0</v>
      </c>
      <c r="DH15" s="283">
        <v>0</v>
      </c>
    </row>
    <row r="16" spans="2:112" ht="18.75" customHeight="1" x14ac:dyDescent="0.2">
      <c r="B16" s="262" t="s">
        <v>13</v>
      </c>
      <c r="C16" s="277">
        <v>0</v>
      </c>
      <c r="D16" s="278">
        <v>0</v>
      </c>
      <c r="E16" s="279">
        <v>0</v>
      </c>
      <c r="F16" s="280">
        <v>0</v>
      </c>
      <c r="G16" s="281">
        <v>128</v>
      </c>
      <c r="H16" s="281">
        <v>366</v>
      </c>
      <c r="I16" s="281">
        <v>575</v>
      </c>
      <c r="J16" s="281">
        <v>605</v>
      </c>
      <c r="K16" s="281">
        <v>567</v>
      </c>
      <c r="L16" s="282">
        <v>2241</v>
      </c>
      <c r="M16" s="283">
        <v>2241</v>
      </c>
      <c r="N16" s="277">
        <v>0</v>
      </c>
      <c r="O16" s="281">
        <v>0</v>
      </c>
      <c r="P16" s="278">
        <v>0</v>
      </c>
      <c r="Q16" s="280">
        <v>0</v>
      </c>
      <c r="R16" s="281">
        <v>0</v>
      </c>
      <c r="S16" s="281">
        <v>0</v>
      </c>
      <c r="T16" s="281">
        <v>14</v>
      </c>
      <c r="U16" s="281">
        <v>16</v>
      </c>
      <c r="V16" s="281">
        <v>0</v>
      </c>
      <c r="W16" s="278">
        <v>30</v>
      </c>
      <c r="X16" s="283">
        <v>30</v>
      </c>
      <c r="Y16" s="277">
        <v>4</v>
      </c>
      <c r="Z16" s="281">
        <v>15</v>
      </c>
      <c r="AA16" s="278">
        <v>19</v>
      </c>
      <c r="AB16" s="280">
        <v>0</v>
      </c>
      <c r="AC16" s="281">
        <v>104</v>
      </c>
      <c r="AD16" s="281">
        <v>92</v>
      </c>
      <c r="AE16" s="281">
        <v>158</v>
      </c>
      <c r="AF16" s="281">
        <v>119</v>
      </c>
      <c r="AG16" s="281">
        <v>83</v>
      </c>
      <c r="AH16" s="278">
        <v>556</v>
      </c>
      <c r="AI16" s="283">
        <v>575</v>
      </c>
      <c r="AJ16" s="277">
        <v>0</v>
      </c>
      <c r="AK16" s="281">
        <v>0</v>
      </c>
      <c r="AL16" s="278">
        <v>0</v>
      </c>
      <c r="AM16" s="280">
        <v>0</v>
      </c>
      <c r="AN16" s="281">
        <v>0</v>
      </c>
      <c r="AO16" s="281">
        <v>135</v>
      </c>
      <c r="AP16" s="281">
        <v>14</v>
      </c>
      <c r="AQ16" s="281">
        <v>0</v>
      </c>
      <c r="AR16" s="281">
        <v>32</v>
      </c>
      <c r="AS16" s="278">
        <v>181</v>
      </c>
      <c r="AT16" s="283">
        <v>181</v>
      </c>
      <c r="AU16" s="277">
        <v>0</v>
      </c>
      <c r="AV16" s="281">
        <v>0</v>
      </c>
      <c r="AW16" s="278">
        <v>0</v>
      </c>
      <c r="AX16" s="280">
        <v>0</v>
      </c>
      <c r="AY16" s="281">
        <v>119</v>
      </c>
      <c r="AZ16" s="281">
        <v>155</v>
      </c>
      <c r="BA16" s="281">
        <v>148</v>
      </c>
      <c r="BB16" s="281">
        <v>49</v>
      </c>
      <c r="BC16" s="281">
        <v>9</v>
      </c>
      <c r="BD16" s="282">
        <v>480</v>
      </c>
      <c r="BE16" s="283">
        <v>480</v>
      </c>
      <c r="BF16" s="277">
        <v>0</v>
      </c>
      <c r="BG16" s="281">
        <v>0</v>
      </c>
      <c r="BH16" s="278">
        <v>0</v>
      </c>
      <c r="BI16" s="280">
        <v>0</v>
      </c>
      <c r="BJ16" s="281">
        <v>9</v>
      </c>
      <c r="BK16" s="281">
        <v>15</v>
      </c>
      <c r="BL16" s="281">
        <v>25</v>
      </c>
      <c r="BM16" s="281">
        <v>16</v>
      </c>
      <c r="BN16" s="281">
        <v>9</v>
      </c>
      <c r="BO16" s="278">
        <v>74</v>
      </c>
      <c r="BP16" s="283">
        <v>74</v>
      </c>
      <c r="BQ16" s="277">
        <v>0</v>
      </c>
      <c r="BR16" s="281">
        <v>0</v>
      </c>
      <c r="BS16" s="278">
        <v>0</v>
      </c>
      <c r="BT16" s="280">
        <v>0</v>
      </c>
      <c r="BU16" s="281">
        <v>9</v>
      </c>
      <c r="BV16" s="281">
        <v>11</v>
      </c>
      <c r="BW16" s="281">
        <v>51</v>
      </c>
      <c r="BX16" s="281">
        <v>16</v>
      </c>
      <c r="BY16" s="281">
        <v>36</v>
      </c>
      <c r="BZ16" s="278">
        <v>123</v>
      </c>
      <c r="CA16" s="283">
        <v>123</v>
      </c>
      <c r="CB16" s="277">
        <v>0</v>
      </c>
      <c r="CC16" s="281">
        <v>0</v>
      </c>
      <c r="CD16" s="278">
        <v>0</v>
      </c>
      <c r="CE16" s="280">
        <v>0</v>
      </c>
      <c r="CF16" s="281">
        <v>0</v>
      </c>
      <c r="CG16" s="281">
        <v>0</v>
      </c>
      <c r="CH16" s="281">
        <v>5</v>
      </c>
      <c r="CI16" s="281">
        <v>18</v>
      </c>
      <c r="CJ16" s="281">
        <v>0</v>
      </c>
      <c r="CK16" s="278">
        <v>23</v>
      </c>
      <c r="CL16" s="283">
        <v>23</v>
      </c>
      <c r="CM16" s="277">
        <v>0</v>
      </c>
      <c r="CN16" s="281">
        <v>0</v>
      </c>
      <c r="CO16" s="278">
        <v>0</v>
      </c>
      <c r="CP16" s="280">
        <v>0</v>
      </c>
      <c r="CQ16" s="281">
        <v>0</v>
      </c>
      <c r="CR16" s="281">
        <v>0</v>
      </c>
      <c r="CS16" s="281">
        <v>0</v>
      </c>
      <c r="CT16" s="281">
        <v>0</v>
      </c>
      <c r="CU16" s="281">
        <v>0</v>
      </c>
      <c r="CV16" s="278">
        <v>0</v>
      </c>
      <c r="CW16" s="283">
        <v>0</v>
      </c>
      <c r="CX16" s="277">
        <v>0</v>
      </c>
      <c r="CY16" s="281">
        <v>0</v>
      </c>
      <c r="CZ16" s="278">
        <v>0</v>
      </c>
      <c r="DA16" s="280">
        <v>0</v>
      </c>
      <c r="DB16" s="281">
        <v>0</v>
      </c>
      <c r="DC16" s="281">
        <v>0</v>
      </c>
      <c r="DD16" s="281">
        <v>0</v>
      </c>
      <c r="DE16" s="281">
        <v>0</v>
      </c>
      <c r="DF16" s="281">
        <v>0</v>
      </c>
      <c r="DG16" s="278">
        <v>0</v>
      </c>
      <c r="DH16" s="283">
        <v>0</v>
      </c>
    </row>
    <row r="17" spans="2:112" ht="18.75" customHeight="1" x14ac:dyDescent="0.2">
      <c r="B17" s="262" t="s">
        <v>15</v>
      </c>
      <c r="C17" s="277">
        <v>0</v>
      </c>
      <c r="D17" s="278">
        <v>0</v>
      </c>
      <c r="E17" s="279">
        <v>0</v>
      </c>
      <c r="F17" s="280">
        <v>0</v>
      </c>
      <c r="G17" s="281">
        <v>32</v>
      </c>
      <c r="H17" s="281">
        <v>34</v>
      </c>
      <c r="I17" s="281">
        <v>20</v>
      </c>
      <c r="J17" s="281">
        <v>3</v>
      </c>
      <c r="K17" s="281">
        <v>224</v>
      </c>
      <c r="L17" s="282">
        <v>313</v>
      </c>
      <c r="M17" s="283">
        <v>313</v>
      </c>
      <c r="N17" s="277">
        <v>0</v>
      </c>
      <c r="O17" s="281">
        <v>0</v>
      </c>
      <c r="P17" s="278">
        <v>0</v>
      </c>
      <c r="Q17" s="280">
        <v>0</v>
      </c>
      <c r="R17" s="281">
        <v>0</v>
      </c>
      <c r="S17" s="281">
        <v>0</v>
      </c>
      <c r="T17" s="281">
        <v>0</v>
      </c>
      <c r="U17" s="281">
        <v>0</v>
      </c>
      <c r="V17" s="281">
        <v>12</v>
      </c>
      <c r="W17" s="278">
        <v>12</v>
      </c>
      <c r="X17" s="283">
        <v>12</v>
      </c>
      <c r="Y17" s="277">
        <v>0</v>
      </c>
      <c r="Z17" s="281">
        <v>0</v>
      </c>
      <c r="AA17" s="278">
        <v>0</v>
      </c>
      <c r="AB17" s="280">
        <v>0</v>
      </c>
      <c r="AC17" s="281">
        <v>7</v>
      </c>
      <c r="AD17" s="281">
        <v>38</v>
      </c>
      <c r="AE17" s="281">
        <v>16</v>
      </c>
      <c r="AF17" s="281">
        <v>21</v>
      </c>
      <c r="AG17" s="281">
        <v>51</v>
      </c>
      <c r="AH17" s="278">
        <v>133</v>
      </c>
      <c r="AI17" s="283">
        <v>133</v>
      </c>
      <c r="AJ17" s="277">
        <v>0</v>
      </c>
      <c r="AK17" s="281">
        <v>0</v>
      </c>
      <c r="AL17" s="278">
        <v>0</v>
      </c>
      <c r="AM17" s="280">
        <v>0</v>
      </c>
      <c r="AN17" s="281">
        <v>0</v>
      </c>
      <c r="AO17" s="281">
        <v>0</v>
      </c>
      <c r="AP17" s="281">
        <v>27</v>
      </c>
      <c r="AQ17" s="281">
        <v>9</v>
      </c>
      <c r="AR17" s="281">
        <v>33</v>
      </c>
      <c r="AS17" s="278">
        <v>69</v>
      </c>
      <c r="AT17" s="283">
        <v>69</v>
      </c>
      <c r="AU17" s="277">
        <v>0</v>
      </c>
      <c r="AV17" s="281">
        <v>0</v>
      </c>
      <c r="AW17" s="278">
        <v>0</v>
      </c>
      <c r="AX17" s="280">
        <v>0</v>
      </c>
      <c r="AY17" s="281">
        <v>27</v>
      </c>
      <c r="AZ17" s="281">
        <v>14</v>
      </c>
      <c r="BA17" s="281">
        <v>36</v>
      </c>
      <c r="BB17" s="281">
        <v>10</v>
      </c>
      <c r="BC17" s="281">
        <v>13</v>
      </c>
      <c r="BD17" s="282">
        <v>100</v>
      </c>
      <c r="BE17" s="283">
        <v>100</v>
      </c>
      <c r="BF17" s="277">
        <v>0</v>
      </c>
      <c r="BG17" s="281">
        <v>0</v>
      </c>
      <c r="BH17" s="278">
        <v>0</v>
      </c>
      <c r="BI17" s="280">
        <v>0</v>
      </c>
      <c r="BJ17" s="281">
        <v>18</v>
      </c>
      <c r="BK17" s="281">
        <v>16</v>
      </c>
      <c r="BL17" s="281">
        <v>15</v>
      </c>
      <c r="BM17" s="281">
        <v>5</v>
      </c>
      <c r="BN17" s="281">
        <v>11</v>
      </c>
      <c r="BO17" s="278">
        <v>65</v>
      </c>
      <c r="BP17" s="283">
        <v>65</v>
      </c>
      <c r="BQ17" s="277">
        <v>0</v>
      </c>
      <c r="BR17" s="281">
        <v>0</v>
      </c>
      <c r="BS17" s="278">
        <v>0</v>
      </c>
      <c r="BT17" s="280">
        <v>0</v>
      </c>
      <c r="BU17" s="281">
        <v>2</v>
      </c>
      <c r="BV17" s="281">
        <v>6</v>
      </c>
      <c r="BW17" s="281">
        <v>0</v>
      </c>
      <c r="BX17" s="281">
        <v>56</v>
      </c>
      <c r="BY17" s="281">
        <v>0</v>
      </c>
      <c r="BZ17" s="278">
        <v>64</v>
      </c>
      <c r="CA17" s="283">
        <v>64</v>
      </c>
      <c r="CB17" s="277">
        <v>0</v>
      </c>
      <c r="CC17" s="281">
        <v>0</v>
      </c>
      <c r="CD17" s="278">
        <v>0</v>
      </c>
      <c r="CE17" s="280">
        <v>0</v>
      </c>
      <c r="CF17" s="281">
        <v>0</v>
      </c>
      <c r="CG17" s="281">
        <v>0</v>
      </c>
      <c r="CH17" s="281">
        <v>0</v>
      </c>
      <c r="CI17" s="281">
        <v>0</v>
      </c>
      <c r="CJ17" s="281">
        <v>0</v>
      </c>
      <c r="CK17" s="278">
        <v>0</v>
      </c>
      <c r="CL17" s="283">
        <v>0</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row>
    <row r="18" spans="2:112" ht="18.75" customHeight="1" x14ac:dyDescent="0.2">
      <c r="B18" s="262" t="s">
        <v>16</v>
      </c>
      <c r="C18" s="277">
        <v>0</v>
      </c>
      <c r="D18" s="278">
        <v>0</v>
      </c>
      <c r="E18" s="279">
        <v>0</v>
      </c>
      <c r="F18" s="280">
        <v>0</v>
      </c>
      <c r="G18" s="281">
        <v>72</v>
      </c>
      <c r="H18" s="281">
        <v>159</v>
      </c>
      <c r="I18" s="281">
        <v>157</v>
      </c>
      <c r="J18" s="281">
        <v>127</v>
      </c>
      <c r="K18" s="281">
        <v>90</v>
      </c>
      <c r="L18" s="282">
        <v>605</v>
      </c>
      <c r="M18" s="283">
        <v>605</v>
      </c>
      <c r="N18" s="277">
        <v>0</v>
      </c>
      <c r="O18" s="281">
        <v>0</v>
      </c>
      <c r="P18" s="278">
        <v>0</v>
      </c>
      <c r="Q18" s="280">
        <v>0</v>
      </c>
      <c r="R18" s="281">
        <v>0</v>
      </c>
      <c r="S18" s="281">
        <v>4</v>
      </c>
      <c r="T18" s="281">
        <v>2</v>
      </c>
      <c r="U18" s="281">
        <v>0</v>
      </c>
      <c r="V18" s="281">
        <v>12</v>
      </c>
      <c r="W18" s="278">
        <v>18</v>
      </c>
      <c r="X18" s="283">
        <v>18</v>
      </c>
      <c r="Y18" s="277">
        <v>10</v>
      </c>
      <c r="Z18" s="281">
        <v>5</v>
      </c>
      <c r="AA18" s="278">
        <v>15</v>
      </c>
      <c r="AB18" s="280">
        <v>0</v>
      </c>
      <c r="AC18" s="281">
        <v>33</v>
      </c>
      <c r="AD18" s="281">
        <v>125</v>
      </c>
      <c r="AE18" s="281">
        <v>81</v>
      </c>
      <c r="AF18" s="281">
        <v>33</v>
      </c>
      <c r="AG18" s="281">
        <v>23</v>
      </c>
      <c r="AH18" s="278">
        <v>295</v>
      </c>
      <c r="AI18" s="283">
        <v>310</v>
      </c>
      <c r="AJ18" s="277">
        <v>0</v>
      </c>
      <c r="AK18" s="281">
        <v>6</v>
      </c>
      <c r="AL18" s="278">
        <v>6</v>
      </c>
      <c r="AM18" s="280">
        <v>0</v>
      </c>
      <c r="AN18" s="281">
        <v>0</v>
      </c>
      <c r="AO18" s="281">
        <v>0</v>
      </c>
      <c r="AP18" s="281">
        <v>21</v>
      </c>
      <c r="AQ18" s="281">
        <v>0</v>
      </c>
      <c r="AR18" s="281">
        <v>9</v>
      </c>
      <c r="AS18" s="278">
        <v>30</v>
      </c>
      <c r="AT18" s="283">
        <v>36</v>
      </c>
      <c r="AU18" s="277">
        <v>0</v>
      </c>
      <c r="AV18" s="281">
        <v>0</v>
      </c>
      <c r="AW18" s="278">
        <v>0</v>
      </c>
      <c r="AX18" s="280">
        <v>0</v>
      </c>
      <c r="AY18" s="281">
        <v>127</v>
      </c>
      <c r="AZ18" s="281">
        <v>179</v>
      </c>
      <c r="BA18" s="281">
        <v>72</v>
      </c>
      <c r="BB18" s="281">
        <v>25</v>
      </c>
      <c r="BC18" s="281">
        <v>13</v>
      </c>
      <c r="BD18" s="282">
        <v>416</v>
      </c>
      <c r="BE18" s="283">
        <v>416</v>
      </c>
      <c r="BF18" s="277">
        <v>0</v>
      </c>
      <c r="BG18" s="281">
        <v>0</v>
      </c>
      <c r="BH18" s="278">
        <v>0</v>
      </c>
      <c r="BI18" s="280">
        <v>0</v>
      </c>
      <c r="BJ18" s="281">
        <v>74</v>
      </c>
      <c r="BK18" s="281">
        <v>122</v>
      </c>
      <c r="BL18" s="281">
        <v>46</v>
      </c>
      <c r="BM18" s="281">
        <v>3</v>
      </c>
      <c r="BN18" s="281">
        <v>0</v>
      </c>
      <c r="BO18" s="278">
        <v>245</v>
      </c>
      <c r="BP18" s="283">
        <v>245</v>
      </c>
      <c r="BQ18" s="277">
        <v>0</v>
      </c>
      <c r="BR18" s="281">
        <v>2</v>
      </c>
      <c r="BS18" s="278">
        <v>2</v>
      </c>
      <c r="BT18" s="280">
        <v>0</v>
      </c>
      <c r="BU18" s="281">
        <v>21</v>
      </c>
      <c r="BV18" s="281">
        <v>9</v>
      </c>
      <c r="BW18" s="281">
        <v>12</v>
      </c>
      <c r="BX18" s="281">
        <v>0</v>
      </c>
      <c r="BY18" s="281">
        <v>3</v>
      </c>
      <c r="BZ18" s="278">
        <v>45</v>
      </c>
      <c r="CA18" s="283">
        <v>47</v>
      </c>
      <c r="CB18" s="277">
        <v>0</v>
      </c>
      <c r="CC18" s="281">
        <v>0</v>
      </c>
      <c r="CD18" s="278">
        <v>0</v>
      </c>
      <c r="CE18" s="280">
        <v>0</v>
      </c>
      <c r="CF18" s="281">
        <v>9</v>
      </c>
      <c r="CG18" s="281">
        <v>0</v>
      </c>
      <c r="CH18" s="281">
        <v>0</v>
      </c>
      <c r="CI18" s="281">
        <v>0</v>
      </c>
      <c r="CJ18" s="281">
        <v>0</v>
      </c>
      <c r="CK18" s="278">
        <v>9</v>
      </c>
      <c r="CL18" s="283">
        <v>9</v>
      </c>
      <c r="CM18" s="277">
        <v>0</v>
      </c>
      <c r="CN18" s="281">
        <v>0</v>
      </c>
      <c r="CO18" s="278">
        <v>0</v>
      </c>
      <c r="CP18" s="280">
        <v>0</v>
      </c>
      <c r="CQ18" s="281">
        <v>0</v>
      </c>
      <c r="CR18" s="281">
        <v>0</v>
      </c>
      <c r="CS18" s="281">
        <v>0</v>
      </c>
      <c r="CT18" s="281">
        <v>0</v>
      </c>
      <c r="CU18" s="281">
        <v>0</v>
      </c>
      <c r="CV18" s="278">
        <v>0</v>
      </c>
      <c r="CW18" s="283">
        <v>0</v>
      </c>
      <c r="CX18" s="277">
        <v>0</v>
      </c>
      <c r="CY18" s="281">
        <v>0</v>
      </c>
      <c r="CZ18" s="278">
        <v>0</v>
      </c>
      <c r="DA18" s="280">
        <v>0</v>
      </c>
      <c r="DB18" s="281">
        <v>0</v>
      </c>
      <c r="DC18" s="281">
        <v>0</v>
      </c>
      <c r="DD18" s="281">
        <v>0</v>
      </c>
      <c r="DE18" s="281">
        <v>0</v>
      </c>
      <c r="DF18" s="281">
        <v>0</v>
      </c>
      <c r="DG18" s="278">
        <v>0</v>
      </c>
      <c r="DH18" s="283">
        <v>0</v>
      </c>
    </row>
    <row r="19" spans="2:112" ht="18.75" customHeight="1" x14ac:dyDescent="0.2">
      <c r="B19" s="262" t="s">
        <v>17</v>
      </c>
      <c r="C19" s="277">
        <v>0</v>
      </c>
      <c r="D19" s="278">
        <v>0</v>
      </c>
      <c r="E19" s="279">
        <v>0</v>
      </c>
      <c r="F19" s="280">
        <v>0</v>
      </c>
      <c r="G19" s="281">
        <v>55</v>
      </c>
      <c r="H19" s="281">
        <v>280</v>
      </c>
      <c r="I19" s="281">
        <v>533</v>
      </c>
      <c r="J19" s="281">
        <v>131</v>
      </c>
      <c r="K19" s="281">
        <v>996</v>
      </c>
      <c r="L19" s="282">
        <v>1995</v>
      </c>
      <c r="M19" s="283">
        <v>1995</v>
      </c>
      <c r="N19" s="277">
        <v>0</v>
      </c>
      <c r="O19" s="281">
        <v>0</v>
      </c>
      <c r="P19" s="278">
        <v>0</v>
      </c>
      <c r="Q19" s="280">
        <v>0</v>
      </c>
      <c r="R19" s="281">
        <v>0</v>
      </c>
      <c r="S19" s="281">
        <v>9</v>
      </c>
      <c r="T19" s="281">
        <v>9</v>
      </c>
      <c r="U19" s="281">
        <v>13</v>
      </c>
      <c r="V19" s="281">
        <v>22</v>
      </c>
      <c r="W19" s="278">
        <v>53</v>
      </c>
      <c r="X19" s="283">
        <v>53</v>
      </c>
      <c r="Y19" s="277">
        <v>31</v>
      </c>
      <c r="Z19" s="281">
        <v>70</v>
      </c>
      <c r="AA19" s="278">
        <v>101</v>
      </c>
      <c r="AB19" s="280">
        <v>0</v>
      </c>
      <c r="AC19" s="281">
        <v>103</v>
      </c>
      <c r="AD19" s="281">
        <v>173</v>
      </c>
      <c r="AE19" s="281">
        <v>86</v>
      </c>
      <c r="AF19" s="281">
        <v>56</v>
      </c>
      <c r="AG19" s="281">
        <v>102</v>
      </c>
      <c r="AH19" s="278">
        <v>520</v>
      </c>
      <c r="AI19" s="283">
        <v>621</v>
      </c>
      <c r="AJ19" s="277">
        <v>0</v>
      </c>
      <c r="AK19" s="281">
        <v>0</v>
      </c>
      <c r="AL19" s="278">
        <v>0</v>
      </c>
      <c r="AM19" s="280">
        <v>0</v>
      </c>
      <c r="AN19" s="281">
        <v>0</v>
      </c>
      <c r="AO19" s="281">
        <v>16</v>
      </c>
      <c r="AP19" s="281">
        <v>13</v>
      </c>
      <c r="AQ19" s="281">
        <v>23</v>
      </c>
      <c r="AR19" s="281">
        <v>0</v>
      </c>
      <c r="AS19" s="278">
        <v>52</v>
      </c>
      <c r="AT19" s="283">
        <v>52</v>
      </c>
      <c r="AU19" s="277">
        <v>0</v>
      </c>
      <c r="AV19" s="281">
        <v>0</v>
      </c>
      <c r="AW19" s="278">
        <v>0</v>
      </c>
      <c r="AX19" s="280">
        <v>0</v>
      </c>
      <c r="AY19" s="281">
        <v>234</v>
      </c>
      <c r="AZ19" s="281">
        <v>305</v>
      </c>
      <c r="BA19" s="281">
        <v>166</v>
      </c>
      <c r="BB19" s="281">
        <v>43</v>
      </c>
      <c r="BC19" s="281">
        <v>17</v>
      </c>
      <c r="BD19" s="282">
        <v>765</v>
      </c>
      <c r="BE19" s="283">
        <v>765</v>
      </c>
      <c r="BF19" s="277">
        <v>0</v>
      </c>
      <c r="BG19" s="281">
        <v>0</v>
      </c>
      <c r="BH19" s="278">
        <v>0</v>
      </c>
      <c r="BI19" s="280">
        <v>0</v>
      </c>
      <c r="BJ19" s="281">
        <v>53</v>
      </c>
      <c r="BK19" s="281">
        <v>50</v>
      </c>
      <c r="BL19" s="281">
        <v>22</v>
      </c>
      <c r="BM19" s="281">
        <v>14</v>
      </c>
      <c r="BN19" s="281">
        <v>3</v>
      </c>
      <c r="BO19" s="278">
        <v>142</v>
      </c>
      <c r="BP19" s="283">
        <v>142</v>
      </c>
      <c r="BQ19" s="277">
        <v>0</v>
      </c>
      <c r="BR19" s="281">
        <v>0</v>
      </c>
      <c r="BS19" s="278">
        <v>0</v>
      </c>
      <c r="BT19" s="280">
        <v>0</v>
      </c>
      <c r="BU19" s="281">
        <v>10</v>
      </c>
      <c r="BV19" s="281">
        <v>55</v>
      </c>
      <c r="BW19" s="281">
        <v>66</v>
      </c>
      <c r="BX19" s="281">
        <v>46</v>
      </c>
      <c r="BY19" s="281">
        <v>7</v>
      </c>
      <c r="BZ19" s="278">
        <v>184</v>
      </c>
      <c r="CA19" s="283">
        <v>184</v>
      </c>
      <c r="CB19" s="277">
        <v>0</v>
      </c>
      <c r="CC19" s="281">
        <v>0</v>
      </c>
      <c r="CD19" s="278">
        <v>0</v>
      </c>
      <c r="CE19" s="280">
        <v>0</v>
      </c>
      <c r="CF19" s="281">
        <v>4</v>
      </c>
      <c r="CG19" s="281">
        <v>0</v>
      </c>
      <c r="CH19" s="281">
        <v>0</v>
      </c>
      <c r="CI19" s="281">
        <v>9</v>
      </c>
      <c r="CJ19" s="281">
        <v>0</v>
      </c>
      <c r="CK19" s="278">
        <v>13</v>
      </c>
      <c r="CL19" s="283">
        <v>13</v>
      </c>
      <c r="CM19" s="277">
        <v>0</v>
      </c>
      <c r="CN19" s="281">
        <v>0</v>
      </c>
      <c r="CO19" s="278">
        <v>0</v>
      </c>
      <c r="CP19" s="280">
        <v>0</v>
      </c>
      <c r="CQ19" s="281">
        <v>0</v>
      </c>
      <c r="CR19" s="281">
        <v>0</v>
      </c>
      <c r="CS19" s="281">
        <v>0</v>
      </c>
      <c r="CT19" s="281">
        <v>0</v>
      </c>
      <c r="CU19" s="281">
        <v>0</v>
      </c>
      <c r="CV19" s="278">
        <v>0</v>
      </c>
      <c r="CW19" s="283">
        <v>0</v>
      </c>
      <c r="CX19" s="277">
        <v>0</v>
      </c>
      <c r="CY19" s="281">
        <v>0</v>
      </c>
      <c r="CZ19" s="278">
        <v>0</v>
      </c>
      <c r="DA19" s="280">
        <v>0</v>
      </c>
      <c r="DB19" s="281">
        <v>0</v>
      </c>
      <c r="DC19" s="281">
        <v>0</v>
      </c>
      <c r="DD19" s="281">
        <v>0</v>
      </c>
      <c r="DE19" s="281">
        <v>0</v>
      </c>
      <c r="DF19" s="281">
        <v>0</v>
      </c>
      <c r="DG19" s="278">
        <v>0</v>
      </c>
      <c r="DH19" s="283">
        <v>0</v>
      </c>
    </row>
    <row r="20" spans="2:112" ht="18.75" customHeight="1" x14ac:dyDescent="0.2">
      <c r="B20" s="262" t="s">
        <v>18</v>
      </c>
      <c r="C20" s="277">
        <v>0</v>
      </c>
      <c r="D20" s="278">
        <v>0</v>
      </c>
      <c r="E20" s="279">
        <v>0</v>
      </c>
      <c r="F20" s="280">
        <v>0</v>
      </c>
      <c r="G20" s="281">
        <v>274</v>
      </c>
      <c r="H20" s="281">
        <v>425</v>
      </c>
      <c r="I20" s="281">
        <v>593</v>
      </c>
      <c r="J20" s="281">
        <v>906</v>
      </c>
      <c r="K20" s="281">
        <v>551</v>
      </c>
      <c r="L20" s="282">
        <v>2749</v>
      </c>
      <c r="M20" s="283">
        <v>2749</v>
      </c>
      <c r="N20" s="277">
        <v>0</v>
      </c>
      <c r="O20" s="281">
        <v>0</v>
      </c>
      <c r="P20" s="278">
        <v>0</v>
      </c>
      <c r="Q20" s="280">
        <v>0</v>
      </c>
      <c r="R20" s="281">
        <v>0</v>
      </c>
      <c r="S20" s="281">
        <v>4</v>
      </c>
      <c r="T20" s="281">
        <v>8</v>
      </c>
      <c r="U20" s="281">
        <v>13</v>
      </c>
      <c r="V20" s="281">
        <v>16</v>
      </c>
      <c r="W20" s="278">
        <v>41</v>
      </c>
      <c r="X20" s="283">
        <v>41</v>
      </c>
      <c r="Y20" s="277">
        <v>27</v>
      </c>
      <c r="Z20" s="281">
        <v>55</v>
      </c>
      <c r="AA20" s="278">
        <v>82</v>
      </c>
      <c r="AB20" s="280">
        <v>0</v>
      </c>
      <c r="AC20" s="281">
        <v>121</v>
      </c>
      <c r="AD20" s="281">
        <v>262</v>
      </c>
      <c r="AE20" s="281">
        <v>149</v>
      </c>
      <c r="AF20" s="281">
        <v>239</v>
      </c>
      <c r="AG20" s="281">
        <v>163</v>
      </c>
      <c r="AH20" s="278">
        <v>934</v>
      </c>
      <c r="AI20" s="283">
        <v>1016</v>
      </c>
      <c r="AJ20" s="277">
        <v>0</v>
      </c>
      <c r="AK20" s="281">
        <v>0</v>
      </c>
      <c r="AL20" s="278">
        <v>0</v>
      </c>
      <c r="AM20" s="280">
        <v>0</v>
      </c>
      <c r="AN20" s="281">
        <v>24</v>
      </c>
      <c r="AO20" s="281">
        <v>48</v>
      </c>
      <c r="AP20" s="281">
        <v>60</v>
      </c>
      <c r="AQ20" s="281">
        <v>71</v>
      </c>
      <c r="AR20" s="281">
        <v>16</v>
      </c>
      <c r="AS20" s="278">
        <v>219</v>
      </c>
      <c r="AT20" s="283">
        <v>219</v>
      </c>
      <c r="AU20" s="277">
        <v>0</v>
      </c>
      <c r="AV20" s="281">
        <v>0</v>
      </c>
      <c r="AW20" s="278">
        <v>0</v>
      </c>
      <c r="AX20" s="280">
        <v>0</v>
      </c>
      <c r="AY20" s="281">
        <v>327</v>
      </c>
      <c r="AZ20" s="281">
        <v>480</v>
      </c>
      <c r="BA20" s="281">
        <v>177</v>
      </c>
      <c r="BB20" s="281">
        <v>127</v>
      </c>
      <c r="BC20" s="281">
        <v>50</v>
      </c>
      <c r="BD20" s="282">
        <v>1161</v>
      </c>
      <c r="BE20" s="283">
        <v>1161</v>
      </c>
      <c r="BF20" s="277">
        <v>0</v>
      </c>
      <c r="BG20" s="281">
        <v>0</v>
      </c>
      <c r="BH20" s="278">
        <v>0</v>
      </c>
      <c r="BI20" s="280">
        <v>0</v>
      </c>
      <c r="BJ20" s="281">
        <v>96</v>
      </c>
      <c r="BK20" s="281">
        <v>100</v>
      </c>
      <c r="BL20" s="281">
        <v>45</v>
      </c>
      <c r="BM20" s="281">
        <v>40</v>
      </c>
      <c r="BN20" s="281">
        <v>17</v>
      </c>
      <c r="BO20" s="278">
        <v>298</v>
      </c>
      <c r="BP20" s="283">
        <v>298</v>
      </c>
      <c r="BQ20" s="277">
        <v>0</v>
      </c>
      <c r="BR20" s="281">
        <v>0</v>
      </c>
      <c r="BS20" s="278">
        <v>0</v>
      </c>
      <c r="BT20" s="280">
        <v>0</v>
      </c>
      <c r="BU20" s="281">
        <v>19</v>
      </c>
      <c r="BV20" s="281">
        <v>62</v>
      </c>
      <c r="BW20" s="281">
        <v>-81</v>
      </c>
      <c r="BX20" s="281">
        <v>111</v>
      </c>
      <c r="BY20" s="281">
        <v>32</v>
      </c>
      <c r="BZ20" s="278">
        <v>143</v>
      </c>
      <c r="CA20" s="283">
        <v>143</v>
      </c>
      <c r="CB20" s="277">
        <v>0</v>
      </c>
      <c r="CC20" s="281">
        <v>0</v>
      </c>
      <c r="CD20" s="278">
        <v>0</v>
      </c>
      <c r="CE20" s="280">
        <v>0</v>
      </c>
      <c r="CF20" s="281">
        <v>0</v>
      </c>
      <c r="CG20" s="281">
        <v>0</v>
      </c>
      <c r="CH20" s="281">
        <v>0</v>
      </c>
      <c r="CI20" s="281">
        <v>0</v>
      </c>
      <c r="CJ20" s="281">
        <v>2</v>
      </c>
      <c r="CK20" s="278">
        <v>2</v>
      </c>
      <c r="CL20" s="283">
        <v>2</v>
      </c>
      <c r="CM20" s="277">
        <v>0</v>
      </c>
      <c r="CN20" s="281">
        <v>0</v>
      </c>
      <c r="CO20" s="278">
        <v>0</v>
      </c>
      <c r="CP20" s="280">
        <v>0</v>
      </c>
      <c r="CQ20" s="281">
        <v>0</v>
      </c>
      <c r="CR20" s="281">
        <v>0</v>
      </c>
      <c r="CS20" s="281">
        <v>0</v>
      </c>
      <c r="CT20" s="281">
        <v>0</v>
      </c>
      <c r="CU20" s="281">
        <v>0</v>
      </c>
      <c r="CV20" s="278">
        <v>0</v>
      </c>
      <c r="CW20" s="283">
        <v>0</v>
      </c>
      <c r="CX20" s="277">
        <v>0</v>
      </c>
      <c r="CY20" s="281">
        <v>0</v>
      </c>
      <c r="CZ20" s="278">
        <v>0</v>
      </c>
      <c r="DA20" s="280">
        <v>0</v>
      </c>
      <c r="DB20" s="281">
        <v>0</v>
      </c>
      <c r="DC20" s="281">
        <v>0</v>
      </c>
      <c r="DD20" s="281">
        <v>0</v>
      </c>
      <c r="DE20" s="281">
        <v>0</v>
      </c>
      <c r="DF20" s="281">
        <v>0</v>
      </c>
      <c r="DG20" s="278">
        <v>0</v>
      </c>
      <c r="DH20" s="283">
        <v>0</v>
      </c>
    </row>
    <row r="21" spans="2:112" ht="18.75" customHeight="1" x14ac:dyDescent="0.2">
      <c r="B21" s="262" t="s">
        <v>19</v>
      </c>
      <c r="C21" s="277">
        <v>0</v>
      </c>
      <c r="D21" s="278">
        <v>0</v>
      </c>
      <c r="E21" s="279">
        <v>0</v>
      </c>
      <c r="F21" s="280">
        <v>0</v>
      </c>
      <c r="G21" s="281">
        <v>73</v>
      </c>
      <c r="H21" s="281">
        <v>182</v>
      </c>
      <c r="I21" s="281">
        <v>238</v>
      </c>
      <c r="J21" s="281">
        <v>93</v>
      </c>
      <c r="K21" s="281">
        <v>5</v>
      </c>
      <c r="L21" s="282">
        <v>591</v>
      </c>
      <c r="M21" s="283">
        <v>591</v>
      </c>
      <c r="N21" s="277">
        <v>0</v>
      </c>
      <c r="O21" s="281">
        <v>0</v>
      </c>
      <c r="P21" s="278">
        <v>0</v>
      </c>
      <c r="Q21" s="280">
        <v>0</v>
      </c>
      <c r="R21" s="281">
        <v>0</v>
      </c>
      <c r="S21" s="281">
        <v>0</v>
      </c>
      <c r="T21" s="281">
        <v>8</v>
      </c>
      <c r="U21" s="281">
        <v>11</v>
      </c>
      <c r="V21" s="281">
        <v>14</v>
      </c>
      <c r="W21" s="278">
        <v>33</v>
      </c>
      <c r="X21" s="283">
        <v>33</v>
      </c>
      <c r="Y21" s="277">
        <v>16</v>
      </c>
      <c r="Z21" s="281">
        <v>11</v>
      </c>
      <c r="AA21" s="278">
        <v>27</v>
      </c>
      <c r="AB21" s="280">
        <v>0</v>
      </c>
      <c r="AC21" s="281">
        <v>45</v>
      </c>
      <c r="AD21" s="281">
        <v>87</v>
      </c>
      <c r="AE21" s="281">
        <v>39</v>
      </c>
      <c r="AF21" s="281">
        <v>32</v>
      </c>
      <c r="AG21" s="281">
        <v>65</v>
      </c>
      <c r="AH21" s="278">
        <v>268</v>
      </c>
      <c r="AI21" s="283">
        <v>295</v>
      </c>
      <c r="AJ21" s="277">
        <v>0</v>
      </c>
      <c r="AK21" s="281">
        <v>0</v>
      </c>
      <c r="AL21" s="278">
        <v>0</v>
      </c>
      <c r="AM21" s="280">
        <v>0</v>
      </c>
      <c r="AN21" s="281">
        <v>50</v>
      </c>
      <c r="AO21" s="281">
        <v>9</v>
      </c>
      <c r="AP21" s="281">
        <v>0</v>
      </c>
      <c r="AQ21" s="281">
        <v>0</v>
      </c>
      <c r="AR21" s="281">
        <v>0</v>
      </c>
      <c r="AS21" s="278">
        <v>59</v>
      </c>
      <c r="AT21" s="283">
        <v>59</v>
      </c>
      <c r="AU21" s="277">
        <v>0</v>
      </c>
      <c r="AV21" s="281">
        <v>0</v>
      </c>
      <c r="AW21" s="278">
        <v>0</v>
      </c>
      <c r="AX21" s="280">
        <v>0</v>
      </c>
      <c r="AY21" s="281">
        <v>158</v>
      </c>
      <c r="AZ21" s="281">
        <v>69</v>
      </c>
      <c r="BA21" s="281">
        <v>43</v>
      </c>
      <c r="BB21" s="281">
        <v>8</v>
      </c>
      <c r="BC21" s="281">
        <v>31</v>
      </c>
      <c r="BD21" s="282">
        <v>309</v>
      </c>
      <c r="BE21" s="283">
        <v>309</v>
      </c>
      <c r="BF21" s="277">
        <v>0</v>
      </c>
      <c r="BG21" s="281">
        <v>0</v>
      </c>
      <c r="BH21" s="278">
        <v>0</v>
      </c>
      <c r="BI21" s="280">
        <v>0</v>
      </c>
      <c r="BJ21" s="281">
        <v>32</v>
      </c>
      <c r="BK21" s="281">
        <v>25</v>
      </c>
      <c r="BL21" s="281">
        <v>26</v>
      </c>
      <c r="BM21" s="281">
        <v>46</v>
      </c>
      <c r="BN21" s="281">
        <v>13</v>
      </c>
      <c r="BO21" s="278">
        <v>142</v>
      </c>
      <c r="BP21" s="283">
        <v>142</v>
      </c>
      <c r="BQ21" s="277">
        <v>0</v>
      </c>
      <c r="BR21" s="281">
        <v>3</v>
      </c>
      <c r="BS21" s="278">
        <v>3</v>
      </c>
      <c r="BT21" s="280">
        <v>0</v>
      </c>
      <c r="BU21" s="281">
        <v>0</v>
      </c>
      <c r="BV21" s="281">
        <v>29</v>
      </c>
      <c r="BW21" s="281">
        <v>15</v>
      </c>
      <c r="BX21" s="281">
        <v>0</v>
      </c>
      <c r="BY21" s="281">
        <v>22</v>
      </c>
      <c r="BZ21" s="278">
        <v>66</v>
      </c>
      <c r="CA21" s="283">
        <v>69</v>
      </c>
      <c r="CB21" s="277">
        <v>0</v>
      </c>
      <c r="CC21" s="281">
        <v>0</v>
      </c>
      <c r="CD21" s="278">
        <v>0</v>
      </c>
      <c r="CE21" s="280">
        <v>0</v>
      </c>
      <c r="CF21" s="281">
        <v>2</v>
      </c>
      <c r="CG21" s="281">
        <v>0</v>
      </c>
      <c r="CH21" s="281">
        <v>4</v>
      </c>
      <c r="CI21" s="281">
        <v>12</v>
      </c>
      <c r="CJ21" s="281">
        <v>0</v>
      </c>
      <c r="CK21" s="278">
        <v>18</v>
      </c>
      <c r="CL21" s="283">
        <v>18</v>
      </c>
      <c r="CM21" s="277">
        <v>0</v>
      </c>
      <c r="CN21" s="281">
        <v>0</v>
      </c>
      <c r="CO21" s="278">
        <v>0</v>
      </c>
      <c r="CP21" s="280">
        <v>0</v>
      </c>
      <c r="CQ21" s="281">
        <v>0</v>
      </c>
      <c r="CR21" s="281">
        <v>0</v>
      </c>
      <c r="CS21" s="281">
        <v>0</v>
      </c>
      <c r="CT21" s="281">
        <v>0</v>
      </c>
      <c r="CU21" s="281">
        <v>0</v>
      </c>
      <c r="CV21" s="278">
        <v>0</v>
      </c>
      <c r="CW21" s="283">
        <v>0</v>
      </c>
      <c r="CX21" s="277">
        <v>0</v>
      </c>
      <c r="CY21" s="281">
        <v>0</v>
      </c>
      <c r="CZ21" s="278">
        <v>0</v>
      </c>
      <c r="DA21" s="280">
        <v>0</v>
      </c>
      <c r="DB21" s="281">
        <v>0</v>
      </c>
      <c r="DC21" s="281">
        <v>0</v>
      </c>
      <c r="DD21" s="281">
        <v>0</v>
      </c>
      <c r="DE21" s="281">
        <v>0</v>
      </c>
      <c r="DF21" s="281">
        <v>0</v>
      </c>
      <c r="DG21" s="278">
        <v>0</v>
      </c>
      <c r="DH21" s="283">
        <v>0</v>
      </c>
    </row>
    <row r="22" spans="2:112" ht="18.75" customHeight="1" x14ac:dyDescent="0.2">
      <c r="B22" s="262" t="s">
        <v>20</v>
      </c>
      <c r="C22" s="277">
        <v>0</v>
      </c>
      <c r="D22" s="278">
        <v>0</v>
      </c>
      <c r="E22" s="279">
        <v>0</v>
      </c>
      <c r="F22" s="280">
        <v>0</v>
      </c>
      <c r="G22" s="281">
        <v>258</v>
      </c>
      <c r="H22" s="281">
        <v>156</v>
      </c>
      <c r="I22" s="281">
        <v>84</v>
      </c>
      <c r="J22" s="281">
        <v>287</v>
      </c>
      <c r="K22" s="281">
        <v>72</v>
      </c>
      <c r="L22" s="282">
        <v>857</v>
      </c>
      <c r="M22" s="283">
        <v>857</v>
      </c>
      <c r="N22" s="277">
        <v>0</v>
      </c>
      <c r="O22" s="281">
        <v>0</v>
      </c>
      <c r="P22" s="278">
        <v>0</v>
      </c>
      <c r="Q22" s="280">
        <v>0</v>
      </c>
      <c r="R22" s="281">
        <v>0</v>
      </c>
      <c r="S22" s="281">
        <v>0</v>
      </c>
      <c r="T22" s="281">
        <v>9</v>
      </c>
      <c r="U22" s="281">
        <v>5</v>
      </c>
      <c r="V22" s="281">
        <v>23</v>
      </c>
      <c r="W22" s="278">
        <v>37</v>
      </c>
      <c r="X22" s="283">
        <v>37</v>
      </c>
      <c r="Y22" s="277">
        <v>4</v>
      </c>
      <c r="Z22" s="281">
        <v>45</v>
      </c>
      <c r="AA22" s="278">
        <v>49</v>
      </c>
      <c r="AB22" s="280">
        <v>0</v>
      </c>
      <c r="AC22" s="281">
        <v>153</v>
      </c>
      <c r="AD22" s="281">
        <v>116</v>
      </c>
      <c r="AE22" s="281">
        <v>104</v>
      </c>
      <c r="AF22" s="281">
        <v>62</v>
      </c>
      <c r="AG22" s="281">
        <v>13</v>
      </c>
      <c r="AH22" s="278">
        <v>448</v>
      </c>
      <c r="AI22" s="283">
        <v>497</v>
      </c>
      <c r="AJ22" s="277">
        <v>12</v>
      </c>
      <c r="AK22" s="281">
        <v>14</v>
      </c>
      <c r="AL22" s="278">
        <v>26</v>
      </c>
      <c r="AM22" s="280">
        <v>0</v>
      </c>
      <c r="AN22" s="281">
        <v>24</v>
      </c>
      <c r="AO22" s="281">
        <v>63</v>
      </c>
      <c r="AP22" s="281">
        <v>45</v>
      </c>
      <c r="AQ22" s="281">
        <v>0</v>
      </c>
      <c r="AR22" s="281">
        <v>10</v>
      </c>
      <c r="AS22" s="278">
        <v>142</v>
      </c>
      <c r="AT22" s="283">
        <v>168</v>
      </c>
      <c r="AU22" s="277">
        <v>0</v>
      </c>
      <c r="AV22" s="281">
        <v>0</v>
      </c>
      <c r="AW22" s="278">
        <v>0</v>
      </c>
      <c r="AX22" s="280">
        <v>0</v>
      </c>
      <c r="AY22" s="281">
        <v>57</v>
      </c>
      <c r="AZ22" s="281">
        <v>103</v>
      </c>
      <c r="BA22" s="281">
        <v>72</v>
      </c>
      <c r="BB22" s="281">
        <v>44</v>
      </c>
      <c r="BC22" s="281">
        <v>42</v>
      </c>
      <c r="BD22" s="282">
        <v>318</v>
      </c>
      <c r="BE22" s="283">
        <v>318</v>
      </c>
      <c r="BF22" s="277">
        <v>0</v>
      </c>
      <c r="BG22" s="281">
        <v>0</v>
      </c>
      <c r="BH22" s="278">
        <v>0</v>
      </c>
      <c r="BI22" s="280">
        <v>0</v>
      </c>
      <c r="BJ22" s="281">
        <v>72</v>
      </c>
      <c r="BK22" s="281">
        <v>100</v>
      </c>
      <c r="BL22" s="281">
        <v>25</v>
      </c>
      <c r="BM22" s="281">
        <v>8</v>
      </c>
      <c r="BN22" s="281">
        <v>12</v>
      </c>
      <c r="BO22" s="278">
        <v>217</v>
      </c>
      <c r="BP22" s="283">
        <v>217</v>
      </c>
      <c r="BQ22" s="277">
        <v>0</v>
      </c>
      <c r="BR22" s="281">
        <v>0</v>
      </c>
      <c r="BS22" s="278">
        <v>0</v>
      </c>
      <c r="BT22" s="280">
        <v>0</v>
      </c>
      <c r="BU22" s="281">
        <v>8</v>
      </c>
      <c r="BV22" s="281">
        <v>25</v>
      </c>
      <c r="BW22" s="281">
        <v>68</v>
      </c>
      <c r="BX22" s="281">
        <v>50</v>
      </c>
      <c r="BY22" s="281">
        <v>2</v>
      </c>
      <c r="BZ22" s="278">
        <v>153</v>
      </c>
      <c r="CA22" s="283">
        <v>153</v>
      </c>
      <c r="CB22" s="277">
        <v>0</v>
      </c>
      <c r="CC22" s="281">
        <v>0</v>
      </c>
      <c r="CD22" s="278">
        <v>0</v>
      </c>
      <c r="CE22" s="280">
        <v>0</v>
      </c>
      <c r="CF22" s="281">
        <v>0</v>
      </c>
      <c r="CG22" s="281">
        <v>9</v>
      </c>
      <c r="CH22" s="281">
        <v>13</v>
      </c>
      <c r="CI22" s="281">
        <v>0</v>
      </c>
      <c r="CJ22" s="281">
        <v>0</v>
      </c>
      <c r="CK22" s="278">
        <v>22</v>
      </c>
      <c r="CL22" s="283">
        <v>22</v>
      </c>
      <c r="CM22" s="277">
        <v>0</v>
      </c>
      <c r="CN22" s="281">
        <v>0</v>
      </c>
      <c r="CO22" s="278">
        <v>0</v>
      </c>
      <c r="CP22" s="280">
        <v>0</v>
      </c>
      <c r="CQ22" s="281">
        <v>0</v>
      </c>
      <c r="CR22" s="281">
        <v>0</v>
      </c>
      <c r="CS22" s="281">
        <v>0</v>
      </c>
      <c r="CT22" s="281">
        <v>0</v>
      </c>
      <c r="CU22" s="281">
        <v>0</v>
      </c>
      <c r="CV22" s="278">
        <v>0</v>
      </c>
      <c r="CW22" s="283">
        <v>0</v>
      </c>
      <c r="CX22" s="277">
        <v>0</v>
      </c>
      <c r="CY22" s="281">
        <v>0</v>
      </c>
      <c r="CZ22" s="278">
        <v>0</v>
      </c>
      <c r="DA22" s="280">
        <v>0</v>
      </c>
      <c r="DB22" s="281">
        <v>0</v>
      </c>
      <c r="DC22" s="281">
        <v>0</v>
      </c>
      <c r="DD22" s="281">
        <v>0</v>
      </c>
      <c r="DE22" s="281">
        <v>0</v>
      </c>
      <c r="DF22" s="281">
        <v>0</v>
      </c>
      <c r="DG22" s="278">
        <v>0</v>
      </c>
      <c r="DH22" s="283">
        <v>0</v>
      </c>
    </row>
    <row r="23" spans="2:112" ht="18.75" customHeight="1" x14ac:dyDescent="0.2">
      <c r="B23" s="262" t="s">
        <v>21</v>
      </c>
      <c r="C23" s="277">
        <v>0</v>
      </c>
      <c r="D23" s="278">
        <v>0</v>
      </c>
      <c r="E23" s="279">
        <v>0</v>
      </c>
      <c r="F23" s="280">
        <v>0</v>
      </c>
      <c r="G23" s="281">
        <v>161</v>
      </c>
      <c r="H23" s="281">
        <v>155</v>
      </c>
      <c r="I23" s="281">
        <v>137</v>
      </c>
      <c r="J23" s="281">
        <v>111</v>
      </c>
      <c r="K23" s="281">
        <v>87</v>
      </c>
      <c r="L23" s="282">
        <v>651</v>
      </c>
      <c r="M23" s="283">
        <v>651</v>
      </c>
      <c r="N23" s="277">
        <v>0</v>
      </c>
      <c r="O23" s="281">
        <v>0</v>
      </c>
      <c r="P23" s="278">
        <v>0</v>
      </c>
      <c r="Q23" s="280">
        <v>0</v>
      </c>
      <c r="R23" s="281">
        <v>0</v>
      </c>
      <c r="S23" s="281">
        <v>2</v>
      </c>
      <c r="T23" s="281">
        <v>9</v>
      </c>
      <c r="U23" s="281">
        <v>9</v>
      </c>
      <c r="V23" s="281">
        <v>7</v>
      </c>
      <c r="W23" s="278">
        <v>27</v>
      </c>
      <c r="X23" s="283">
        <v>27</v>
      </c>
      <c r="Y23" s="277">
        <v>16</v>
      </c>
      <c r="Z23" s="281">
        <v>16</v>
      </c>
      <c r="AA23" s="278">
        <v>32</v>
      </c>
      <c r="AB23" s="280">
        <v>0</v>
      </c>
      <c r="AC23" s="281">
        <v>113</v>
      </c>
      <c r="AD23" s="281">
        <v>158</v>
      </c>
      <c r="AE23" s="281">
        <v>44</v>
      </c>
      <c r="AF23" s="281">
        <v>30</v>
      </c>
      <c r="AG23" s="281">
        <v>42</v>
      </c>
      <c r="AH23" s="278">
        <v>387</v>
      </c>
      <c r="AI23" s="283">
        <v>419</v>
      </c>
      <c r="AJ23" s="277">
        <v>8</v>
      </c>
      <c r="AK23" s="281">
        <v>0</v>
      </c>
      <c r="AL23" s="278">
        <v>8</v>
      </c>
      <c r="AM23" s="280">
        <v>0</v>
      </c>
      <c r="AN23" s="281">
        <v>0</v>
      </c>
      <c r="AO23" s="281">
        <v>21</v>
      </c>
      <c r="AP23" s="281">
        <v>0</v>
      </c>
      <c r="AQ23" s="281">
        <v>0</v>
      </c>
      <c r="AR23" s="281">
        <v>12</v>
      </c>
      <c r="AS23" s="278">
        <v>33</v>
      </c>
      <c r="AT23" s="283">
        <v>41</v>
      </c>
      <c r="AU23" s="277">
        <v>0</v>
      </c>
      <c r="AV23" s="281">
        <v>0</v>
      </c>
      <c r="AW23" s="278">
        <v>0</v>
      </c>
      <c r="AX23" s="280">
        <v>0</v>
      </c>
      <c r="AY23" s="281">
        <v>127</v>
      </c>
      <c r="AZ23" s="281">
        <v>133</v>
      </c>
      <c r="BA23" s="281">
        <v>54</v>
      </c>
      <c r="BB23" s="281">
        <v>70</v>
      </c>
      <c r="BC23" s="281">
        <v>0</v>
      </c>
      <c r="BD23" s="282">
        <v>384</v>
      </c>
      <c r="BE23" s="283">
        <v>384</v>
      </c>
      <c r="BF23" s="277">
        <v>0</v>
      </c>
      <c r="BG23" s="281">
        <v>0</v>
      </c>
      <c r="BH23" s="278">
        <v>0</v>
      </c>
      <c r="BI23" s="280">
        <v>0</v>
      </c>
      <c r="BJ23" s="281">
        <v>5</v>
      </c>
      <c r="BK23" s="281">
        <v>19</v>
      </c>
      <c r="BL23" s="281">
        <v>9</v>
      </c>
      <c r="BM23" s="281">
        <v>5</v>
      </c>
      <c r="BN23" s="281">
        <v>12</v>
      </c>
      <c r="BO23" s="278">
        <v>50</v>
      </c>
      <c r="BP23" s="283">
        <v>50</v>
      </c>
      <c r="BQ23" s="277">
        <v>5</v>
      </c>
      <c r="BR23" s="281">
        <v>0</v>
      </c>
      <c r="BS23" s="278">
        <v>5</v>
      </c>
      <c r="BT23" s="280">
        <v>0</v>
      </c>
      <c r="BU23" s="281">
        <v>20</v>
      </c>
      <c r="BV23" s="281">
        <v>8</v>
      </c>
      <c r="BW23" s="281">
        <v>22</v>
      </c>
      <c r="BX23" s="281">
        <v>10</v>
      </c>
      <c r="BY23" s="281">
        <v>63</v>
      </c>
      <c r="BZ23" s="278">
        <v>123</v>
      </c>
      <c r="CA23" s="283">
        <v>128</v>
      </c>
      <c r="CB23" s="277">
        <v>0</v>
      </c>
      <c r="CC23" s="281">
        <v>0</v>
      </c>
      <c r="CD23" s="278">
        <v>0</v>
      </c>
      <c r="CE23" s="280">
        <v>0</v>
      </c>
      <c r="CF23" s="281">
        <v>0</v>
      </c>
      <c r="CG23" s="281">
        <v>15</v>
      </c>
      <c r="CH23" s="281">
        <v>0</v>
      </c>
      <c r="CI23" s="281">
        <v>0</v>
      </c>
      <c r="CJ23" s="281">
        <v>4</v>
      </c>
      <c r="CK23" s="278">
        <v>19</v>
      </c>
      <c r="CL23" s="283">
        <v>19</v>
      </c>
      <c r="CM23" s="277">
        <v>0</v>
      </c>
      <c r="CN23" s="281">
        <v>0</v>
      </c>
      <c r="CO23" s="278">
        <v>0</v>
      </c>
      <c r="CP23" s="280">
        <v>0</v>
      </c>
      <c r="CQ23" s="281">
        <v>0</v>
      </c>
      <c r="CR23" s="281">
        <v>0</v>
      </c>
      <c r="CS23" s="281">
        <v>0</v>
      </c>
      <c r="CT23" s="281">
        <v>0</v>
      </c>
      <c r="CU23" s="281">
        <v>0</v>
      </c>
      <c r="CV23" s="278">
        <v>0</v>
      </c>
      <c r="CW23" s="283">
        <v>0</v>
      </c>
      <c r="CX23" s="277">
        <v>0</v>
      </c>
      <c r="CY23" s="281">
        <v>0</v>
      </c>
      <c r="CZ23" s="278">
        <v>0</v>
      </c>
      <c r="DA23" s="280">
        <v>0</v>
      </c>
      <c r="DB23" s="281">
        <v>0</v>
      </c>
      <c r="DC23" s="281">
        <v>0</v>
      </c>
      <c r="DD23" s="281">
        <v>0</v>
      </c>
      <c r="DE23" s="281">
        <v>0</v>
      </c>
      <c r="DF23" s="281">
        <v>0</v>
      </c>
      <c r="DG23" s="278">
        <v>0</v>
      </c>
      <c r="DH23" s="283">
        <v>0</v>
      </c>
    </row>
    <row r="24" spans="2:112" ht="18.75" customHeight="1" x14ac:dyDescent="0.2">
      <c r="B24" s="262" t="s">
        <v>22</v>
      </c>
      <c r="C24" s="277">
        <v>0</v>
      </c>
      <c r="D24" s="278">
        <v>0</v>
      </c>
      <c r="E24" s="279">
        <v>0</v>
      </c>
      <c r="F24" s="280">
        <v>0</v>
      </c>
      <c r="G24" s="281">
        <v>37</v>
      </c>
      <c r="H24" s="281">
        <v>12</v>
      </c>
      <c r="I24" s="281">
        <v>55</v>
      </c>
      <c r="J24" s="281">
        <v>106</v>
      </c>
      <c r="K24" s="281">
        <v>142</v>
      </c>
      <c r="L24" s="282">
        <v>352</v>
      </c>
      <c r="M24" s="283">
        <v>352</v>
      </c>
      <c r="N24" s="277">
        <v>0</v>
      </c>
      <c r="O24" s="281">
        <v>0</v>
      </c>
      <c r="P24" s="278">
        <v>0</v>
      </c>
      <c r="Q24" s="280">
        <v>0</v>
      </c>
      <c r="R24" s="281">
        <v>0</v>
      </c>
      <c r="S24" s="281">
        <v>0</v>
      </c>
      <c r="T24" s="281">
        <v>0</v>
      </c>
      <c r="U24" s="281">
        <v>18</v>
      </c>
      <c r="V24" s="281">
        <v>30</v>
      </c>
      <c r="W24" s="278">
        <v>48</v>
      </c>
      <c r="X24" s="283">
        <v>48</v>
      </c>
      <c r="Y24" s="277">
        <v>3</v>
      </c>
      <c r="Z24" s="281">
        <v>4</v>
      </c>
      <c r="AA24" s="278">
        <v>7</v>
      </c>
      <c r="AB24" s="280">
        <v>0</v>
      </c>
      <c r="AC24" s="281">
        <v>3</v>
      </c>
      <c r="AD24" s="281">
        <v>34</v>
      </c>
      <c r="AE24" s="281">
        <v>0</v>
      </c>
      <c r="AF24" s="281">
        <v>27</v>
      </c>
      <c r="AG24" s="281">
        <v>90</v>
      </c>
      <c r="AH24" s="278">
        <v>154</v>
      </c>
      <c r="AI24" s="283">
        <v>161</v>
      </c>
      <c r="AJ24" s="277">
        <v>0</v>
      </c>
      <c r="AK24" s="281">
        <v>0</v>
      </c>
      <c r="AL24" s="278">
        <v>0</v>
      </c>
      <c r="AM24" s="280">
        <v>0</v>
      </c>
      <c r="AN24" s="281">
        <v>27</v>
      </c>
      <c r="AO24" s="281">
        <v>0</v>
      </c>
      <c r="AP24" s="281">
        <v>0</v>
      </c>
      <c r="AQ24" s="281">
        <v>54</v>
      </c>
      <c r="AR24" s="281">
        <v>0</v>
      </c>
      <c r="AS24" s="278">
        <v>81</v>
      </c>
      <c r="AT24" s="283">
        <v>81</v>
      </c>
      <c r="AU24" s="277">
        <v>0</v>
      </c>
      <c r="AV24" s="281">
        <v>0</v>
      </c>
      <c r="AW24" s="278">
        <v>0</v>
      </c>
      <c r="AX24" s="280">
        <v>0</v>
      </c>
      <c r="AY24" s="281">
        <v>72</v>
      </c>
      <c r="AZ24" s="281">
        <v>33</v>
      </c>
      <c r="BA24" s="281">
        <v>15</v>
      </c>
      <c r="BB24" s="281">
        <v>59</v>
      </c>
      <c r="BC24" s="281">
        <v>35</v>
      </c>
      <c r="BD24" s="282">
        <v>214</v>
      </c>
      <c r="BE24" s="283">
        <v>214</v>
      </c>
      <c r="BF24" s="277">
        <v>0</v>
      </c>
      <c r="BG24" s="281">
        <v>0</v>
      </c>
      <c r="BH24" s="278">
        <v>0</v>
      </c>
      <c r="BI24" s="280">
        <v>0</v>
      </c>
      <c r="BJ24" s="281">
        <v>0</v>
      </c>
      <c r="BK24" s="281">
        <v>4</v>
      </c>
      <c r="BL24" s="281">
        <v>0</v>
      </c>
      <c r="BM24" s="281">
        <v>6</v>
      </c>
      <c r="BN24" s="281">
        <v>0</v>
      </c>
      <c r="BO24" s="278">
        <v>10</v>
      </c>
      <c r="BP24" s="283">
        <v>10</v>
      </c>
      <c r="BQ24" s="277">
        <v>0</v>
      </c>
      <c r="BR24" s="281">
        <v>0</v>
      </c>
      <c r="BS24" s="278">
        <v>0</v>
      </c>
      <c r="BT24" s="280">
        <v>0</v>
      </c>
      <c r="BU24" s="281">
        <v>0</v>
      </c>
      <c r="BV24" s="281">
        <v>0</v>
      </c>
      <c r="BW24" s="281">
        <v>0</v>
      </c>
      <c r="BX24" s="281">
        <v>0</v>
      </c>
      <c r="BY24" s="281">
        <v>0</v>
      </c>
      <c r="BZ24" s="278">
        <v>0</v>
      </c>
      <c r="CA24" s="283">
        <v>0</v>
      </c>
      <c r="CB24" s="277">
        <v>0</v>
      </c>
      <c r="CC24" s="281">
        <v>0</v>
      </c>
      <c r="CD24" s="278">
        <v>0</v>
      </c>
      <c r="CE24" s="280">
        <v>0</v>
      </c>
      <c r="CF24" s="281">
        <v>0</v>
      </c>
      <c r="CG24" s="281">
        <v>0</v>
      </c>
      <c r="CH24" s="281">
        <v>0</v>
      </c>
      <c r="CI24" s="281">
        <v>6</v>
      </c>
      <c r="CJ24" s="281">
        <v>0</v>
      </c>
      <c r="CK24" s="278">
        <v>6</v>
      </c>
      <c r="CL24" s="283">
        <v>6</v>
      </c>
      <c r="CM24" s="277">
        <v>0</v>
      </c>
      <c r="CN24" s="281">
        <v>0</v>
      </c>
      <c r="CO24" s="278">
        <v>0</v>
      </c>
      <c r="CP24" s="280">
        <v>0</v>
      </c>
      <c r="CQ24" s="281">
        <v>0</v>
      </c>
      <c r="CR24" s="281">
        <v>0</v>
      </c>
      <c r="CS24" s="281">
        <v>0</v>
      </c>
      <c r="CT24" s="281">
        <v>0</v>
      </c>
      <c r="CU24" s="281">
        <v>0</v>
      </c>
      <c r="CV24" s="278">
        <v>0</v>
      </c>
      <c r="CW24" s="283">
        <v>0</v>
      </c>
      <c r="CX24" s="277">
        <v>0</v>
      </c>
      <c r="CY24" s="281">
        <v>0</v>
      </c>
      <c r="CZ24" s="278">
        <v>0</v>
      </c>
      <c r="DA24" s="280">
        <v>0</v>
      </c>
      <c r="DB24" s="281">
        <v>0</v>
      </c>
      <c r="DC24" s="281">
        <v>0</v>
      </c>
      <c r="DD24" s="281">
        <v>0</v>
      </c>
      <c r="DE24" s="281">
        <v>0</v>
      </c>
      <c r="DF24" s="281">
        <v>0</v>
      </c>
      <c r="DG24" s="278">
        <v>0</v>
      </c>
      <c r="DH24" s="283">
        <v>0</v>
      </c>
    </row>
    <row r="25" spans="2:112" ht="18.75" customHeight="1" x14ac:dyDescent="0.2">
      <c r="B25" s="262" t="s">
        <v>23</v>
      </c>
      <c r="C25" s="277">
        <v>0</v>
      </c>
      <c r="D25" s="278">
        <v>0</v>
      </c>
      <c r="E25" s="279">
        <v>0</v>
      </c>
      <c r="F25" s="280">
        <v>0</v>
      </c>
      <c r="G25" s="281">
        <v>4</v>
      </c>
      <c r="H25" s="281">
        <v>217</v>
      </c>
      <c r="I25" s="281">
        <v>162</v>
      </c>
      <c r="J25" s="281">
        <v>15</v>
      </c>
      <c r="K25" s="281">
        <v>37</v>
      </c>
      <c r="L25" s="282">
        <v>435</v>
      </c>
      <c r="M25" s="283">
        <v>435</v>
      </c>
      <c r="N25" s="277">
        <v>0</v>
      </c>
      <c r="O25" s="281">
        <v>0</v>
      </c>
      <c r="P25" s="278">
        <v>0</v>
      </c>
      <c r="Q25" s="280">
        <v>0</v>
      </c>
      <c r="R25" s="281">
        <v>0</v>
      </c>
      <c r="S25" s="281">
        <v>4</v>
      </c>
      <c r="T25" s="281">
        <v>3</v>
      </c>
      <c r="U25" s="281">
        <v>4</v>
      </c>
      <c r="V25" s="281">
        <v>0</v>
      </c>
      <c r="W25" s="278">
        <v>11</v>
      </c>
      <c r="X25" s="283">
        <v>11</v>
      </c>
      <c r="Y25" s="277">
        <v>20</v>
      </c>
      <c r="Z25" s="281">
        <v>6</v>
      </c>
      <c r="AA25" s="278">
        <v>26</v>
      </c>
      <c r="AB25" s="280">
        <v>0</v>
      </c>
      <c r="AC25" s="281">
        <v>89</v>
      </c>
      <c r="AD25" s="281">
        <v>74</v>
      </c>
      <c r="AE25" s="281">
        <v>82</v>
      </c>
      <c r="AF25" s="281">
        <v>41</v>
      </c>
      <c r="AG25" s="281">
        <v>7</v>
      </c>
      <c r="AH25" s="278">
        <v>293</v>
      </c>
      <c r="AI25" s="283">
        <v>319</v>
      </c>
      <c r="AJ25" s="277">
        <v>0</v>
      </c>
      <c r="AK25" s="281">
        <v>12</v>
      </c>
      <c r="AL25" s="278">
        <v>12</v>
      </c>
      <c r="AM25" s="280">
        <v>0</v>
      </c>
      <c r="AN25" s="281">
        <v>0</v>
      </c>
      <c r="AO25" s="281">
        <v>36</v>
      </c>
      <c r="AP25" s="281">
        <v>0</v>
      </c>
      <c r="AQ25" s="281">
        <v>0</v>
      </c>
      <c r="AR25" s="281">
        <v>0</v>
      </c>
      <c r="AS25" s="278">
        <v>36</v>
      </c>
      <c r="AT25" s="283">
        <v>48</v>
      </c>
      <c r="AU25" s="277">
        <v>0</v>
      </c>
      <c r="AV25" s="281">
        <v>0</v>
      </c>
      <c r="AW25" s="278">
        <v>0</v>
      </c>
      <c r="AX25" s="280">
        <v>0</v>
      </c>
      <c r="AY25" s="281">
        <v>66</v>
      </c>
      <c r="AZ25" s="281">
        <v>116</v>
      </c>
      <c r="BA25" s="281">
        <v>46</v>
      </c>
      <c r="BB25" s="281">
        <v>51</v>
      </c>
      <c r="BC25" s="281">
        <v>0</v>
      </c>
      <c r="BD25" s="282">
        <v>279</v>
      </c>
      <c r="BE25" s="283">
        <v>279</v>
      </c>
      <c r="BF25" s="277">
        <v>0</v>
      </c>
      <c r="BG25" s="281">
        <v>0</v>
      </c>
      <c r="BH25" s="278">
        <v>0</v>
      </c>
      <c r="BI25" s="280">
        <v>0</v>
      </c>
      <c r="BJ25" s="281">
        <v>0</v>
      </c>
      <c r="BK25" s="281">
        <v>47</v>
      </c>
      <c r="BL25" s="281">
        <v>49</v>
      </c>
      <c r="BM25" s="281">
        <v>18</v>
      </c>
      <c r="BN25" s="281">
        <v>0</v>
      </c>
      <c r="BO25" s="278">
        <v>114</v>
      </c>
      <c r="BP25" s="283">
        <v>114</v>
      </c>
      <c r="BQ25" s="277">
        <v>0</v>
      </c>
      <c r="BR25" s="281">
        <v>0</v>
      </c>
      <c r="BS25" s="278">
        <v>0</v>
      </c>
      <c r="BT25" s="280">
        <v>0</v>
      </c>
      <c r="BU25" s="281">
        <v>19</v>
      </c>
      <c r="BV25" s="281">
        <v>4</v>
      </c>
      <c r="BW25" s="281">
        <v>8</v>
      </c>
      <c r="BX25" s="281">
        <v>22</v>
      </c>
      <c r="BY25" s="281">
        <v>12</v>
      </c>
      <c r="BZ25" s="278">
        <v>65</v>
      </c>
      <c r="CA25" s="283">
        <v>65</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row>
    <row r="26" spans="2:112" ht="18.75" customHeight="1" x14ac:dyDescent="0.2">
      <c r="B26" s="262" t="s">
        <v>24</v>
      </c>
      <c r="C26" s="277">
        <v>0</v>
      </c>
      <c r="D26" s="278">
        <v>0</v>
      </c>
      <c r="E26" s="279">
        <v>0</v>
      </c>
      <c r="F26" s="280">
        <v>0</v>
      </c>
      <c r="G26" s="281">
        <v>72</v>
      </c>
      <c r="H26" s="281">
        <v>85</v>
      </c>
      <c r="I26" s="281">
        <v>51</v>
      </c>
      <c r="J26" s="281">
        <v>257</v>
      </c>
      <c r="K26" s="281">
        <v>282</v>
      </c>
      <c r="L26" s="282">
        <v>747</v>
      </c>
      <c r="M26" s="283">
        <v>747</v>
      </c>
      <c r="N26" s="277">
        <v>0</v>
      </c>
      <c r="O26" s="281">
        <v>0</v>
      </c>
      <c r="P26" s="278">
        <v>0</v>
      </c>
      <c r="Q26" s="280">
        <v>0</v>
      </c>
      <c r="R26" s="281">
        <v>0</v>
      </c>
      <c r="S26" s="281">
        <v>0</v>
      </c>
      <c r="T26" s="281">
        <v>0</v>
      </c>
      <c r="U26" s="281">
        <v>6</v>
      </c>
      <c r="V26" s="281">
        <v>26</v>
      </c>
      <c r="W26" s="278">
        <v>32</v>
      </c>
      <c r="X26" s="283">
        <v>32</v>
      </c>
      <c r="Y26" s="277">
        <v>0</v>
      </c>
      <c r="Z26" s="281">
        <v>7</v>
      </c>
      <c r="AA26" s="278">
        <v>7</v>
      </c>
      <c r="AB26" s="280">
        <v>0</v>
      </c>
      <c r="AC26" s="281">
        <v>98</v>
      </c>
      <c r="AD26" s="281">
        <v>5</v>
      </c>
      <c r="AE26" s="281">
        <v>53</v>
      </c>
      <c r="AF26" s="281">
        <v>14</v>
      </c>
      <c r="AG26" s="281">
        <v>54</v>
      </c>
      <c r="AH26" s="278">
        <v>224</v>
      </c>
      <c r="AI26" s="283">
        <v>231</v>
      </c>
      <c r="AJ26" s="277">
        <v>0</v>
      </c>
      <c r="AK26" s="281">
        <v>0</v>
      </c>
      <c r="AL26" s="278">
        <v>0</v>
      </c>
      <c r="AM26" s="280">
        <v>0</v>
      </c>
      <c r="AN26" s="281">
        <v>0</v>
      </c>
      <c r="AO26" s="281">
        <v>0</v>
      </c>
      <c r="AP26" s="281">
        <v>0</v>
      </c>
      <c r="AQ26" s="281">
        <v>4</v>
      </c>
      <c r="AR26" s="281">
        <v>12</v>
      </c>
      <c r="AS26" s="278">
        <v>16</v>
      </c>
      <c r="AT26" s="283">
        <v>16</v>
      </c>
      <c r="AU26" s="277">
        <v>0</v>
      </c>
      <c r="AV26" s="281">
        <v>0</v>
      </c>
      <c r="AW26" s="278">
        <v>0</v>
      </c>
      <c r="AX26" s="280">
        <v>0</v>
      </c>
      <c r="AY26" s="281">
        <v>83</v>
      </c>
      <c r="AZ26" s="281">
        <v>68</v>
      </c>
      <c r="BA26" s="281">
        <v>0</v>
      </c>
      <c r="BB26" s="281">
        <v>8</v>
      </c>
      <c r="BC26" s="281">
        <v>0</v>
      </c>
      <c r="BD26" s="282">
        <v>159</v>
      </c>
      <c r="BE26" s="283">
        <v>159</v>
      </c>
      <c r="BF26" s="277">
        <v>0</v>
      </c>
      <c r="BG26" s="281">
        <v>0</v>
      </c>
      <c r="BH26" s="278">
        <v>0</v>
      </c>
      <c r="BI26" s="280">
        <v>0</v>
      </c>
      <c r="BJ26" s="281">
        <v>46</v>
      </c>
      <c r="BK26" s="281">
        <v>21</v>
      </c>
      <c r="BL26" s="281">
        <v>8</v>
      </c>
      <c r="BM26" s="281">
        <v>21</v>
      </c>
      <c r="BN26" s="281">
        <v>15</v>
      </c>
      <c r="BO26" s="278">
        <v>111</v>
      </c>
      <c r="BP26" s="283">
        <v>111</v>
      </c>
      <c r="BQ26" s="277">
        <v>0</v>
      </c>
      <c r="BR26" s="281">
        <v>0</v>
      </c>
      <c r="BS26" s="278">
        <v>0</v>
      </c>
      <c r="BT26" s="280">
        <v>0</v>
      </c>
      <c r="BU26" s="281">
        <v>0</v>
      </c>
      <c r="BV26" s="281">
        <v>16</v>
      </c>
      <c r="BW26" s="281">
        <v>0</v>
      </c>
      <c r="BX26" s="281">
        <v>30</v>
      </c>
      <c r="BY26" s="281">
        <v>6</v>
      </c>
      <c r="BZ26" s="278">
        <v>52</v>
      </c>
      <c r="CA26" s="283">
        <v>52</v>
      </c>
      <c r="CB26" s="277">
        <v>0</v>
      </c>
      <c r="CC26" s="281">
        <v>0</v>
      </c>
      <c r="CD26" s="278">
        <v>0</v>
      </c>
      <c r="CE26" s="280">
        <v>0</v>
      </c>
      <c r="CF26" s="281">
        <v>0</v>
      </c>
      <c r="CG26" s="281">
        <v>0</v>
      </c>
      <c r="CH26" s="281">
        <v>0</v>
      </c>
      <c r="CI26" s="281">
        <v>12</v>
      </c>
      <c r="CJ26" s="281">
        <v>0</v>
      </c>
      <c r="CK26" s="278">
        <v>12</v>
      </c>
      <c r="CL26" s="283">
        <v>12</v>
      </c>
      <c r="CM26" s="277">
        <v>0</v>
      </c>
      <c r="CN26" s="281">
        <v>0</v>
      </c>
      <c r="CO26" s="278">
        <v>0</v>
      </c>
      <c r="CP26" s="280">
        <v>0</v>
      </c>
      <c r="CQ26" s="281">
        <v>0</v>
      </c>
      <c r="CR26" s="281">
        <v>0</v>
      </c>
      <c r="CS26" s="281">
        <v>0</v>
      </c>
      <c r="CT26" s="281">
        <v>0</v>
      </c>
      <c r="CU26" s="281">
        <v>0</v>
      </c>
      <c r="CV26" s="278">
        <v>0</v>
      </c>
      <c r="CW26" s="283">
        <v>0</v>
      </c>
      <c r="CX26" s="277">
        <v>0</v>
      </c>
      <c r="CY26" s="281">
        <v>0</v>
      </c>
      <c r="CZ26" s="278">
        <v>0</v>
      </c>
      <c r="DA26" s="280">
        <v>0</v>
      </c>
      <c r="DB26" s="281">
        <v>0</v>
      </c>
      <c r="DC26" s="281">
        <v>0</v>
      </c>
      <c r="DD26" s="281">
        <v>0</v>
      </c>
      <c r="DE26" s="281">
        <v>0</v>
      </c>
      <c r="DF26" s="281">
        <v>0</v>
      </c>
      <c r="DG26" s="278">
        <v>0</v>
      </c>
      <c r="DH26" s="283">
        <v>0</v>
      </c>
    </row>
    <row r="27" spans="2:112" ht="18.75" customHeight="1" x14ac:dyDescent="0.2">
      <c r="B27" s="262" t="s">
        <v>25</v>
      </c>
      <c r="C27" s="277">
        <v>0</v>
      </c>
      <c r="D27" s="278">
        <v>0</v>
      </c>
      <c r="E27" s="279">
        <v>0</v>
      </c>
      <c r="F27" s="280">
        <v>0</v>
      </c>
      <c r="G27" s="281">
        <v>43</v>
      </c>
      <c r="H27" s="281">
        <v>32</v>
      </c>
      <c r="I27" s="281">
        <v>26</v>
      </c>
      <c r="J27" s="281">
        <v>13</v>
      </c>
      <c r="K27" s="281">
        <v>5</v>
      </c>
      <c r="L27" s="282">
        <v>119</v>
      </c>
      <c r="M27" s="283">
        <v>119</v>
      </c>
      <c r="N27" s="277">
        <v>0</v>
      </c>
      <c r="O27" s="281">
        <v>0</v>
      </c>
      <c r="P27" s="278">
        <v>0</v>
      </c>
      <c r="Q27" s="280">
        <v>0</v>
      </c>
      <c r="R27" s="281">
        <v>0</v>
      </c>
      <c r="S27" s="281">
        <v>5</v>
      </c>
      <c r="T27" s="281">
        <v>0</v>
      </c>
      <c r="U27" s="281">
        <v>0</v>
      </c>
      <c r="V27" s="281">
        <v>16</v>
      </c>
      <c r="W27" s="278">
        <v>21</v>
      </c>
      <c r="X27" s="283">
        <v>21</v>
      </c>
      <c r="Y27" s="277">
        <v>4</v>
      </c>
      <c r="Z27" s="281">
        <v>15</v>
      </c>
      <c r="AA27" s="278">
        <v>19</v>
      </c>
      <c r="AB27" s="280">
        <v>0</v>
      </c>
      <c r="AC27" s="281">
        <v>21</v>
      </c>
      <c r="AD27" s="281">
        <v>11</v>
      </c>
      <c r="AE27" s="281">
        <v>8</v>
      </c>
      <c r="AF27" s="281">
        <v>11</v>
      </c>
      <c r="AG27" s="281">
        <v>18</v>
      </c>
      <c r="AH27" s="278">
        <v>69</v>
      </c>
      <c r="AI27" s="283">
        <v>88</v>
      </c>
      <c r="AJ27" s="277">
        <v>0</v>
      </c>
      <c r="AK27" s="281">
        <v>0</v>
      </c>
      <c r="AL27" s="278">
        <v>0</v>
      </c>
      <c r="AM27" s="280">
        <v>0</v>
      </c>
      <c r="AN27" s="281">
        <v>0</v>
      </c>
      <c r="AO27" s="281">
        <v>0</v>
      </c>
      <c r="AP27" s="281">
        <v>0</v>
      </c>
      <c r="AQ27" s="281">
        <v>0</v>
      </c>
      <c r="AR27" s="281">
        <v>0</v>
      </c>
      <c r="AS27" s="278">
        <v>0</v>
      </c>
      <c r="AT27" s="283">
        <v>0</v>
      </c>
      <c r="AU27" s="277">
        <v>0</v>
      </c>
      <c r="AV27" s="281">
        <v>0</v>
      </c>
      <c r="AW27" s="278">
        <v>0</v>
      </c>
      <c r="AX27" s="280">
        <v>0</v>
      </c>
      <c r="AY27" s="281">
        <v>65</v>
      </c>
      <c r="AZ27" s="281">
        <v>49</v>
      </c>
      <c r="BA27" s="281">
        <v>22</v>
      </c>
      <c r="BB27" s="281">
        <v>31</v>
      </c>
      <c r="BC27" s="281">
        <v>0</v>
      </c>
      <c r="BD27" s="282">
        <v>167</v>
      </c>
      <c r="BE27" s="283">
        <v>167</v>
      </c>
      <c r="BF27" s="277">
        <v>0</v>
      </c>
      <c r="BG27" s="281">
        <v>0</v>
      </c>
      <c r="BH27" s="278">
        <v>0</v>
      </c>
      <c r="BI27" s="280">
        <v>0</v>
      </c>
      <c r="BJ27" s="281">
        <v>3</v>
      </c>
      <c r="BK27" s="281">
        <v>49</v>
      </c>
      <c r="BL27" s="281">
        <v>17</v>
      </c>
      <c r="BM27" s="281">
        <v>22</v>
      </c>
      <c r="BN27" s="281">
        <v>0</v>
      </c>
      <c r="BO27" s="278">
        <v>91</v>
      </c>
      <c r="BP27" s="283">
        <v>91</v>
      </c>
      <c r="BQ27" s="277">
        <v>0</v>
      </c>
      <c r="BR27" s="281">
        <v>0</v>
      </c>
      <c r="BS27" s="278">
        <v>0</v>
      </c>
      <c r="BT27" s="280">
        <v>0</v>
      </c>
      <c r="BU27" s="281">
        <v>12</v>
      </c>
      <c r="BV27" s="281">
        <v>7</v>
      </c>
      <c r="BW27" s="281">
        <v>7</v>
      </c>
      <c r="BX27" s="281">
        <v>4</v>
      </c>
      <c r="BY27" s="281">
        <v>0</v>
      </c>
      <c r="BZ27" s="278">
        <v>30</v>
      </c>
      <c r="CA27" s="283">
        <v>30</v>
      </c>
      <c r="CB27" s="277">
        <v>0</v>
      </c>
      <c r="CC27" s="281">
        <v>0</v>
      </c>
      <c r="CD27" s="278">
        <v>0</v>
      </c>
      <c r="CE27" s="280">
        <v>0</v>
      </c>
      <c r="CF27" s="281">
        <v>0</v>
      </c>
      <c r="CG27" s="281">
        <v>0</v>
      </c>
      <c r="CH27" s="281">
        <v>0</v>
      </c>
      <c r="CI27" s="281">
        <v>0</v>
      </c>
      <c r="CJ27" s="281">
        <v>0</v>
      </c>
      <c r="CK27" s="278">
        <v>0</v>
      </c>
      <c r="CL27" s="283">
        <v>0</v>
      </c>
      <c r="CM27" s="277">
        <v>0</v>
      </c>
      <c r="CN27" s="281">
        <v>0</v>
      </c>
      <c r="CO27" s="278">
        <v>0</v>
      </c>
      <c r="CP27" s="280">
        <v>0</v>
      </c>
      <c r="CQ27" s="281">
        <v>0</v>
      </c>
      <c r="CR27" s="281">
        <v>0</v>
      </c>
      <c r="CS27" s="281">
        <v>0</v>
      </c>
      <c r="CT27" s="281">
        <v>0</v>
      </c>
      <c r="CU27" s="281">
        <v>0</v>
      </c>
      <c r="CV27" s="278">
        <v>0</v>
      </c>
      <c r="CW27" s="283">
        <v>0</v>
      </c>
      <c r="CX27" s="277">
        <v>0</v>
      </c>
      <c r="CY27" s="281">
        <v>0</v>
      </c>
      <c r="CZ27" s="278">
        <v>0</v>
      </c>
      <c r="DA27" s="280">
        <v>0</v>
      </c>
      <c r="DB27" s="281">
        <v>0</v>
      </c>
      <c r="DC27" s="281">
        <v>0</v>
      </c>
      <c r="DD27" s="281">
        <v>0</v>
      </c>
      <c r="DE27" s="281">
        <v>0</v>
      </c>
      <c r="DF27" s="281">
        <v>0</v>
      </c>
      <c r="DG27" s="278">
        <v>0</v>
      </c>
      <c r="DH27" s="283">
        <v>0</v>
      </c>
    </row>
    <row r="28" spans="2:112" ht="18.75" customHeight="1" x14ac:dyDescent="0.2">
      <c r="B28" s="262" t="s">
        <v>26</v>
      </c>
      <c r="C28" s="277">
        <v>0</v>
      </c>
      <c r="D28" s="278">
        <v>0</v>
      </c>
      <c r="E28" s="279">
        <v>0</v>
      </c>
      <c r="F28" s="280">
        <v>0</v>
      </c>
      <c r="G28" s="281">
        <v>101</v>
      </c>
      <c r="H28" s="281">
        <v>101</v>
      </c>
      <c r="I28" s="281">
        <v>90</v>
      </c>
      <c r="J28" s="281">
        <v>75</v>
      </c>
      <c r="K28" s="281">
        <v>148</v>
      </c>
      <c r="L28" s="282">
        <v>515</v>
      </c>
      <c r="M28" s="283">
        <v>515</v>
      </c>
      <c r="N28" s="277">
        <v>0</v>
      </c>
      <c r="O28" s="281">
        <v>0</v>
      </c>
      <c r="P28" s="278">
        <v>0</v>
      </c>
      <c r="Q28" s="280">
        <v>0</v>
      </c>
      <c r="R28" s="281">
        <v>0</v>
      </c>
      <c r="S28" s="281">
        <v>0</v>
      </c>
      <c r="T28" s="281">
        <v>0</v>
      </c>
      <c r="U28" s="281">
        <v>1</v>
      </c>
      <c r="V28" s="281">
        <v>22</v>
      </c>
      <c r="W28" s="278">
        <v>23</v>
      </c>
      <c r="X28" s="283">
        <v>23</v>
      </c>
      <c r="Y28" s="277">
        <v>0</v>
      </c>
      <c r="Z28" s="281">
        <v>17</v>
      </c>
      <c r="AA28" s="278">
        <v>17</v>
      </c>
      <c r="AB28" s="280">
        <v>0</v>
      </c>
      <c r="AC28" s="281">
        <v>9</v>
      </c>
      <c r="AD28" s="281">
        <v>65</v>
      </c>
      <c r="AE28" s="281">
        <v>11</v>
      </c>
      <c r="AF28" s="281">
        <v>21</v>
      </c>
      <c r="AG28" s="281">
        <v>42</v>
      </c>
      <c r="AH28" s="278">
        <v>148</v>
      </c>
      <c r="AI28" s="283">
        <v>165</v>
      </c>
      <c r="AJ28" s="277">
        <v>0</v>
      </c>
      <c r="AK28" s="281">
        <v>0</v>
      </c>
      <c r="AL28" s="278">
        <v>0</v>
      </c>
      <c r="AM28" s="280">
        <v>0</v>
      </c>
      <c r="AN28" s="281">
        <v>0</v>
      </c>
      <c r="AO28" s="281">
        <v>0</v>
      </c>
      <c r="AP28" s="281">
        <v>20</v>
      </c>
      <c r="AQ28" s="281">
        <v>0</v>
      </c>
      <c r="AR28" s="281">
        <v>0</v>
      </c>
      <c r="AS28" s="278">
        <v>20</v>
      </c>
      <c r="AT28" s="283">
        <v>20</v>
      </c>
      <c r="AU28" s="277">
        <v>0</v>
      </c>
      <c r="AV28" s="281">
        <v>0</v>
      </c>
      <c r="AW28" s="278">
        <v>0</v>
      </c>
      <c r="AX28" s="280">
        <v>0</v>
      </c>
      <c r="AY28" s="281">
        <v>89</v>
      </c>
      <c r="AZ28" s="281">
        <v>35</v>
      </c>
      <c r="BA28" s="281">
        <v>19</v>
      </c>
      <c r="BB28" s="281">
        <v>0</v>
      </c>
      <c r="BC28" s="281">
        <v>0</v>
      </c>
      <c r="BD28" s="282">
        <v>143</v>
      </c>
      <c r="BE28" s="283">
        <v>143</v>
      </c>
      <c r="BF28" s="277">
        <v>0</v>
      </c>
      <c r="BG28" s="281">
        <v>0</v>
      </c>
      <c r="BH28" s="278">
        <v>0</v>
      </c>
      <c r="BI28" s="280">
        <v>0</v>
      </c>
      <c r="BJ28" s="281">
        <v>20</v>
      </c>
      <c r="BK28" s="281">
        <v>46</v>
      </c>
      <c r="BL28" s="281">
        <v>19</v>
      </c>
      <c r="BM28" s="281">
        <v>0</v>
      </c>
      <c r="BN28" s="281">
        <v>0</v>
      </c>
      <c r="BO28" s="278">
        <v>85</v>
      </c>
      <c r="BP28" s="283">
        <v>85</v>
      </c>
      <c r="BQ28" s="277">
        <v>0</v>
      </c>
      <c r="BR28" s="281">
        <v>0</v>
      </c>
      <c r="BS28" s="278">
        <v>0</v>
      </c>
      <c r="BT28" s="280">
        <v>0</v>
      </c>
      <c r="BU28" s="281">
        <v>22</v>
      </c>
      <c r="BV28" s="281">
        <v>0</v>
      </c>
      <c r="BW28" s="281">
        <v>12</v>
      </c>
      <c r="BX28" s="281">
        <v>0</v>
      </c>
      <c r="BY28" s="281">
        <v>0</v>
      </c>
      <c r="BZ28" s="278">
        <v>34</v>
      </c>
      <c r="CA28" s="283">
        <v>34</v>
      </c>
      <c r="CB28" s="277">
        <v>0</v>
      </c>
      <c r="CC28" s="281">
        <v>0</v>
      </c>
      <c r="CD28" s="278">
        <v>0</v>
      </c>
      <c r="CE28" s="280">
        <v>0</v>
      </c>
      <c r="CF28" s="281">
        <v>0</v>
      </c>
      <c r="CG28" s="281">
        <v>4</v>
      </c>
      <c r="CH28" s="281">
        <v>0</v>
      </c>
      <c r="CI28" s="281">
        <v>0</v>
      </c>
      <c r="CJ28" s="281">
        <v>0</v>
      </c>
      <c r="CK28" s="278">
        <v>4</v>
      </c>
      <c r="CL28" s="283">
        <v>4</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row>
    <row r="29" spans="2:112" ht="18.75" customHeight="1" x14ac:dyDescent="0.2">
      <c r="B29" s="262" t="s">
        <v>27</v>
      </c>
      <c r="C29" s="277">
        <v>0</v>
      </c>
      <c r="D29" s="278">
        <v>0</v>
      </c>
      <c r="E29" s="279">
        <v>0</v>
      </c>
      <c r="F29" s="280">
        <v>0</v>
      </c>
      <c r="G29" s="281">
        <v>0</v>
      </c>
      <c r="H29" s="281">
        <v>45</v>
      </c>
      <c r="I29" s="281">
        <v>70</v>
      </c>
      <c r="J29" s="281">
        <v>0</v>
      </c>
      <c r="K29" s="281">
        <v>180</v>
      </c>
      <c r="L29" s="282">
        <v>295</v>
      </c>
      <c r="M29" s="283">
        <v>295</v>
      </c>
      <c r="N29" s="277">
        <v>0</v>
      </c>
      <c r="O29" s="281">
        <v>0</v>
      </c>
      <c r="P29" s="278">
        <v>0</v>
      </c>
      <c r="Q29" s="280">
        <v>0</v>
      </c>
      <c r="R29" s="281">
        <v>0</v>
      </c>
      <c r="S29" s="281">
        <v>0</v>
      </c>
      <c r="T29" s="281">
        <v>0</v>
      </c>
      <c r="U29" s="281">
        <v>0</v>
      </c>
      <c r="V29" s="281">
        <v>0</v>
      </c>
      <c r="W29" s="278">
        <v>0</v>
      </c>
      <c r="X29" s="283">
        <v>0</v>
      </c>
      <c r="Y29" s="277">
        <v>34</v>
      </c>
      <c r="Z29" s="281">
        <v>10</v>
      </c>
      <c r="AA29" s="278">
        <v>44</v>
      </c>
      <c r="AB29" s="280">
        <v>0</v>
      </c>
      <c r="AC29" s="281">
        <v>12</v>
      </c>
      <c r="AD29" s="281">
        <v>14</v>
      </c>
      <c r="AE29" s="281">
        <v>10</v>
      </c>
      <c r="AF29" s="281">
        <v>3</v>
      </c>
      <c r="AG29" s="281">
        <v>10</v>
      </c>
      <c r="AH29" s="278">
        <v>49</v>
      </c>
      <c r="AI29" s="283">
        <v>93</v>
      </c>
      <c r="AJ29" s="277">
        <v>0</v>
      </c>
      <c r="AK29" s="281">
        <v>25</v>
      </c>
      <c r="AL29" s="278">
        <v>25</v>
      </c>
      <c r="AM29" s="280">
        <v>0</v>
      </c>
      <c r="AN29" s="281">
        <v>0</v>
      </c>
      <c r="AO29" s="281">
        <v>0</v>
      </c>
      <c r="AP29" s="281">
        <v>0</v>
      </c>
      <c r="AQ29" s="281">
        <v>0</v>
      </c>
      <c r="AR29" s="281">
        <v>0</v>
      </c>
      <c r="AS29" s="278">
        <v>0</v>
      </c>
      <c r="AT29" s="283">
        <v>25</v>
      </c>
      <c r="AU29" s="277">
        <v>0</v>
      </c>
      <c r="AV29" s="281">
        <v>0</v>
      </c>
      <c r="AW29" s="278">
        <v>0</v>
      </c>
      <c r="AX29" s="280">
        <v>0</v>
      </c>
      <c r="AY29" s="281">
        <v>0</v>
      </c>
      <c r="AZ29" s="281">
        <v>0</v>
      </c>
      <c r="BA29" s="281">
        <v>38</v>
      </c>
      <c r="BB29" s="281">
        <v>9</v>
      </c>
      <c r="BC29" s="281">
        <v>0</v>
      </c>
      <c r="BD29" s="282">
        <v>47</v>
      </c>
      <c r="BE29" s="283">
        <v>47</v>
      </c>
      <c r="BF29" s="277">
        <v>0</v>
      </c>
      <c r="BG29" s="281">
        <v>0</v>
      </c>
      <c r="BH29" s="278">
        <v>0</v>
      </c>
      <c r="BI29" s="280">
        <v>0</v>
      </c>
      <c r="BJ29" s="281">
        <v>0</v>
      </c>
      <c r="BK29" s="281">
        <v>4</v>
      </c>
      <c r="BL29" s="281">
        <v>9</v>
      </c>
      <c r="BM29" s="281">
        <v>0</v>
      </c>
      <c r="BN29" s="281">
        <v>0</v>
      </c>
      <c r="BO29" s="278">
        <v>13</v>
      </c>
      <c r="BP29" s="283">
        <v>13</v>
      </c>
      <c r="BQ29" s="277">
        <v>0</v>
      </c>
      <c r="BR29" s="281">
        <v>3</v>
      </c>
      <c r="BS29" s="278">
        <v>3</v>
      </c>
      <c r="BT29" s="280">
        <v>0</v>
      </c>
      <c r="BU29" s="281">
        <v>0</v>
      </c>
      <c r="BV29" s="281">
        <v>0</v>
      </c>
      <c r="BW29" s="281">
        <v>21</v>
      </c>
      <c r="BX29" s="281">
        <v>2</v>
      </c>
      <c r="BY29" s="281">
        <v>0</v>
      </c>
      <c r="BZ29" s="278">
        <v>23</v>
      </c>
      <c r="CA29" s="283">
        <v>26</v>
      </c>
      <c r="CB29" s="277">
        <v>0</v>
      </c>
      <c r="CC29" s="281">
        <v>0</v>
      </c>
      <c r="CD29" s="278">
        <v>0</v>
      </c>
      <c r="CE29" s="280">
        <v>0</v>
      </c>
      <c r="CF29" s="281">
        <v>0</v>
      </c>
      <c r="CG29" s="281">
        <v>0</v>
      </c>
      <c r="CH29" s="281">
        <v>0</v>
      </c>
      <c r="CI29" s="281">
        <v>0</v>
      </c>
      <c r="CJ29" s="281">
        <v>0</v>
      </c>
      <c r="CK29" s="278">
        <v>0</v>
      </c>
      <c r="CL29" s="283">
        <v>0</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row>
    <row r="30" spans="2:112" ht="18.75" customHeight="1" x14ac:dyDescent="0.2">
      <c r="B30" s="262" t="s">
        <v>28</v>
      </c>
      <c r="C30" s="277">
        <v>0</v>
      </c>
      <c r="D30" s="278">
        <v>0</v>
      </c>
      <c r="E30" s="279">
        <v>0</v>
      </c>
      <c r="F30" s="280">
        <v>0</v>
      </c>
      <c r="G30" s="281">
        <v>6</v>
      </c>
      <c r="H30" s="281">
        <v>28</v>
      </c>
      <c r="I30" s="281">
        <v>0</v>
      </c>
      <c r="J30" s="281">
        <v>0</v>
      </c>
      <c r="K30" s="281">
        <v>26</v>
      </c>
      <c r="L30" s="282">
        <v>60</v>
      </c>
      <c r="M30" s="283">
        <v>60</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0</v>
      </c>
      <c r="AD30" s="281">
        <v>14</v>
      </c>
      <c r="AE30" s="281">
        <v>2</v>
      </c>
      <c r="AF30" s="281">
        <v>0</v>
      </c>
      <c r="AG30" s="281">
        <v>5</v>
      </c>
      <c r="AH30" s="278">
        <v>21</v>
      </c>
      <c r="AI30" s="283">
        <v>21</v>
      </c>
      <c r="AJ30" s="277">
        <v>0</v>
      </c>
      <c r="AK30" s="281">
        <v>0</v>
      </c>
      <c r="AL30" s="278">
        <v>0</v>
      </c>
      <c r="AM30" s="280">
        <v>0</v>
      </c>
      <c r="AN30" s="281">
        <v>27</v>
      </c>
      <c r="AO30" s="281">
        <v>0</v>
      </c>
      <c r="AP30" s="281">
        <v>0</v>
      </c>
      <c r="AQ30" s="281">
        <v>0</v>
      </c>
      <c r="AR30" s="281">
        <v>0</v>
      </c>
      <c r="AS30" s="278">
        <v>27</v>
      </c>
      <c r="AT30" s="283">
        <v>27</v>
      </c>
      <c r="AU30" s="277">
        <v>0</v>
      </c>
      <c r="AV30" s="281">
        <v>0</v>
      </c>
      <c r="AW30" s="278">
        <v>0</v>
      </c>
      <c r="AX30" s="280">
        <v>0</v>
      </c>
      <c r="AY30" s="281">
        <v>11</v>
      </c>
      <c r="AZ30" s="281">
        <v>26</v>
      </c>
      <c r="BA30" s="281">
        <v>0</v>
      </c>
      <c r="BB30" s="281">
        <v>0</v>
      </c>
      <c r="BC30" s="281">
        <v>0</v>
      </c>
      <c r="BD30" s="282">
        <v>37</v>
      </c>
      <c r="BE30" s="283">
        <v>37</v>
      </c>
      <c r="BF30" s="277">
        <v>0</v>
      </c>
      <c r="BG30" s="281">
        <v>0</v>
      </c>
      <c r="BH30" s="278">
        <v>0</v>
      </c>
      <c r="BI30" s="280">
        <v>0</v>
      </c>
      <c r="BJ30" s="281">
        <v>45</v>
      </c>
      <c r="BK30" s="281">
        <v>4</v>
      </c>
      <c r="BL30" s="281">
        <v>4</v>
      </c>
      <c r="BM30" s="281">
        <v>0</v>
      </c>
      <c r="BN30" s="281">
        <v>6</v>
      </c>
      <c r="BO30" s="278">
        <v>59</v>
      </c>
      <c r="BP30" s="283">
        <v>59</v>
      </c>
      <c r="BQ30" s="277">
        <v>0</v>
      </c>
      <c r="BR30" s="281">
        <v>0</v>
      </c>
      <c r="BS30" s="278">
        <v>0</v>
      </c>
      <c r="BT30" s="280">
        <v>0</v>
      </c>
      <c r="BU30" s="281">
        <v>0</v>
      </c>
      <c r="BV30" s="281">
        <v>0</v>
      </c>
      <c r="BW30" s="281">
        <v>0</v>
      </c>
      <c r="BX30" s="281">
        <v>0</v>
      </c>
      <c r="BY30" s="281">
        <v>0</v>
      </c>
      <c r="BZ30" s="278">
        <v>0</v>
      </c>
      <c r="CA30" s="283">
        <v>0</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row>
    <row r="31" spans="2:112" ht="18.75" customHeight="1" x14ac:dyDescent="0.2">
      <c r="B31" s="262" t="s">
        <v>29</v>
      </c>
      <c r="C31" s="277">
        <v>0</v>
      </c>
      <c r="D31" s="278">
        <v>0</v>
      </c>
      <c r="E31" s="279">
        <v>0</v>
      </c>
      <c r="F31" s="280">
        <v>0</v>
      </c>
      <c r="G31" s="281">
        <v>5</v>
      </c>
      <c r="H31" s="281">
        <v>25</v>
      </c>
      <c r="I31" s="281">
        <v>0</v>
      </c>
      <c r="J31" s="281">
        <v>0</v>
      </c>
      <c r="K31" s="281">
        <v>0</v>
      </c>
      <c r="L31" s="282">
        <v>30</v>
      </c>
      <c r="M31" s="283">
        <v>30</v>
      </c>
      <c r="N31" s="277">
        <v>0</v>
      </c>
      <c r="O31" s="281">
        <v>0</v>
      </c>
      <c r="P31" s="278">
        <v>0</v>
      </c>
      <c r="Q31" s="280">
        <v>0</v>
      </c>
      <c r="R31" s="281">
        <v>0</v>
      </c>
      <c r="S31" s="281">
        <v>0</v>
      </c>
      <c r="T31" s="281">
        <v>4</v>
      </c>
      <c r="U31" s="281">
        <v>0</v>
      </c>
      <c r="V31" s="281">
        <v>0</v>
      </c>
      <c r="W31" s="278">
        <v>4</v>
      </c>
      <c r="X31" s="283">
        <v>4</v>
      </c>
      <c r="Y31" s="277">
        <v>0</v>
      </c>
      <c r="Z31" s="281">
        <v>0</v>
      </c>
      <c r="AA31" s="278">
        <v>0</v>
      </c>
      <c r="AB31" s="280">
        <v>0</v>
      </c>
      <c r="AC31" s="281">
        <v>16</v>
      </c>
      <c r="AD31" s="281">
        <v>16</v>
      </c>
      <c r="AE31" s="281">
        <v>48</v>
      </c>
      <c r="AF31" s="281">
        <v>0</v>
      </c>
      <c r="AG31" s="281">
        <v>0</v>
      </c>
      <c r="AH31" s="278">
        <v>80</v>
      </c>
      <c r="AI31" s="283">
        <v>80</v>
      </c>
      <c r="AJ31" s="277">
        <v>0</v>
      </c>
      <c r="AK31" s="281">
        <v>0</v>
      </c>
      <c r="AL31" s="278">
        <v>0</v>
      </c>
      <c r="AM31" s="280">
        <v>0</v>
      </c>
      <c r="AN31" s="281">
        <v>0</v>
      </c>
      <c r="AO31" s="281">
        <v>15</v>
      </c>
      <c r="AP31" s="281">
        <v>0</v>
      </c>
      <c r="AQ31" s="281">
        <v>0</v>
      </c>
      <c r="AR31" s="281">
        <v>0</v>
      </c>
      <c r="AS31" s="278">
        <v>15</v>
      </c>
      <c r="AT31" s="283">
        <v>15</v>
      </c>
      <c r="AU31" s="277">
        <v>0</v>
      </c>
      <c r="AV31" s="281">
        <v>0</v>
      </c>
      <c r="AW31" s="278">
        <v>0</v>
      </c>
      <c r="AX31" s="280">
        <v>0</v>
      </c>
      <c r="AY31" s="281">
        <v>4</v>
      </c>
      <c r="AZ31" s="281">
        <v>0</v>
      </c>
      <c r="BA31" s="281">
        <v>5</v>
      </c>
      <c r="BB31" s="281">
        <v>0</v>
      </c>
      <c r="BC31" s="281">
        <v>0</v>
      </c>
      <c r="BD31" s="282">
        <v>9</v>
      </c>
      <c r="BE31" s="283">
        <v>9</v>
      </c>
      <c r="BF31" s="277">
        <v>0</v>
      </c>
      <c r="BG31" s="281">
        <v>0</v>
      </c>
      <c r="BH31" s="278">
        <v>0</v>
      </c>
      <c r="BI31" s="280">
        <v>0</v>
      </c>
      <c r="BJ31" s="281">
        <v>0</v>
      </c>
      <c r="BK31" s="281">
        <v>8</v>
      </c>
      <c r="BL31" s="281">
        <v>13</v>
      </c>
      <c r="BM31" s="281">
        <v>0</v>
      </c>
      <c r="BN31" s="281">
        <v>0</v>
      </c>
      <c r="BO31" s="278">
        <v>21</v>
      </c>
      <c r="BP31" s="283">
        <v>21</v>
      </c>
      <c r="BQ31" s="277">
        <v>0</v>
      </c>
      <c r="BR31" s="281">
        <v>0</v>
      </c>
      <c r="BS31" s="278">
        <v>0</v>
      </c>
      <c r="BT31" s="280">
        <v>0</v>
      </c>
      <c r="BU31" s="281">
        <v>0</v>
      </c>
      <c r="BV31" s="281">
        <v>0</v>
      </c>
      <c r="BW31" s="281">
        <v>0</v>
      </c>
      <c r="BX31" s="281">
        <v>0</v>
      </c>
      <c r="BY31" s="281">
        <v>3</v>
      </c>
      <c r="BZ31" s="278">
        <v>3</v>
      </c>
      <c r="CA31" s="283">
        <v>3</v>
      </c>
      <c r="CB31" s="277">
        <v>0</v>
      </c>
      <c r="CC31" s="281">
        <v>0</v>
      </c>
      <c r="CD31" s="278">
        <v>0</v>
      </c>
      <c r="CE31" s="280">
        <v>0</v>
      </c>
      <c r="CF31" s="281">
        <v>0</v>
      </c>
      <c r="CG31" s="281">
        <v>0</v>
      </c>
      <c r="CH31" s="281">
        <v>0</v>
      </c>
      <c r="CI31" s="281">
        <v>0</v>
      </c>
      <c r="CJ31" s="281">
        <v>0</v>
      </c>
      <c r="CK31" s="278">
        <v>0</v>
      </c>
      <c r="CL31" s="283">
        <v>0</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row>
    <row r="32" spans="2:112" ht="18.75" customHeight="1" x14ac:dyDescent="0.2">
      <c r="B32" s="262" t="s">
        <v>30</v>
      </c>
      <c r="C32" s="277">
        <v>0</v>
      </c>
      <c r="D32" s="278">
        <v>0</v>
      </c>
      <c r="E32" s="279">
        <v>0</v>
      </c>
      <c r="F32" s="280">
        <v>0</v>
      </c>
      <c r="G32" s="281">
        <v>0</v>
      </c>
      <c r="H32" s="281">
        <v>0</v>
      </c>
      <c r="I32" s="281">
        <v>93</v>
      </c>
      <c r="J32" s="281">
        <v>62</v>
      </c>
      <c r="K32" s="281">
        <v>0</v>
      </c>
      <c r="L32" s="282">
        <v>155</v>
      </c>
      <c r="M32" s="283">
        <v>155</v>
      </c>
      <c r="N32" s="277">
        <v>0</v>
      </c>
      <c r="O32" s="281">
        <v>0</v>
      </c>
      <c r="P32" s="278">
        <v>0</v>
      </c>
      <c r="Q32" s="280">
        <v>0</v>
      </c>
      <c r="R32" s="281">
        <v>0</v>
      </c>
      <c r="S32" s="281">
        <v>0</v>
      </c>
      <c r="T32" s="281">
        <v>0</v>
      </c>
      <c r="U32" s="281">
        <v>5</v>
      </c>
      <c r="V32" s="281">
        <v>0</v>
      </c>
      <c r="W32" s="278">
        <v>5</v>
      </c>
      <c r="X32" s="283">
        <v>5</v>
      </c>
      <c r="Y32" s="277">
        <v>0</v>
      </c>
      <c r="Z32" s="281">
        <v>9</v>
      </c>
      <c r="AA32" s="278">
        <v>9</v>
      </c>
      <c r="AB32" s="280">
        <v>0</v>
      </c>
      <c r="AC32" s="281">
        <v>0</v>
      </c>
      <c r="AD32" s="281">
        <v>0</v>
      </c>
      <c r="AE32" s="281">
        <v>0</v>
      </c>
      <c r="AF32" s="281">
        <v>4</v>
      </c>
      <c r="AG32" s="281">
        <v>0</v>
      </c>
      <c r="AH32" s="278">
        <v>4</v>
      </c>
      <c r="AI32" s="283">
        <v>13</v>
      </c>
      <c r="AJ32" s="277">
        <v>0</v>
      </c>
      <c r="AK32" s="281">
        <v>0</v>
      </c>
      <c r="AL32" s="278">
        <v>0</v>
      </c>
      <c r="AM32" s="280">
        <v>0</v>
      </c>
      <c r="AN32" s="281">
        <v>0</v>
      </c>
      <c r="AO32" s="281">
        <v>0</v>
      </c>
      <c r="AP32" s="281">
        <v>0</v>
      </c>
      <c r="AQ32" s="281">
        <v>12</v>
      </c>
      <c r="AR32" s="281">
        <v>0</v>
      </c>
      <c r="AS32" s="278">
        <v>12</v>
      </c>
      <c r="AT32" s="283">
        <v>12</v>
      </c>
      <c r="AU32" s="277">
        <v>0</v>
      </c>
      <c r="AV32" s="281">
        <v>0</v>
      </c>
      <c r="AW32" s="278">
        <v>0</v>
      </c>
      <c r="AX32" s="280">
        <v>0</v>
      </c>
      <c r="AY32" s="281">
        <v>12</v>
      </c>
      <c r="AZ32" s="281">
        <v>12</v>
      </c>
      <c r="BA32" s="281">
        <v>7</v>
      </c>
      <c r="BB32" s="281">
        <v>4</v>
      </c>
      <c r="BC32" s="281">
        <v>0</v>
      </c>
      <c r="BD32" s="282">
        <v>35</v>
      </c>
      <c r="BE32" s="283">
        <v>35</v>
      </c>
      <c r="BF32" s="277">
        <v>0</v>
      </c>
      <c r="BG32" s="281">
        <v>0</v>
      </c>
      <c r="BH32" s="278">
        <v>0</v>
      </c>
      <c r="BI32" s="280">
        <v>0</v>
      </c>
      <c r="BJ32" s="281">
        <v>0</v>
      </c>
      <c r="BK32" s="281">
        <v>18</v>
      </c>
      <c r="BL32" s="281">
        <v>0</v>
      </c>
      <c r="BM32" s="281">
        <v>0</v>
      </c>
      <c r="BN32" s="281">
        <v>0</v>
      </c>
      <c r="BO32" s="278">
        <v>18</v>
      </c>
      <c r="BP32" s="283">
        <v>18</v>
      </c>
      <c r="BQ32" s="277">
        <v>0</v>
      </c>
      <c r="BR32" s="281">
        <v>0</v>
      </c>
      <c r="BS32" s="278">
        <v>0</v>
      </c>
      <c r="BT32" s="280">
        <v>0</v>
      </c>
      <c r="BU32" s="281">
        <v>0</v>
      </c>
      <c r="BV32" s="281">
        <v>0</v>
      </c>
      <c r="BW32" s="281">
        <v>15</v>
      </c>
      <c r="BX32" s="281">
        <v>0</v>
      </c>
      <c r="BY32" s="281">
        <v>0</v>
      </c>
      <c r="BZ32" s="278">
        <v>15</v>
      </c>
      <c r="CA32" s="283">
        <v>15</v>
      </c>
      <c r="CB32" s="277">
        <v>0</v>
      </c>
      <c r="CC32" s="281">
        <v>0</v>
      </c>
      <c r="CD32" s="278">
        <v>0</v>
      </c>
      <c r="CE32" s="280">
        <v>0</v>
      </c>
      <c r="CF32" s="281">
        <v>0</v>
      </c>
      <c r="CG32" s="281">
        <v>4</v>
      </c>
      <c r="CH32" s="281">
        <v>0</v>
      </c>
      <c r="CI32" s="281">
        <v>0</v>
      </c>
      <c r="CJ32" s="281">
        <v>0</v>
      </c>
      <c r="CK32" s="278">
        <v>4</v>
      </c>
      <c r="CL32" s="283">
        <v>4</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row>
    <row r="33" spans="2:112" ht="18.75" customHeight="1" x14ac:dyDescent="0.2">
      <c r="B33" s="262" t="s">
        <v>31</v>
      </c>
      <c r="C33" s="277">
        <v>0</v>
      </c>
      <c r="D33" s="278">
        <v>0</v>
      </c>
      <c r="E33" s="279">
        <v>0</v>
      </c>
      <c r="F33" s="280">
        <v>0</v>
      </c>
      <c r="G33" s="281">
        <v>4</v>
      </c>
      <c r="H33" s="281">
        <v>0</v>
      </c>
      <c r="I33" s="281">
        <v>0</v>
      </c>
      <c r="J33" s="281">
        <v>0</v>
      </c>
      <c r="K33" s="281">
        <v>0</v>
      </c>
      <c r="L33" s="282">
        <v>4</v>
      </c>
      <c r="M33" s="283">
        <v>4</v>
      </c>
      <c r="N33" s="277">
        <v>0</v>
      </c>
      <c r="O33" s="281">
        <v>0</v>
      </c>
      <c r="P33" s="278">
        <v>0</v>
      </c>
      <c r="Q33" s="280">
        <v>0</v>
      </c>
      <c r="R33" s="281">
        <v>0</v>
      </c>
      <c r="S33" s="281">
        <v>0</v>
      </c>
      <c r="T33" s="281">
        <v>0</v>
      </c>
      <c r="U33" s="281">
        <v>0</v>
      </c>
      <c r="V33" s="281">
        <v>0</v>
      </c>
      <c r="W33" s="278">
        <v>0</v>
      </c>
      <c r="X33" s="283">
        <v>0</v>
      </c>
      <c r="Y33" s="277">
        <v>1</v>
      </c>
      <c r="Z33" s="281">
        <v>0</v>
      </c>
      <c r="AA33" s="278">
        <v>1</v>
      </c>
      <c r="AB33" s="280">
        <v>0</v>
      </c>
      <c r="AC33" s="281">
        <v>0</v>
      </c>
      <c r="AD33" s="281">
        <v>1</v>
      </c>
      <c r="AE33" s="281">
        <v>0</v>
      </c>
      <c r="AF33" s="281">
        <v>3</v>
      </c>
      <c r="AG33" s="281">
        <v>0</v>
      </c>
      <c r="AH33" s="278">
        <v>4</v>
      </c>
      <c r="AI33" s="283">
        <v>5</v>
      </c>
      <c r="AJ33" s="277">
        <v>0</v>
      </c>
      <c r="AK33" s="281">
        <v>0</v>
      </c>
      <c r="AL33" s="278">
        <v>0</v>
      </c>
      <c r="AM33" s="280">
        <v>0</v>
      </c>
      <c r="AN33" s="281">
        <v>0</v>
      </c>
      <c r="AO33" s="281">
        <v>0</v>
      </c>
      <c r="AP33" s="281">
        <v>20</v>
      </c>
      <c r="AQ33" s="281">
        <v>0</v>
      </c>
      <c r="AR33" s="281">
        <v>0</v>
      </c>
      <c r="AS33" s="278">
        <v>20</v>
      </c>
      <c r="AT33" s="283">
        <v>20</v>
      </c>
      <c r="AU33" s="277">
        <v>0</v>
      </c>
      <c r="AV33" s="281">
        <v>0</v>
      </c>
      <c r="AW33" s="278">
        <v>0</v>
      </c>
      <c r="AX33" s="280">
        <v>0</v>
      </c>
      <c r="AY33" s="281">
        <v>0</v>
      </c>
      <c r="AZ33" s="281">
        <v>9</v>
      </c>
      <c r="BA33" s="281">
        <v>23</v>
      </c>
      <c r="BB33" s="281">
        <v>11</v>
      </c>
      <c r="BC33" s="281">
        <v>0</v>
      </c>
      <c r="BD33" s="282">
        <v>43</v>
      </c>
      <c r="BE33" s="283">
        <v>43</v>
      </c>
      <c r="BF33" s="277">
        <v>0</v>
      </c>
      <c r="BG33" s="281">
        <v>0</v>
      </c>
      <c r="BH33" s="278">
        <v>0</v>
      </c>
      <c r="BI33" s="280">
        <v>0</v>
      </c>
      <c r="BJ33" s="281">
        <v>0</v>
      </c>
      <c r="BK33" s="281">
        <v>0</v>
      </c>
      <c r="BL33" s="281">
        <v>0</v>
      </c>
      <c r="BM33" s="281">
        <v>0</v>
      </c>
      <c r="BN33" s="281">
        <v>0</v>
      </c>
      <c r="BO33" s="278">
        <v>0</v>
      </c>
      <c r="BP33" s="283">
        <v>0</v>
      </c>
      <c r="BQ33" s="277">
        <v>0</v>
      </c>
      <c r="BR33" s="281">
        <v>0</v>
      </c>
      <c r="BS33" s="278">
        <v>0</v>
      </c>
      <c r="BT33" s="280">
        <v>0</v>
      </c>
      <c r="BU33" s="281">
        <v>0</v>
      </c>
      <c r="BV33" s="281">
        <v>0</v>
      </c>
      <c r="BW33" s="281">
        <v>0</v>
      </c>
      <c r="BX33" s="281">
        <v>13</v>
      </c>
      <c r="BY33" s="281">
        <v>0</v>
      </c>
      <c r="BZ33" s="278">
        <v>13</v>
      </c>
      <c r="CA33" s="283">
        <v>13</v>
      </c>
      <c r="CB33" s="277">
        <v>0</v>
      </c>
      <c r="CC33" s="281">
        <v>0</v>
      </c>
      <c r="CD33" s="278">
        <v>0</v>
      </c>
      <c r="CE33" s="280">
        <v>0</v>
      </c>
      <c r="CF33" s="281">
        <v>0</v>
      </c>
      <c r="CG33" s="281">
        <v>26</v>
      </c>
      <c r="CH33" s="281">
        <v>0</v>
      </c>
      <c r="CI33" s="281">
        <v>0</v>
      </c>
      <c r="CJ33" s="281">
        <v>0</v>
      </c>
      <c r="CK33" s="278">
        <v>26</v>
      </c>
      <c r="CL33" s="283">
        <v>26</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row>
    <row r="34" spans="2:112" ht="18.75" customHeight="1" x14ac:dyDescent="0.2">
      <c r="B34" s="262" t="s">
        <v>32</v>
      </c>
      <c r="C34" s="277">
        <v>0</v>
      </c>
      <c r="D34" s="278">
        <v>0</v>
      </c>
      <c r="E34" s="279">
        <v>0</v>
      </c>
      <c r="F34" s="280">
        <v>0</v>
      </c>
      <c r="G34" s="281">
        <v>5</v>
      </c>
      <c r="H34" s="281">
        <v>17</v>
      </c>
      <c r="I34" s="281">
        <v>0</v>
      </c>
      <c r="J34" s="281">
        <v>121</v>
      </c>
      <c r="K34" s="281">
        <v>0</v>
      </c>
      <c r="L34" s="282">
        <v>143</v>
      </c>
      <c r="M34" s="283">
        <v>143</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0</v>
      </c>
      <c r="AD34" s="281">
        <v>13</v>
      </c>
      <c r="AE34" s="281">
        <v>11</v>
      </c>
      <c r="AF34" s="281">
        <v>0</v>
      </c>
      <c r="AG34" s="281">
        <v>0</v>
      </c>
      <c r="AH34" s="278">
        <v>24</v>
      </c>
      <c r="AI34" s="283">
        <v>24</v>
      </c>
      <c r="AJ34" s="277">
        <v>8</v>
      </c>
      <c r="AK34" s="281">
        <v>0</v>
      </c>
      <c r="AL34" s="278">
        <v>8</v>
      </c>
      <c r="AM34" s="280">
        <v>0</v>
      </c>
      <c r="AN34" s="281">
        <v>15</v>
      </c>
      <c r="AO34" s="281">
        <v>0</v>
      </c>
      <c r="AP34" s="281">
        <v>15</v>
      </c>
      <c r="AQ34" s="281">
        <v>0</v>
      </c>
      <c r="AR34" s="281">
        <v>0</v>
      </c>
      <c r="AS34" s="278">
        <v>30</v>
      </c>
      <c r="AT34" s="283">
        <v>38</v>
      </c>
      <c r="AU34" s="277">
        <v>0</v>
      </c>
      <c r="AV34" s="281">
        <v>0</v>
      </c>
      <c r="AW34" s="278">
        <v>0</v>
      </c>
      <c r="AX34" s="280">
        <v>0</v>
      </c>
      <c r="AY34" s="281">
        <v>19</v>
      </c>
      <c r="AZ34" s="281">
        <v>31</v>
      </c>
      <c r="BA34" s="281">
        <v>0</v>
      </c>
      <c r="BB34" s="281">
        <v>0</v>
      </c>
      <c r="BC34" s="281">
        <v>0</v>
      </c>
      <c r="BD34" s="282">
        <v>50</v>
      </c>
      <c r="BE34" s="283">
        <v>50</v>
      </c>
      <c r="BF34" s="277">
        <v>0</v>
      </c>
      <c r="BG34" s="281">
        <v>0</v>
      </c>
      <c r="BH34" s="278">
        <v>0</v>
      </c>
      <c r="BI34" s="280">
        <v>0</v>
      </c>
      <c r="BJ34" s="281">
        <v>0</v>
      </c>
      <c r="BK34" s="281">
        <v>9</v>
      </c>
      <c r="BL34" s="281">
        <v>17</v>
      </c>
      <c r="BM34" s="281">
        <v>7</v>
      </c>
      <c r="BN34" s="281">
        <v>0</v>
      </c>
      <c r="BO34" s="278">
        <v>33</v>
      </c>
      <c r="BP34" s="283">
        <v>33</v>
      </c>
      <c r="BQ34" s="277">
        <v>0</v>
      </c>
      <c r="BR34" s="281">
        <v>0</v>
      </c>
      <c r="BS34" s="278">
        <v>0</v>
      </c>
      <c r="BT34" s="280">
        <v>0</v>
      </c>
      <c r="BU34" s="281">
        <v>15</v>
      </c>
      <c r="BV34" s="281">
        <v>7</v>
      </c>
      <c r="BW34" s="281">
        <v>0</v>
      </c>
      <c r="BX34" s="281">
        <v>0</v>
      </c>
      <c r="BY34" s="281">
        <v>0</v>
      </c>
      <c r="BZ34" s="278">
        <v>22</v>
      </c>
      <c r="CA34" s="283">
        <v>22</v>
      </c>
      <c r="CB34" s="277">
        <v>0</v>
      </c>
      <c r="CC34" s="281">
        <v>0</v>
      </c>
      <c r="CD34" s="278">
        <v>0</v>
      </c>
      <c r="CE34" s="280">
        <v>0</v>
      </c>
      <c r="CF34" s="281">
        <v>0</v>
      </c>
      <c r="CG34" s="281">
        <v>0</v>
      </c>
      <c r="CH34" s="281">
        <v>0</v>
      </c>
      <c r="CI34" s="281">
        <v>3</v>
      </c>
      <c r="CJ34" s="281">
        <v>0</v>
      </c>
      <c r="CK34" s="278">
        <v>3</v>
      </c>
      <c r="CL34" s="283">
        <v>3</v>
      </c>
      <c r="CM34" s="277">
        <v>0</v>
      </c>
      <c r="CN34" s="281">
        <v>0</v>
      </c>
      <c r="CO34" s="278">
        <v>0</v>
      </c>
      <c r="CP34" s="280">
        <v>0</v>
      </c>
      <c r="CQ34" s="281">
        <v>0</v>
      </c>
      <c r="CR34" s="281">
        <v>0</v>
      </c>
      <c r="CS34" s="281">
        <v>0</v>
      </c>
      <c r="CT34" s="281">
        <v>0</v>
      </c>
      <c r="CU34" s="281">
        <v>0</v>
      </c>
      <c r="CV34" s="278">
        <v>0</v>
      </c>
      <c r="CW34" s="283">
        <v>0</v>
      </c>
      <c r="CX34" s="277">
        <v>0</v>
      </c>
      <c r="CY34" s="281">
        <v>0</v>
      </c>
      <c r="CZ34" s="278">
        <v>0</v>
      </c>
      <c r="DA34" s="280">
        <v>0</v>
      </c>
      <c r="DB34" s="281">
        <v>0</v>
      </c>
      <c r="DC34" s="281">
        <v>0</v>
      </c>
      <c r="DD34" s="281">
        <v>0</v>
      </c>
      <c r="DE34" s="281">
        <v>0</v>
      </c>
      <c r="DF34" s="281">
        <v>0</v>
      </c>
      <c r="DG34" s="278">
        <v>0</v>
      </c>
      <c r="DH34" s="283">
        <v>0</v>
      </c>
    </row>
    <row r="35" spans="2:112" ht="18.75" customHeight="1" x14ac:dyDescent="0.2">
      <c r="B35" s="262" t="s">
        <v>33</v>
      </c>
      <c r="C35" s="277">
        <v>0</v>
      </c>
      <c r="D35" s="278">
        <v>0</v>
      </c>
      <c r="E35" s="279">
        <v>0</v>
      </c>
      <c r="F35" s="280">
        <v>0</v>
      </c>
      <c r="G35" s="281">
        <v>37</v>
      </c>
      <c r="H35" s="281">
        <v>0</v>
      </c>
      <c r="I35" s="281">
        <v>25</v>
      </c>
      <c r="J35" s="281">
        <v>0</v>
      </c>
      <c r="K35" s="281">
        <v>0</v>
      </c>
      <c r="L35" s="282">
        <v>62</v>
      </c>
      <c r="M35" s="283">
        <v>62</v>
      </c>
      <c r="N35" s="277">
        <v>0</v>
      </c>
      <c r="O35" s="281">
        <v>0</v>
      </c>
      <c r="P35" s="278">
        <v>0</v>
      </c>
      <c r="Q35" s="280">
        <v>0</v>
      </c>
      <c r="R35" s="281">
        <v>0</v>
      </c>
      <c r="S35" s="281">
        <v>0</v>
      </c>
      <c r="T35" s="281">
        <v>0</v>
      </c>
      <c r="U35" s="281">
        <v>0</v>
      </c>
      <c r="V35" s="281">
        <v>0</v>
      </c>
      <c r="W35" s="278">
        <v>0</v>
      </c>
      <c r="X35" s="283">
        <v>0</v>
      </c>
      <c r="Y35" s="277">
        <v>3</v>
      </c>
      <c r="Z35" s="281">
        <v>0</v>
      </c>
      <c r="AA35" s="278">
        <v>3</v>
      </c>
      <c r="AB35" s="280">
        <v>0</v>
      </c>
      <c r="AC35" s="281">
        <v>4</v>
      </c>
      <c r="AD35" s="281">
        <v>11</v>
      </c>
      <c r="AE35" s="281">
        <v>42</v>
      </c>
      <c r="AF35" s="281">
        <v>0</v>
      </c>
      <c r="AG35" s="281">
        <v>9</v>
      </c>
      <c r="AH35" s="278">
        <v>66</v>
      </c>
      <c r="AI35" s="283">
        <v>69</v>
      </c>
      <c r="AJ35" s="277">
        <v>12</v>
      </c>
      <c r="AK35" s="281">
        <v>0</v>
      </c>
      <c r="AL35" s="278">
        <v>12</v>
      </c>
      <c r="AM35" s="280">
        <v>0</v>
      </c>
      <c r="AN35" s="281">
        <v>9</v>
      </c>
      <c r="AO35" s="281">
        <v>21</v>
      </c>
      <c r="AP35" s="281">
        <v>12</v>
      </c>
      <c r="AQ35" s="281">
        <v>30</v>
      </c>
      <c r="AR35" s="281">
        <v>0</v>
      </c>
      <c r="AS35" s="278">
        <v>72</v>
      </c>
      <c r="AT35" s="283">
        <v>84</v>
      </c>
      <c r="AU35" s="277">
        <v>0</v>
      </c>
      <c r="AV35" s="281">
        <v>0</v>
      </c>
      <c r="AW35" s="278">
        <v>0</v>
      </c>
      <c r="AX35" s="280">
        <v>0</v>
      </c>
      <c r="AY35" s="281">
        <v>6</v>
      </c>
      <c r="AZ35" s="281">
        <v>0</v>
      </c>
      <c r="BA35" s="281">
        <v>0</v>
      </c>
      <c r="BB35" s="281">
        <v>0</v>
      </c>
      <c r="BC35" s="281">
        <v>0</v>
      </c>
      <c r="BD35" s="282">
        <v>6</v>
      </c>
      <c r="BE35" s="283">
        <v>6</v>
      </c>
      <c r="BF35" s="277">
        <v>0</v>
      </c>
      <c r="BG35" s="281">
        <v>0</v>
      </c>
      <c r="BH35" s="278">
        <v>0</v>
      </c>
      <c r="BI35" s="280">
        <v>0</v>
      </c>
      <c r="BJ35" s="281">
        <v>3</v>
      </c>
      <c r="BK35" s="281">
        <v>0</v>
      </c>
      <c r="BL35" s="281">
        <v>0</v>
      </c>
      <c r="BM35" s="281">
        <v>9</v>
      </c>
      <c r="BN35" s="281">
        <v>0</v>
      </c>
      <c r="BO35" s="278">
        <v>12</v>
      </c>
      <c r="BP35" s="283">
        <v>12</v>
      </c>
      <c r="BQ35" s="277">
        <v>0</v>
      </c>
      <c r="BR35" s="281">
        <v>0</v>
      </c>
      <c r="BS35" s="278">
        <v>0</v>
      </c>
      <c r="BT35" s="280">
        <v>0</v>
      </c>
      <c r="BU35" s="281">
        <v>3</v>
      </c>
      <c r="BV35" s="281">
        <v>0</v>
      </c>
      <c r="BW35" s="281">
        <v>0</v>
      </c>
      <c r="BX35" s="281">
        <v>0</v>
      </c>
      <c r="BY35" s="281">
        <v>0</v>
      </c>
      <c r="BZ35" s="278">
        <v>3</v>
      </c>
      <c r="CA35" s="283">
        <v>3</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0</v>
      </c>
      <c r="DE35" s="281">
        <v>0</v>
      </c>
      <c r="DF35" s="281">
        <v>0</v>
      </c>
      <c r="DG35" s="278">
        <v>0</v>
      </c>
      <c r="DH35" s="283">
        <v>0</v>
      </c>
    </row>
    <row r="36" spans="2:112" ht="18.75" customHeight="1" x14ac:dyDescent="0.2">
      <c r="B36" s="262" t="s">
        <v>34</v>
      </c>
      <c r="C36" s="277">
        <v>0</v>
      </c>
      <c r="D36" s="278">
        <v>0</v>
      </c>
      <c r="E36" s="279">
        <v>0</v>
      </c>
      <c r="F36" s="280">
        <v>0</v>
      </c>
      <c r="G36" s="281">
        <v>3</v>
      </c>
      <c r="H36" s="281">
        <v>0</v>
      </c>
      <c r="I36" s="281">
        <v>9</v>
      </c>
      <c r="J36" s="281">
        <v>106</v>
      </c>
      <c r="K36" s="281">
        <v>0</v>
      </c>
      <c r="L36" s="282">
        <v>118</v>
      </c>
      <c r="M36" s="283">
        <v>118</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0</v>
      </c>
      <c r="AD36" s="281">
        <v>0</v>
      </c>
      <c r="AE36" s="281">
        <v>0</v>
      </c>
      <c r="AF36" s="281">
        <v>0</v>
      </c>
      <c r="AG36" s="281">
        <v>0</v>
      </c>
      <c r="AH36" s="278">
        <v>0</v>
      </c>
      <c r="AI36" s="283">
        <v>0</v>
      </c>
      <c r="AJ36" s="277">
        <v>0</v>
      </c>
      <c r="AK36" s="281">
        <v>0</v>
      </c>
      <c r="AL36" s="278">
        <v>0</v>
      </c>
      <c r="AM36" s="280">
        <v>0</v>
      </c>
      <c r="AN36" s="281">
        <v>0</v>
      </c>
      <c r="AO36" s="281">
        <v>0</v>
      </c>
      <c r="AP36" s="281">
        <v>9</v>
      </c>
      <c r="AQ36" s="281">
        <v>0</v>
      </c>
      <c r="AR36" s="281">
        <v>0</v>
      </c>
      <c r="AS36" s="278">
        <v>9</v>
      </c>
      <c r="AT36" s="283">
        <v>9</v>
      </c>
      <c r="AU36" s="277">
        <v>0</v>
      </c>
      <c r="AV36" s="281">
        <v>0</v>
      </c>
      <c r="AW36" s="278">
        <v>0</v>
      </c>
      <c r="AX36" s="280">
        <v>0</v>
      </c>
      <c r="AY36" s="281">
        <v>0</v>
      </c>
      <c r="AZ36" s="281">
        <v>11</v>
      </c>
      <c r="BA36" s="281">
        <v>27</v>
      </c>
      <c r="BB36" s="281">
        <v>13</v>
      </c>
      <c r="BC36" s="281">
        <v>0</v>
      </c>
      <c r="BD36" s="282">
        <v>51</v>
      </c>
      <c r="BE36" s="283">
        <v>51</v>
      </c>
      <c r="BF36" s="277">
        <v>0</v>
      </c>
      <c r="BG36" s="281">
        <v>0</v>
      </c>
      <c r="BH36" s="278">
        <v>0</v>
      </c>
      <c r="BI36" s="280">
        <v>0</v>
      </c>
      <c r="BJ36" s="281">
        <v>0</v>
      </c>
      <c r="BK36" s="281">
        <v>0</v>
      </c>
      <c r="BL36" s="281">
        <v>0</v>
      </c>
      <c r="BM36" s="281">
        <v>0</v>
      </c>
      <c r="BN36" s="281">
        <v>0</v>
      </c>
      <c r="BO36" s="278">
        <v>0</v>
      </c>
      <c r="BP36" s="283">
        <v>0</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row>
    <row r="37" spans="2:112" ht="18.75" customHeight="1" x14ac:dyDescent="0.2">
      <c r="B37" s="262" t="s">
        <v>35</v>
      </c>
      <c r="C37" s="277">
        <v>0</v>
      </c>
      <c r="D37" s="278">
        <v>0</v>
      </c>
      <c r="E37" s="279">
        <v>0</v>
      </c>
      <c r="F37" s="280">
        <v>0</v>
      </c>
      <c r="G37" s="281">
        <v>115</v>
      </c>
      <c r="H37" s="281">
        <v>91</v>
      </c>
      <c r="I37" s="281">
        <v>78</v>
      </c>
      <c r="J37" s="281">
        <v>87</v>
      </c>
      <c r="K37" s="281">
        <v>0</v>
      </c>
      <c r="L37" s="282">
        <v>371</v>
      </c>
      <c r="M37" s="283">
        <v>371</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2</v>
      </c>
      <c r="AD37" s="281">
        <v>19</v>
      </c>
      <c r="AE37" s="281">
        <v>18</v>
      </c>
      <c r="AF37" s="281">
        <v>29</v>
      </c>
      <c r="AG37" s="281">
        <v>34</v>
      </c>
      <c r="AH37" s="278">
        <v>112</v>
      </c>
      <c r="AI37" s="283">
        <v>112</v>
      </c>
      <c r="AJ37" s="277">
        <v>0</v>
      </c>
      <c r="AK37" s="281">
        <v>0</v>
      </c>
      <c r="AL37" s="278">
        <v>0</v>
      </c>
      <c r="AM37" s="280">
        <v>0</v>
      </c>
      <c r="AN37" s="281">
        <v>6</v>
      </c>
      <c r="AO37" s="281">
        <v>0</v>
      </c>
      <c r="AP37" s="281">
        <v>6</v>
      </c>
      <c r="AQ37" s="281">
        <v>0</v>
      </c>
      <c r="AR37" s="281">
        <v>0</v>
      </c>
      <c r="AS37" s="278">
        <v>12</v>
      </c>
      <c r="AT37" s="283">
        <v>12</v>
      </c>
      <c r="AU37" s="277">
        <v>0</v>
      </c>
      <c r="AV37" s="281">
        <v>0</v>
      </c>
      <c r="AW37" s="278">
        <v>0</v>
      </c>
      <c r="AX37" s="280">
        <v>0</v>
      </c>
      <c r="AY37" s="281">
        <v>33</v>
      </c>
      <c r="AZ37" s="281">
        <v>28</v>
      </c>
      <c r="BA37" s="281">
        <v>12</v>
      </c>
      <c r="BB37" s="281">
        <v>0</v>
      </c>
      <c r="BC37" s="281">
        <v>8</v>
      </c>
      <c r="BD37" s="282">
        <v>81</v>
      </c>
      <c r="BE37" s="283">
        <v>81</v>
      </c>
      <c r="BF37" s="277">
        <v>0</v>
      </c>
      <c r="BG37" s="281">
        <v>0</v>
      </c>
      <c r="BH37" s="278">
        <v>0</v>
      </c>
      <c r="BI37" s="280">
        <v>0</v>
      </c>
      <c r="BJ37" s="281">
        <v>0</v>
      </c>
      <c r="BK37" s="281">
        <v>12</v>
      </c>
      <c r="BL37" s="281">
        <v>0</v>
      </c>
      <c r="BM37" s="281">
        <v>11</v>
      </c>
      <c r="BN37" s="281">
        <v>0</v>
      </c>
      <c r="BO37" s="278">
        <v>23</v>
      </c>
      <c r="BP37" s="283">
        <v>23</v>
      </c>
      <c r="BQ37" s="277">
        <v>0</v>
      </c>
      <c r="BR37" s="281">
        <v>0</v>
      </c>
      <c r="BS37" s="278">
        <v>0</v>
      </c>
      <c r="BT37" s="280">
        <v>0</v>
      </c>
      <c r="BU37" s="281">
        <v>2</v>
      </c>
      <c r="BV37" s="281">
        <v>0</v>
      </c>
      <c r="BW37" s="281">
        <v>0</v>
      </c>
      <c r="BX37" s="281">
        <v>0</v>
      </c>
      <c r="BY37" s="281">
        <v>3</v>
      </c>
      <c r="BZ37" s="278">
        <v>5</v>
      </c>
      <c r="CA37" s="283">
        <v>5</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row>
    <row r="38" spans="2:112" ht="18.75" customHeight="1" x14ac:dyDescent="0.2">
      <c r="B38" s="262" t="s">
        <v>36</v>
      </c>
      <c r="C38" s="277">
        <v>0</v>
      </c>
      <c r="D38" s="278">
        <v>0</v>
      </c>
      <c r="E38" s="279">
        <v>0</v>
      </c>
      <c r="F38" s="280">
        <v>0</v>
      </c>
      <c r="G38" s="281">
        <v>82</v>
      </c>
      <c r="H38" s="281">
        <v>4</v>
      </c>
      <c r="I38" s="281">
        <v>0</v>
      </c>
      <c r="J38" s="281">
        <v>0</v>
      </c>
      <c r="K38" s="281">
        <v>0</v>
      </c>
      <c r="L38" s="282">
        <v>86</v>
      </c>
      <c r="M38" s="283">
        <v>86</v>
      </c>
      <c r="N38" s="277">
        <v>0</v>
      </c>
      <c r="O38" s="281">
        <v>0</v>
      </c>
      <c r="P38" s="278">
        <v>0</v>
      </c>
      <c r="Q38" s="280">
        <v>0</v>
      </c>
      <c r="R38" s="281">
        <v>0</v>
      </c>
      <c r="S38" s="281">
        <v>0</v>
      </c>
      <c r="T38" s="281">
        <v>0</v>
      </c>
      <c r="U38" s="281">
        <v>0</v>
      </c>
      <c r="V38" s="281">
        <v>0</v>
      </c>
      <c r="W38" s="278">
        <v>0</v>
      </c>
      <c r="X38" s="283">
        <v>0</v>
      </c>
      <c r="Y38" s="277">
        <v>6</v>
      </c>
      <c r="Z38" s="281">
        <v>4</v>
      </c>
      <c r="AA38" s="278">
        <v>10</v>
      </c>
      <c r="AB38" s="280">
        <v>0</v>
      </c>
      <c r="AC38" s="281">
        <v>25</v>
      </c>
      <c r="AD38" s="281">
        <v>19</v>
      </c>
      <c r="AE38" s="281">
        <v>0</v>
      </c>
      <c r="AF38" s="281">
        <v>0</v>
      </c>
      <c r="AG38" s="281">
        <v>0</v>
      </c>
      <c r="AH38" s="278">
        <v>44</v>
      </c>
      <c r="AI38" s="283">
        <v>54</v>
      </c>
      <c r="AJ38" s="277">
        <v>0</v>
      </c>
      <c r="AK38" s="281">
        <v>0</v>
      </c>
      <c r="AL38" s="278">
        <v>0</v>
      </c>
      <c r="AM38" s="280">
        <v>0</v>
      </c>
      <c r="AN38" s="281">
        <v>20</v>
      </c>
      <c r="AO38" s="281">
        <v>0</v>
      </c>
      <c r="AP38" s="281">
        <v>0</v>
      </c>
      <c r="AQ38" s="281">
        <v>0</v>
      </c>
      <c r="AR38" s="281">
        <v>18</v>
      </c>
      <c r="AS38" s="278">
        <v>38</v>
      </c>
      <c r="AT38" s="283">
        <v>38</v>
      </c>
      <c r="AU38" s="277">
        <v>0</v>
      </c>
      <c r="AV38" s="281">
        <v>0</v>
      </c>
      <c r="AW38" s="278">
        <v>0</v>
      </c>
      <c r="AX38" s="280">
        <v>0</v>
      </c>
      <c r="AY38" s="281">
        <v>17</v>
      </c>
      <c r="AZ38" s="281">
        <v>27</v>
      </c>
      <c r="BA38" s="281">
        <v>17</v>
      </c>
      <c r="BB38" s="281">
        <v>0</v>
      </c>
      <c r="BC38" s="281">
        <v>0</v>
      </c>
      <c r="BD38" s="282">
        <v>61</v>
      </c>
      <c r="BE38" s="283">
        <v>61</v>
      </c>
      <c r="BF38" s="277">
        <v>0</v>
      </c>
      <c r="BG38" s="281">
        <v>0</v>
      </c>
      <c r="BH38" s="278">
        <v>0</v>
      </c>
      <c r="BI38" s="280">
        <v>0</v>
      </c>
      <c r="BJ38" s="281">
        <v>4</v>
      </c>
      <c r="BK38" s="281">
        <v>0</v>
      </c>
      <c r="BL38" s="281">
        <v>0</v>
      </c>
      <c r="BM38" s="281">
        <v>0</v>
      </c>
      <c r="BN38" s="281">
        <v>0</v>
      </c>
      <c r="BO38" s="278">
        <v>4</v>
      </c>
      <c r="BP38" s="283">
        <v>4</v>
      </c>
      <c r="BQ38" s="277">
        <v>0</v>
      </c>
      <c r="BR38" s="281">
        <v>0</v>
      </c>
      <c r="BS38" s="278">
        <v>0</v>
      </c>
      <c r="BT38" s="280">
        <v>0</v>
      </c>
      <c r="BU38" s="281">
        <v>0</v>
      </c>
      <c r="BV38" s="281">
        <v>18</v>
      </c>
      <c r="BW38" s="281">
        <v>5</v>
      </c>
      <c r="BX38" s="281">
        <v>23</v>
      </c>
      <c r="BY38" s="281">
        <v>0</v>
      </c>
      <c r="BZ38" s="278">
        <v>46</v>
      </c>
      <c r="CA38" s="283">
        <v>46</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row>
    <row r="39" spans="2:112" ht="18.75" customHeight="1" thickBot="1" x14ac:dyDescent="0.25">
      <c r="B39" s="263" t="s">
        <v>37</v>
      </c>
      <c r="C39" s="284">
        <v>0</v>
      </c>
      <c r="D39" s="285">
        <v>0</v>
      </c>
      <c r="E39" s="286">
        <v>0</v>
      </c>
      <c r="F39" s="287">
        <v>0</v>
      </c>
      <c r="G39" s="288">
        <v>0</v>
      </c>
      <c r="H39" s="288">
        <v>0</v>
      </c>
      <c r="I39" s="288">
        <v>0</v>
      </c>
      <c r="J39" s="288">
        <v>0</v>
      </c>
      <c r="K39" s="288">
        <v>26</v>
      </c>
      <c r="L39" s="289">
        <v>26</v>
      </c>
      <c r="M39" s="290">
        <v>26</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5</v>
      </c>
      <c r="AH39" s="285">
        <v>5</v>
      </c>
      <c r="AI39" s="290">
        <v>5</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0</v>
      </c>
      <c r="BC39" s="288">
        <v>0</v>
      </c>
      <c r="BD39" s="289">
        <v>0</v>
      </c>
      <c r="BE39" s="290">
        <v>0</v>
      </c>
      <c r="BF39" s="284">
        <v>0</v>
      </c>
      <c r="BG39" s="288">
        <v>0</v>
      </c>
      <c r="BH39" s="285">
        <v>0</v>
      </c>
      <c r="BI39" s="287">
        <v>0</v>
      </c>
      <c r="BJ39" s="288">
        <v>0</v>
      </c>
      <c r="BK39" s="288">
        <v>0</v>
      </c>
      <c r="BL39" s="288">
        <v>0</v>
      </c>
      <c r="BM39" s="288">
        <v>0</v>
      </c>
      <c r="BN39" s="288">
        <v>0</v>
      </c>
      <c r="BO39" s="285">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row>
    <row r="40" spans="2:112" ht="27" customHeight="1" x14ac:dyDescent="0.2">
      <c r="C40" s="256" t="s">
        <v>127</v>
      </c>
    </row>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20" t="s">
        <v>129</v>
      </c>
      <c r="F1" s="22"/>
      <c r="H1" s="528">
        <f>第１表!F2</f>
        <v>4</v>
      </c>
      <c r="I1" s="528"/>
      <c r="J1" s="249">
        <f>第１表!G2</f>
        <v>7</v>
      </c>
      <c r="K1" s="555">
        <f>IF(J1&lt;3,J1-2+12,J1-2)</f>
        <v>5</v>
      </c>
      <c r="L1" s="555"/>
    </row>
    <row r="2" spans="2:35" ht="24" customHeight="1" thickBot="1" x14ac:dyDescent="0.25">
      <c r="J2" s="5"/>
      <c r="K2" s="5"/>
      <c r="L2" s="5"/>
      <c r="M2" s="5"/>
      <c r="N2" s="5"/>
      <c r="O2" s="5"/>
      <c r="P2" s="30"/>
      <c r="Q2" s="30"/>
      <c r="R2" s="30"/>
    </row>
    <row r="3" spans="2:35" ht="19.5" customHeight="1" thickBot="1" x14ac:dyDescent="0.25">
      <c r="B3" s="26"/>
      <c r="C3" s="556" t="s">
        <v>53</v>
      </c>
      <c r="D3" s="557"/>
      <c r="E3" s="557"/>
      <c r="F3" s="557"/>
      <c r="G3" s="557"/>
      <c r="H3" s="557"/>
      <c r="I3" s="557"/>
      <c r="J3" s="557"/>
      <c r="K3" s="557"/>
      <c r="L3" s="557"/>
      <c r="M3" s="558"/>
      <c r="N3" s="556" t="s">
        <v>54</v>
      </c>
      <c r="O3" s="557"/>
      <c r="P3" s="557"/>
      <c r="Q3" s="557"/>
      <c r="R3" s="557"/>
      <c r="S3" s="557"/>
      <c r="T3" s="557"/>
      <c r="U3" s="557"/>
      <c r="V3" s="557"/>
      <c r="W3" s="557"/>
      <c r="X3" s="558"/>
      <c r="Y3" s="556" t="s">
        <v>55</v>
      </c>
      <c r="Z3" s="557"/>
      <c r="AA3" s="557"/>
      <c r="AB3" s="557"/>
      <c r="AC3" s="557"/>
      <c r="AD3" s="557"/>
      <c r="AE3" s="557"/>
      <c r="AF3" s="557"/>
      <c r="AG3" s="557"/>
      <c r="AH3" s="557"/>
      <c r="AI3" s="558"/>
    </row>
    <row r="4" spans="2:35" ht="30.75"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21" customHeight="1" x14ac:dyDescent="0.2">
      <c r="B5" s="14" t="s">
        <v>4</v>
      </c>
      <c r="C5" s="91">
        <v>191</v>
      </c>
      <c r="D5" s="92">
        <v>320</v>
      </c>
      <c r="E5" s="93">
        <v>511</v>
      </c>
      <c r="F5" s="94">
        <v>0</v>
      </c>
      <c r="G5" s="92">
        <v>18447</v>
      </c>
      <c r="H5" s="92">
        <v>18209</v>
      </c>
      <c r="I5" s="92">
        <v>12426</v>
      </c>
      <c r="J5" s="92">
        <v>7929</v>
      </c>
      <c r="K5" s="92">
        <v>4880</v>
      </c>
      <c r="L5" s="93">
        <v>61891</v>
      </c>
      <c r="M5" s="95">
        <v>62402</v>
      </c>
      <c r="N5" s="96">
        <v>1</v>
      </c>
      <c r="O5" s="92">
        <v>3</v>
      </c>
      <c r="P5" s="93">
        <v>4</v>
      </c>
      <c r="Q5" s="94">
        <v>0</v>
      </c>
      <c r="R5" s="92">
        <v>200</v>
      </c>
      <c r="S5" s="92">
        <v>333</v>
      </c>
      <c r="T5" s="92">
        <v>237</v>
      </c>
      <c r="U5" s="92">
        <v>165</v>
      </c>
      <c r="V5" s="92">
        <v>167</v>
      </c>
      <c r="W5" s="93">
        <v>1102</v>
      </c>
      <c r="X5" s="95">
        <v>1106</v>
      </c>
      <c r="Y5" s="96">
        <v>192</v>
      </c>
      <c r="Z5" s="92">
        <v>323</v>
      </c>
      <c r="AA5" s="93">
        <v>515</v>
      </c>
      <c r="AB5" s="94">
        <v>0</v>
      </c>
      <c r="AC5" s="92">
        <v>18647</v>
      </c>
      <c r="AD5" s="92">
        <v>18542</v>
      </c>
      <c r="AE5" s="92">
        <v>12663</v>
      </c>
      <c r="AF5" s="92">
        <v>8094</v>
      </c>
      <c r="AG5" s="92">
        <v>5047</v>
      </c>
      <c r="AH5" s="93">
        <v>62993</v>
      </c>
      <c r="AI5" s="95">
        <v>63508</v>
      </c>
    </row>
    <row r="6" spans="2:35" ht="21" customHeight="1" x14ac:dyDescent="0.2">
      <c r="B6" s="18" t="s">
        <v>5</v>
      </c>
      <c r="C6" s="97">
        <v>85</v>
      </c>
      <c r="D6" s="98">
        <v>123</v>
      </c>
      <c r="E6" s="99">
        <v>208</v>
      </c>
      <c r="F6" s="100">
        <v>0</v>
      </c>
      <c r="G6" s="98">
        <v>6642</v>
      </c>
      <c r="H6" s="98">
        <v>8429</v>
      </c>
      <c r="I6" s="98">
        <v>5490</v>
      </c>
      <c r="J6" s="98">
        <v>3452</v>
      </c>
      <c r="K6" s="98">
        <v>2268</v>
      </c>
      <c r="L6" s="99">
        <v>26281</v>
      </c>
      <c r="M6" s="101">
        <v>26489</v>
      </c>
      <c r="N6" s="102">
        <v>0</v>
      </c>
      <c r="O6" s="98">
        <v>0</v>
      </c>
      <c r="P6" s="99">
        <v>0</v>
      </c>
      <c r="Q6" s="100">
        <v>0</v>
      </c>
      <c r="R6" s="98">
        <v>62</v>
      </c>
      <c r="S6" s="98">
        <v>159</v>
      </c>
      <c r="T6" s="98">
        <v>128</v>
      </c>
      <c r="U6" s="98">
        <v>75</v>
      </c>
      <c r="V6" s="98">
        <v>77</v>
      </c>
      <c r="W6" s="99">
        <v>501</v>
      </c>
      <c r="X6" s="101">
        <v>501</v>
      </c>
      <c r="Y6" s="102">
        <v>85</v>
      </c>
      <c r="Z6" s="98">
        <v>123</v>
      </c>
      <c r="AA6" s="99">
        <v>208</v>
      </c>
      <c r="AB6" s="100">
        <v>0</v>
      </c>
      <c r="AC6" s="98">
        <v>6704</v>
      </c>
      <c r="AD6" s="98">
        <v>8588</v>
      </c>
      <c r="AE6" s="98">
        <v>5618</v>
      </c>
      <c r="AF6" s="98">
        <v>3527</v>
      </c>
      <c r="AG6" s="98">
        <v>2345</v>
      </c>
      <c r="AH6" s="99">
        <v>26782</v>
      </c>
      <c r="AI6" s="101">
        <v>26990</v>
      </c>
    </row>
    <row r="7" spans="2:35" ht="21" customHeight="1" x14ac:dyDescent="0.2">
      <c r="B7" s="18" t="s">
        <v>6</v>
      </c>
      <c r="C7" s="97">
        <v>24</v>
      </c>
      <c r="D7" s="98">
        <v>43</v>
      </c>
      <c r="E7" s="99">
        <v>67</v>
      </c>
      <c r="F7" s="100">
        <v>0</v>
      </c>
      <c r="G7" s="98">
        <v>3005</v>
      </c>
      <c r="H7" s="98">
        <v>2443</v>
      </c>
      <c r="I7" s="98">
        <v>1917</v>
      </c>
      <c r="J7" s="98">
        <v>1406</v>
      </c>
      <c r="K7" s="98">
        <v>858</v>
      </c>
      <c r="L7" s="99">
        <v>9629</v>
      </c>
      <c r="M7" s="101">
        <v>9696</v>
      </c>
      <c r="N7" s="102">
        <v>0</v>
      </c>
      <c r="O7" s="98">
        <v>0</v>
      </c>
      <c r="P7" s="99">
        <v>0</v>
      </c>
      <c r="Q7" s="100">
        <v>0</v>
      </c>
      <c r="R7" s="98">
        <v>34</v>
      </c>
      <c r="S7" s="98">
        <v>38</v>
      </c>
      <c r="T7" s="98">
        <v>32</v>
      </c>
      <c r="U7" s="98">
        <v>26</v>
      </c>
      <c r="V7" s="98">
        <v>34</v>
      </c>
      <c r="W7" s="99">
        <v>164</v>
      </c>
      <c r="X7" s="101">
        <v>164</v>
      </c>
      <c r="Y7" s="102">
        <v>24</v>
      </c>
      <c r="Z7" s="98">
        <v>43</v>
      </c>
      <c r="AA7" s="99">
        <v>67</v>
      </c>
      <c r="AB7" s="100">
        <v>0</v>
      </c>
      <c r="AC7" s="98">
        <v>3039</v>
      </c>
      <c r="AD7" s="98">
        <v>2481</v>
      </c>
      <c r="AE7" s="98">
        <v>1949</v>
      </c>
      <c r="AF7" s="98">
        <v>1432</v>
      </c>
      <c r="AG7" s="98">
        <v>892</v>
      </c>
      <c r="AH7" s="99">
        <v>9793</v>
      </c>
      <c r="AI7" s="101">
        <v>9860</v>
      </c>
    </row>
    <row r="8" spans="2:35" ht="21" customHeight="1" x14ac:dyDescent="0.2">
      <c r="B8" s="18" t="s">
        <v>14</v>
      </c>
      <c r="C8" s="97">
        <v>16</v>
      </c>
      <c r="D8" s="98">
        <v>29</v>
      </c>
      <c r="E8" s="99">
        <v>45</v>
      </c>
      <c r="F8" s="100">
        <v>0</v>
      </c>
      <c r="G8" s="98">
        <v>1472</v>
      </c>
      <c r="H8" s="98">
        <v>1503</v>
      </c>
      <c r="I8" s="98">
        <v>1026</v>
      </c>
      <c r="J8" s="98">
        <v>616</v>
      </c>
      <c r="K8" s="98">
        <v>319</v>
      </c>
      <c r="L8" s="99">
        <v>4936</v>
      </c>
      <c r="M8" s="101">
        <v>4981</v>
      </c>
      <c r="N8" s="102">
        <v>0</v>
      </c>
      <c r="O8" s="98">
        <v>0</v>
      </c>
      <c r="P8" s="99">
        <v>0</v>
      </c>
      <c r="Q8" s="100">
        <v>0</v>
      </c>
      <c r="R8" s="98">
        <v>13</v>
      </c>
      <c r="S8" s="98">
        <v>33</v>
      </c>
      <c r="T8" s="98">
        <v>9</v>
      </c>
      <c r="U8" s="98">
        <v>14</v>
      </c>
      <c r="V8" s="98">
        <v>12</v>
      </c>
      <c r="W8" s="99">
        <v>81</v>
      </c>
      <c r="X8" s="101">
        <v>81</v>
      </c>
      <c r="Y8" s="102">
        <v>16</v>
      </c>
      <c r="Z8" s="98">
        <v>29</v>
      </c>
      <c r="AA8" s="99">
        <v>45</v>
      </c>
      <c r="AB8" s="100">
        <v>0</v>
      </c>
      <c r="AC8" s="98">
        <v>1485</v>
      </c>
      <c r="AD8" s="98">
        <v>1536</v>
      </c>
      <c r="AE8" s="98">
        <v>1035</v>
      </c>
      <c r="AF8" s="98">
        <v>630</v>
      </c>
      <c r="AG8" s="98">
        <v>331</v>
      </c>
      <c r="AH8" s="99">
        <v>5017</v>
      </c>
      <c r="AI8" s="101">
        <v>5062</v>
      </c>
    </row>
    <row r="9" spans="2:35" ht="21" customHeight="1" x14ac:dyDescent="0.2">
      <c r="B9" s="18" t="s">
        <v>7</v>
      </c>
      <c r="C9" s="97">
        <v>7</v>
      </c>
      <c r="D9" s="98">
        <v>12</v>
      </c>
      <c r="E9" s="99">
        <v>19</v>
      </c>
      <c r="F9" s="100">
        <v>0</v>
      </c>
      <c r="G9" s="98">
        <v>1312</v>
      </c>
      <c r="H9" s="98">
        <v>931</v>
      </c>
      <c r="I9" s="98">
        <v>613</v>
      </c>
      <c r="J9" s="98">
        <v>328</v>
      </c>
      <c r="K9" s="98">
        <v>163</v>
      </c>
      <c r="L9" s="99">
        <v>3347</v>
      </c>
      <c r="M9" s="101">
        <v>3366</v>
      </c>
      <c r="N9" s="102">
        <v>1</v>
      </c>
      <c r="O9" s="98">
        <v>0</v>
      </c>
      <c r="P9" s="99">
        <v>1</v>
      </c>
      <c r="Q9" s="100">
        <v>0</v>
      </c>
      <c r="R9" s="98">
        <v>11</v>
      </c>
      <c r="S9" s="98">
        <v>14</v>
      </c>
      <c r="T9" s="98">
        <v>6</v>
      </c>
      <c r="U9" s="98">
        <v>5</v>
      </c>
      <c r="V9" s="98">
        <v>10</v>
      </c>
      <c r="W9" s="99">
        <v>46</v>
      </c>
      <c r="X9" s="101">
        <v>47</v>
      </c>
      <c r="Y9" s="102">
        <v>8</v>
      </c>
      <c r="Z9" s="98">
        <v>12</v>
      </c>
      <c r="AA9" s="99">
        <v>20</v>
      </c>
      <c r="AB9" s="100">
        <v>0</v>
      </c>
      <c r="AC9" s="98">
        <v>1323</v>
      </c>
      <c r="AD9" s="98">
        <v>945</v>
      </c>
      <c r="AE9" s="98">
        <v>619</v>
      </c>
      <c r="AF9" s="98">
        <v>333</v>
      </c>
      <c r="AG9" s="98">
        <v>173</v>
      </c>
      <c r="AH9" s="99">
        <v>3393</v>
      </c>
      <c r="AI9" s="101">
        <v>3413</v>
      </c>
    </row>
    <row r="10" spans="2:35" ht="21" customHeight="1" x14ac:dyDescent="0.2">
      <c r="B10" s="18" t="s">
        <v>8</v>
      </c>
      <c r="C10" s="97">
        <v>8</v>
      </c>
      <c r="D10" s="98">
        <v>11</v>
      </c>
      <c r="E10" s="99">
        <v>19</v>
      </c>
      <c r="F10" s="100">
        <v>0</v>
      </c>
      <c r="G10" s="98">
        <v>729</v>
      </c>
      <c r="H10" s="98">
        <v>654</v>
      </c>
      <c r="I10" s="98">
        <v>405</v>
      </c>
      <c r="J10" s="98">
        <v>232</v>
      </c>
      <c r="K10" s="98">
        <v>130</v>
      </c>
      <c r="L10" s="99">
        <v>2150</v>
      </c>
      <c r="M10" s="101">
        <v>2169</v>
      </c>
      <c r="N10" s="102">
        <v>0</v>
      </c>
      <c r="O10" s="98">
        <v>1</v>
      </c>
      <c r="P10" s="99">
        <v>1</v>
      </c>
      <c r="Q10" s="100">
        <v>0</v>
      </c>
      <c r="R10" s="98">
        <v>18</v>
      </c>
      <c r="S10" s="98">
        <v>17</v>
      </c>
      <c r="T10" s="98">
        <v>8</v>
      </c>
      <c r="U10" s="98">
        <v>3</v>
      </c>
      <c r="V10" s="98">
        <v>4</v>
      </c>
      <c r="W10" s="99">
        <v>50</v>
      </c>
      <c r="X10" s="101">
        <v>51</v>
      </c>
      <c r="Y10" s="102">
        <v>8</v>
      </c>
      <c r="Z10" s="98">
        <v>12</v>
      </c>
      <c r="AA10" s="99">
        <v>20</v>
      </c>
      <c r="AB10" s="100">
        <v>0</v>
      </c>
      <c r="AC10" s="98">
        <v>747</v>
      </c>
      <c r="AD10" s="98">
        <v>671</v>
      </c>
      <c r="AE10" s="98">
        <v>413</v>
      </c>
      <c r="AF10" s="98">
        <v>235</v>
      </c>
      <c r="AG10" s="98">
        <v>134</v>
      </c>
      <c r="AH10" s="99">
        <v>2200</v>
      </c>
      <c r="AI10" s="101">
        <v>2220</v>
      </c>
    </row>
    <row r="11" spans="2:35" ht="21" customHeight="1" x14ac:dyDescent="0.2">
      <c r="B11" s="18" t="s">
        <v>9</v>
      </c>
      <c r="C11" s="97">
        <v>5</v>
      </c>
      <c r="D11" s="98">
        <v>7</v>
      </c>
      <c r="E11" s="99">
        <v>12</v>
      </c>
      <c r="F11" s="100">
        <v>0</v>
      </c>
      <c r="G11" s="98">
        <v>483</v>
      </c>
      <c r="H11" s="98">
        <v>377</v>
      </c>
      <c r="I11" s="98">
        <v>294</v>
      </c>
      <c r="J11" s="98">
        <v>167</v>
      </c>
      <c r="K11" s="98">
        <v>75</v>
      </c>
      <c r="L11" s="99">
        <v>1396</v>
      </c>
      <c r="M11" s="101">
        <v>1408</v>
      </c>
      <c r="N11" s="102">
        <v>0</v>
      </c>
      <c r="O11" s="98">
        <v>0</v>
      </c>
      <c r="P11" s="99">
        <v>0</v>
      </c>
      <c r="Q11" s="100">
        <v>0</v>
      </c>
      <c r="R11" s="98">
        <v>11</v>
      </c>
      <c r="S11" s="98">
        <v>10</v>
      </c>
      <c r="T11" s="98">
        <v>4</v>
      </c>
      <c r="U11" s="98">
        <v>6</v>
      </c>
      <c r="V11" s="98">
        <v>1</v>
      </c>
      <c r="W11" s="99">
        <v>32</v>
      </c>
      <c r="X11" s="101">
        <v>32</v>
      </c>
      <c r="Y11" s="102">
        <v>5</v>
      </c>
      <c r="Z11" s="98">
        <v>7</v>
      </c>
      <c r="AA11" s="99">
        <v>12</v>
      </c>
      <c r="AB11" s="100">
        <v>0</v>
      </c>
      <c r="AC11" s="98">
        <v>494</v>
      </c>
      <c r="AD11" s="98">
        <v>387</v>
      </c>
      <c r="AE11" s="98">
        <v>298</v>
      </c>
      <c r="AF11" s="98">
        <v>173</v>
      </c>
      <c r="AG11" s="98">
        <v>76</v>
      </c>
      <c r="AH11" s="99">
        <v>1428</v>
      </c>
      <c r="AI11" s="101">
        <v>1440</v>
      </c>
    </row>
    <row r="12" spans="2:35" ht="21" customHeight="1" x14ac:dyDescent="0.2">
      <c r="B12" s="18" t="s">
        <v>10</v>
      </c>
      <c r="C12" s="97">
        <v>10</v>
      </c>
      <c r="D12" s="98">
        <v>27</v>
      </c>
      <c r="E12" s="99">
        <v>37</v>
      </c>
      <c r="F12" s="100">
        <v>0</v>
      </c>
      <c r="G12" s="98">
        <v>871</v>
      </c>
      <c r="H12" s="98">
        <v>567</v>
      </c>
      <c r="I12" s="98">
        <v>388</v>
      </c>
      <c r="J12" s="98">
        <v>292</v>
      </c>
      <c r="K12" s="98">
        <v>257</v>
      </c>
      <c r="L12" s="99">
        <v>2375</v>
      </c>
      <c r="M12" s="101">
        <v>2412</v>
      </c>
      <c r="N12" s="102">
        <v>0</v>
      </c>
      <c r="O12" s="98">
        <v>1</v>
      </c>
      <c r="P12" s="99">
        <v>1</v>
      </c>
      <c r="Q12" s="100">
        <v>0</v>
      </c>
      <c r="R12" s="98">
        <v>9</v>
      </c>
      <c r="S12" s="98">
        <v>7</v>
      </c>
      <c r="T12" s="98">
        <v>10</v>
      </c>
      <c r="U12" s="98">
        <v>9</v>
      </c>
      <c r="V12" s="98">
        <v>5</v>
      </c>
      <c r="W12" s="99">
        <v>40</v>
      </c>
      <c r="X12" s="101">
        <v>41</v>
      </c>
      <c r="Y12" s="102">
        <v>10</v>
      </c>
      <c r="Z12" s="98">
        <v>28</v>
      </c>
      <c r="AA12" s="99">
        <v>38</v>
      </c>
      <c r="AB12" s="100">
        <v>0</v>
      </c>
      <c r="AC12" s="98">
        <v>880</v>
      </c>
      <c r="AD12" s="98">
        <v>574</v>
      </c>
      <c r="AE12" s="98">
        <v>398</v>
      </c>
      <c r="AF12" s="98">
        <v>301</v>
      </c>
      <c r="AG12" s="98">
        <v>262</v>
      </c>
      <c r="AH12" s="99">
        <v>2415</v>
      </c>
      <c r="AI12" s="101">
        <v>2453</v>
      </c>
    </row>
    <row r="13" spans="2:35" ht="21" customHeight="1" x14ac:dyDescent="0.2">
      <c r="B13" s="18" t="s">
        <v>11</v>
      </c>
      <c r="C13" s="97">
        <v>2</v>
      </c>
      <c r="D13" s="98">
        <v>9</v>
      </c>
      <c r="E13" s="99">
        <v>11</v>
      </c>
      <c r="F13" s="100">
        <v>0</v>
      </c>
      <c r="G13" s="98">
        <v>666</v>
      </c>
      <c r="H13" s="98">
        <v>407</v>
      </c>
      <c r="I13" s="98">
        <v>262</v>
      </c>
      <c r="J13" s="98">
        <v>169</v>
      </c>
      <c r="K13" s="98">
        <v>73</v>
      </c>
      <c r="L13" s="99">
        <v>1577</v>
      </c>
      <c r="M13" s="101">
        <v>1588</v>
      </c>
      <c r="N13" s="102">
        <v>0</v>
      </c>
      <c r="O13" s="98">
        <v>0</v>
      </c>
      <c r="P13" s="99">
        <v>0</v>
      </c>
      <c r="Q13" s="100">
        <v>0</v>
      </c>
      <c r="R13" s="98">
        <v>9</v>
      </c>
      <c r="S13" s="98">
        <v>7</v>
      </c>
      <c r="T13" s="98">
        <v>2</v>
      </c>
      <c r="U13" s="98">
        <v>3</v>
      </c>
      <c r="V13" s="98">
        <v>4</v>
      </c>
      <c r="W13" s="99">
        <v>25</v>
      </c>
      <c r="X13" s="101">
        <v>25</v>
      </c>
      <c r="Y13" s="102">
        <v>2</v>
      </c>
      <c r="Z13" s="98">
        <v>9</v>
      </c>
      <c r="AA13" s="99">
        <v>11</v>
      </c>
      <c r="AB13" s="100">
        <v>0</v>
      </c>
      <c r="AC13" s="98">
        <v>675</v>
      </c>
      <c r="AD13" s="98">
        <v>414</v>
      </c>
      <c r="AE13" s="98">
        <v>264</v>
      </c>
      <c r="AF13" s="98">
        <v>172</v>
      </c>
      <c r="AG13" s="98">
        <v>77</v>
      </c>
      <c r="AH13" s="99">
        <v>1602</v>
      </c>
      <c r="AI13" s="101">
        <v>1613</v>
      </c>
    </row>
    <row r="14" spans="2:35" ht="21" customHeight="1" x14ac:dyDescent="0.2">
      <c r="B14" s="18" t="s">
        <v>12</v>
      </c>
      <c r="C14" s="97">
        <v>0</v>
      </c>
      <c r="D14" s="98">
        <v>0</v>
      </c>
      <c r="E14" s="99">
        <v>0</v>
      </c>
      <c r="F14" s="100">
        <v>0</v>
      </c>
      <c r="G14" s="98">
        <v>480</v>
      </c>
      <c r="H14" s="98">
        <v>312</v>
      </c>
      <c r="I14" s="98">
        <v>290</v>
      </c>
      <c r="J14" s="98">
        <v>211</v>
      </c>
      <c r="K14" s="98">
        <v>111</v>
      </c>
      <c r="L14" s="99">
        <v>1404</v>
      </c>
      <c r="M14" s="101">
        <v>1404</v>
      </c>
      <c r="N14" s="102">
        <v>0</v>
      </c>
      <c r="O14" s="98">
        <v>0</v>
      </c>
      <c r="P14" s="99">
        <v>0</v>
      </c>
      <c r="Q14" s="100">
        <v>0</v>
      </c>
      <c r="R14" s="98">
        <v>5</v>
      </c>
      <c r="S14" s="98">
        <v>6</v>
      </c>
      <c r="T14" s="98">
        <v>4</v>
      </c>
      <c r="U14" s="98">
        <v>2</v>
      </c>
      <c r="V14" s="98">
        <v>4</v>
      </c>
      <c r="W14" s="99">
        <v>21</v>
      </c>
      <c r="X14" s="101">
        <v>21</v>
      </c>
      <c r="Y14" s="102">
        <v>0</v>
      </c>
      <c r="Z14" s="98">
        <v>0</v>
      </c>
      <c r="AA14" s="99">
        <v>0</v>
      </c>
      <c r="AB14" s="100">
        <v>0</v>
      </c>
      <c r="AC14" s="98">
        <v>485</v>
      </c>
      <c r="AD14" s="98">
        <v>318</v>
      </c>
      <c r="AE14" s="98">
        <v>294</v>
      </c>
      <c r="AF14" s="98">
        <v>213</v>
      </c>
      <c r="AG14" s="98">
        <v>115</v>
      </c>
      <c r="AH14" s="99">
        <v>1425</v>
      </c>
      <c r="AI14" s="101">
        <v>1425</v>
      </c>
    </row>
    <row r="15" spans="2:35" ht="21" customHeight="1" x14ac:dyDescent="0.2">
      <c r="B15" s="18" t="s">
        <v>13</v>
      </c>
      <c r="C15" s="97">
        <v>1</v>
      </c>
      <c r="D15" s="98">
        <v>2</v>
      </c>
      <c r="E15" s="99">
        <v>3</v>
      </c>
      <c r="F15" s="100">
        <v>0</v>
      </c>
      <c r="G15" s="98">
        <v>155</v>
      </c>
      <c r="H15" s="98">
        <v>152</v>
      </c>
      <c r="I15" s="98">
        <v>87</v>
      </c>
      <c r="J15" s="98">
        <v>67</v>
      </c>
      <c r="K15" s="98">
        <v>31</v>
      </c>
      <c r="L15" s="99">
        <v>492</v>
      </c>
      <c r="M15" s="101">
        <v>495</v>
      </c>
      <c r="N15" s="102">
        <v>0</v>
      </c>
      <c r="O15" s="98">
        <v>0</v>
      </c>
      <c r="P15" s="99">
        <v>0</v>
      </c>
      <c r="Q15" s="100">
        <v>0</v>
      </c>
      <c r="R15" s="98">
        <v>4</v>
      </c>
      <c r="S15" s="98">
        <v>2</v>
      </c>
      <c r="T15" s="98">
        <v>4</v>
      </c>
      <c r="U15" s="98">
        <v>1</v>
      </c>
      <c r="V15" s="98">
        <v>0</v>
      </c>
      <c r="W15" s="99">
        <v>11</v>
      </c>
      <c r="X15" s="101">
        <v>11</v>
      </c>
      <c r="Y15" s="102">
        <v>1</v>
      </c>
      <c r="Z15" s="98">
        <v>2</v>
      </c>
      <c r="AA15" s="99">
        <v>3</v>
      </c>
      <c r="AB15" s="100">
        <v>0</v>
      </c>
      <c r="AC15" s="98">
        <v>159</v>
      </c>
      <c r="AD15" s="98">
        <v>154</v>
      </c>
      <c r="AE15" s="98">
        <v>91</v>
      </c>
      <c r="AF15" s="98">
        <v>68</v>
      </c>
      <c r="AG15" s="98">
        <v>31</v>
      </c>
      <c r="AH15" s="99">
        <v>503</v>
      </c>
      <c r="AI15" s="101">
        <v>506</v>
      </c>
    </row>
    <row r="16" spans="2:35" ht="21" customHeight="1" x14ac:dyDescent="0.2">
      <c r="B16" s="18" t="s">
        <v>15</v>
      </c>
      <c r="C16" s="97">
        <v>4</v>
      </c>
      <c r="D16" s="98">
        <v>13</v>
      </c>
      <c r="E16" s="99">
        <v>17</v>
      </c>
      <c r="F16" s="100">
        <v>0</v>
      </c>
      <c r="G16" s="98">
        <v>207</v>
      </c>
      <c r="H16" s="98">
        <v>208</v>
      </c>
      <c r="I16" s="98">
        <v>140</v>
      </c>
      <c r="J16" s="98">
        <v>91</v>
      </c>
      <c r="K16" s="98">
        <v>44</v>
      </c>
      <c r="L16" s="99">
        <v>690</v>
      </c>
      <c r="M16" s="101">
        <v>707</v>
      </c>
      <c r="N16" s="102">
        <v>0</v>
      </c>
      <c r="O16" s="98">
        <v>1</v>
      </c>
      <c r="P16" s="99">
        <v>1</v>
      </c>
      <c r="Q16" s="100">
        <v>0</v>
      </c>
      <c r="R16" s="98">
        <v>3</v>
      </c>
      <c r="S16" s="98">
        <v>5</v>
      </c>
      <c r="T16" s="98">
        <v>2</v>
      </c>
      <c r="U16" s="98">
        <v>1</v>
      </c>
      <c r="V16" s="98">
        <v>1</v>
      </c>
      <c r="W16" s="99">
        <v>12</v>
      </c>
      <c r="X16" s="101">
        <v>13</v>
      </c>
      <c r="Y16" s="102">
        <v>4</v>
      </c>
      <c r="Z16" s="98">
        <v>14</v>
      </c>
      <c r="AA16" s="99">
        <v>18</v>
      </c>
      <c r="AB16" s="100">
        <v>0</v>
      </c>
      <c r="AC16" s="98">
        <v>210</v>
      </c>
      <c r="AD16" s="98">
        <v>213</v>
      </c>
      <c r="AE16" s="98">
        <v>142</v>
      </c>
      <c r="AF16" s="98">
        <v>92</v>
      </c>
      <c r="AG16" s="98">
        <v>45</v>
      </c>
      <c r="AH16" s="99">
        <v>702</v>
      </c>
      <c r="AI16" s="101">
        <v>720</v>
      </c>
    </row>
    <row r="17" spans="2:35" ht="21" customHeight="1" x14ac:dyDescent="0.2">
      <c r="B17" s="18" t="s">
        <v>16</v>
      </c>
      <c r="C17" s="97">
        <v>2</v>
      </c>
      <c r="D17" s="98">
        <v>1</v>
      </c>
      <c r="E17" s="99">
        <v>3</v>
      </c>
      <c r="F17" s="100">
        <v>0</v>
      </c>
      <c r="G17" s="98">
        <v>191</v>
      </c>
      <c r="H17" s="98">
        <v>247</v>
      </c>
      <c r="I17" s="98">
        <v>182</v>
      </c>
      <c r="J17" s="98">
        <v>108</v>
      </c>
      <c r="K17" s="98">
        <v>75</v>
      </c>
      <c r="L17" s="99">
        <v>803</v>
      </c>
      <c r="M17" s="101">
        <v>806</v>
      </c>
      <c r="N17" s="102">
        <v>0</v>
      </c>
      <c r="O17" s="98">
        <v>0</v>
      </c>
      <c r="P17" s="99">
        <v>0</v>
      </c>
      <c r="Q17" s="100">
        <v>0</v>
      </c>
      <c r="R17" s="98">
        <v>1</v>
      </c>
      <c r="S17" s="98">
        <v>1</v>
      </c>
      <c r="T17" s="98">
        <v>5</v>
      </c>
      <c r="U17" s="98">
        <v>1</v>
      </c>
      <c r="V17" s="98">
        <v>1</v>
      </c>
      <c r="W17" s="99">
        <v>9</v>
      </c>
      <c r="X17" s="101">
        <v>9</v>
      </c>
      <c r="Y17" s="102">
        <v>2</v>
      </c>
      <c r="Z17" s="98">
        <v>1</v>
      </c>
      <c r="AA17" s="99">
        <v>3</v>
      </c>
      <c r="AB17" s="100">
        <v>0</v>
      </c>
      <c r="AC17" s="98">
        <v>192</v>
      </c>
      <c r="AD17" s="98">
        <v>248</v>
      </c>
      <c r="AE17" s="98">
        <v>187</v>
      </c>
      <c r="AF17" s="98">
        <v>109</v>
      </c>
      <c r="AG17" s="98">
        <v>76</v>
      </c>
      <c r="AH17" s="99">
        <v>812</v>
      </c>
      <c r="AI17" s="101">
        <v>815</v>
      </c>
    </row>
    <row r="18" spans="2:35" ht="21" customHeight="1" x14ac:dyDescent="0.2">
      <c r="B18" s="18" t="s">
        <v>17</v>
      </c>
      <c r="C18" s="97">
        <v>1</v>
      </c>
      <c r="D18" s="98">
        <v>4</v>
      </c>
      <c r="E18" s="99">
        <v>5</v>
      </c>
      <c r="F18" s="100">
        <v>0</v>
      </c>
      <c r="G18" s="98">
        <v>330</v>
      </c>
      <c r="H18" s="98">
        <v>401</v>
      </c>
      <c r="I18" s="98">
        <v>268</v>
      </c>
      <c r="J18" s="98">
        <v>178</v>
      </c>
      <c r="K18" s="98">
        <v>139</v>
      </c>
      <c r="L18" s="99">
        <v>1316</v>
      </c>
      <c r="M18" s="101">
        <v>1321</v>
      </c>
      <c r="N18" s="102">
        <v>0</v>
      </c>
      <c r="O18" s="98">
        <v>0</v>
      </c>
      <c r="P18" s="99">
        <v>0</v>
      </c>
      <c r="Q18" s="100">
        <v>0</v>
      </c>
      <c r="R18" s="98">
        <v>1</v>
      </c>
      <c r="S18" s="98">
        <v>18</v>
      </c>
      <c r="T18" s="98">
        <v>12</v>
      </c>
      <c r="U18" s="98">
        <v>11</v>
      </c>
      <c r="V18" s="98">
        <v>5</v>
      </c>
      <c r="W18" s="99">
        <v>47</v>
      </c>
      <c r="X18" s="101">
        <v>47</v>
      </c>
      <c r="Y18" s="102">
        <v>1</v>
      </c>
      <c r="Z18" s="98">
        <v>4</v>
      </c>
      <c r="AA18" s="99">
        <v>5</v>
      </c>
      <c r="AB18" s="100">
        <v>0</v>
      </c>
      <c r="AC18" s="98">
        <v>331</v>
      </c>
      <c r="AD18" s="98">
        <v>419</v>
      </c>
      <c r="AE18" s="98">
        <v>280</v>
      </c>
      <c r="AF18" s="98">
        <v>189</v>
      </c>
      <c r="AG18" s="98">
        <v>144</v>
      </c>
      <c r="AH18" s="99">
        <v>1363</v>
      </c>
      <c r="AI18" s="101">
        <v>1368</v>
      </c>
    </row>
    <row r="19" spans="2:35" ht="21" customHeight="1" x14ac:dyDescent="0.2">
      <c r="B19" s="18" t="s">
        <v>18</v>
      </c>
      <c r="C19" s="97">
        <v>9</v>
      </c>
      <c r="D19" s="98">
        <v>13</v>
      </c>
      <c r="E19" s="99">
        <v>22</v>
      </c>
      <c r="F19" s="100">
        <v>0</v>
      </c>
      <c r="G19" s="98">
        <v>364</v>
      </c>
      <c r="H19" s="98">
        <v>351</v>
      </c>
      <c r="I19" s="98">
        <v>247</v>
      </c>
      <c r="J19" s="98">
        <v>146</v>
      </c>
      <c r="K19" s="98">
        <v>86</v>
      </c>
      <c r="L19" s="99">
        <v>1194</v>
      </c>
      <c r="M19" s="101">
        <v>1216</v>
      </c>
      <c r="N19" s="102">
        <v>0</v>
      </c>
      <c r="O19" s="98">
        <v>0</v>
      </c>
      <c r="P19" s="99">
        <v>0</v>
      </c>
      <c r="Q19" s="100">
        <v>0</v>
      </c>
      <c r="R19" s="98">
        <v>5</v>
      </c>
      <c r="S19" s="98">
        <v>3</v>
      </c>
      <c r="T19" s="98">
        <v>1</v>
      </c>
      <c r="U19" s="98">
        <v>4</v>
      </c>
      <c r="V19" s="98">
        <v>5</v>
      </c>
      <c r="W19" s="99">
        <v>18</v>
      </c>
      <c r="X19" s="101">
        <v>18</v>
      </c>
      <c r="Y19" s="102">
        <v>9</v>
      </c>
      <c r="Z19" s="98">
        <v>13</v>
      </c>
      <c r="AA19" s="99">
        <v>22</v>
      </c>
      <c r="AB19" s="100">
        <v>0</v>
      </c>
      <c r="AC19" s="98">
        <v>369</v>
      </c>
      <c r="AD19" s="98">
        <v>354</v>
      </c>
      <c r="AE19" s="98">
        <v>248</v>
      </c>
      <c r="AF19" s="98">
        <v>150</v>
      </c>
      <c r="AG19" s="98">
        <v>91</v>
      </c>
      <c r="AH19" s="99">
        <v>1212</v>
      </c>
      <c r="AI19" s="101">
        <v>1234</v>
      </c>
    </row>
    <row r="20" spans="2:35" ht="21" customHeight="1" x14ac:dyDescent="0.2">
      <c r="B20" s="18" t="s">
        <v>19</v>
      </c>
      <c r="C20" s="97">
        <v>0</v>
      </c>
      <c r="D20" s="98">
        <v>2</v>
      </c>
      <c r="E20" s="99">
        <v>2</v>
      </c>
      <c r="F20" s="100">
        <v>0</v>
      </c>
      <c r="G20" s="98">
        <v>204</v>
      </c>
      <c r="H20" s="98">
        <v>198</v>
      </c>
      <c r="I20" s="98">
        <v>119</v>
      </c>
      <c r="J20" s="98">
        <v>78</v>
      </c>
      <c r="K20" s="98">
        <v>59</v>
      </c>
      <c r="L20" s="99">
        <v>658</v>
      </c>
      <c r="M20" s="101">
        <v>660</v>
      </c>
      <c r="N20" s="102">
        <v>0</v>
      </c>
      <c r="O20" s="98">
        <v>0</v>
      </c>
      <c r="P20" s="99">
        <v>0</v>
      </c>
      <c r="Q20" s="100">
        <v>0</v>
      </c>
      <c r="R20" s="98">
        <v>0</v>
      </c>
      <c r="S20" s="98">
        <v>2</v>
      </c>
      <c r="T20" s="98">
        <v>1</v>
      </c>
      <c r="U20" s="98">
        <v>0</v>
      </c>
      <c r="V20" s="98">
        <v>1</v>
      </c>
      <c r="W20" s="99">
        <v>4</v>
      </c>
      <c r="X20" s="101">
        <v>4</v>
      </c>
      <c r="Y20" s="102">
        <v>0</v>
      </c>
      <c r="Z20" s="98">
        <v>2</v>
      </c>
      <c r="AA20" s="99">
        <v>2</v>
      </c>
      <c r="AB20" s="100">
        <v>0</v>
      </c>
      <c r="AC20" s="98">
        <v>204</v>
      </c>
      <c r="AD20" s="98">
        <v>200</v>
      </c>
      <c r="AE20" s="98">
        <v>120</v>
      </c>
      <c r="AF20" s="98">
        <v>78</v>
      </c>
      <c r="AG20" s="98">
        <v>60</v>
      </c>
      <c r="AH20" s="99">
        <v>662</v>
      </c>
      <c r="AI20" s="101">
        <v>664</v>
      </c>
    </row>
    <row r="21" spans="2:35" ht="21" customHeight="1" x14ac:dyDescent="0.2">
      <c r="B21" s="18" t="s">
        <v>20</v>
      </c>
      <c r="C21" s="97">
        <v>1</v>
      </c>
      <c r="D21" s="98">
        <v>1</v>
      </c>
      <c r="E21" s="99">
        <v>2</v>
      </c>
      <c r="F21" s="100">
        <v>0</v>
      </c>
      <c r="G21" s="98">
        <v>219</v>
      </c>
      <c r="H21" s="98">
        <v>116</v>
      </c>
      <c r="I21" s="98">
        <v>96</v>
      </c>
      <c r="J21" s="98">
        <v>51</v>
      </c>
      <c r="K21" s="98">
        <v>15</v>
      </c>
      <c r="L21" s="99">
        <v>497</v>
      </c>
      <c r="M21" s="101">
        <v>499</v>
      </c>
      <c r="N21" s="102">
        <v>0</v>
      </c>
      <c r="O21" s="98">
        <v>0</v>
      </c>
      <c r="P21" s="99">
        <v>0</v>
      </c>
      <c r="Q21" s="100">
        <v>0</v>
      </c>
      <c r="R21" s="98">
        <v>5</v>
      </c>
      <c r="S21" s="98">
        <v>1</v>
      </c>
      <c r="T21" s="98">
        <v>0</v>
      </c>
      <c r="U21" s="98">
        <v>0</v>
      </c>
      <c r="V21" s="98">
        <v>0</v>
      </c>
      <c r="W21" s="99">
        <v>6</v>
      </c>
      <c r="X21" s="101">
        <v>6</v>
      </c>
      <c r="Y21" s="102">
        <v>1</v>
      </c>
      <c r="Z21" s="98">
        <v>1</v>
      </c>
      <c r="AA21" s="99">
        <v>2</v>
      </c>
      <c r="AB21" s="100">
        <v>0</v>
      </c>
      <c r="AC21" s="98">
        <v>224</v>
      </c>
      <c r="AD21" s="98">
        <v>117</v>
      </c>
      <c r="AE21" s="98">
        <v>96</v>
      </c>
      <c r="AF21" s="98">
        <v>51</v>
      </c>
      <c r="AG21" s="98">
        <v>15</v>
      </c>
      <c r="AH21" s="99">
        <v>503</v>
      </c>
      <c r="AI21" s="101">
        <v>505</v>
      </c>
    </row>
    <row r="22" spans="2:35" ht="21" customHeight="1" x14ac:dyDescent="0.2">
      <c r="B22" s="18" t="s">
        <v>21</v>
      </c>
      <c r="C22" s="97">
        <v>1</v>
      </c>
      <c r="D22" s="98">
        <v>2</v>
      </c>
      <c r="E22" s="99">
        <v>3</v>
      </c>
      <c r="F22" s="100">
        <v>0</v>
      </c>
      <c r="G22" s="98">
        <v>215</v>
      </c>
      <c r="H22" s="98">
        <v>242</v>
      </c>
      <c r="I22" s="98">
        <v>115</v>
      </c>
      <c r="J22" s="98">
        <v>55</v>
      </c>
      <c r="K22" s="98">
        <v>34</v>
      </c>
      <c r="L22" s="99">
        <v>661</v>
      </c>
      <c r="M22" s="101">
        <v>664</v>
      </c>
      <c r="N22" s="102">
        <v>0</v>
      </c>
      <c r="O22" s="98">
        <v>0</v>
      </c>
      <c r="P22" s="99">
        <v>0</v>
      </c>
      <c r="Q22" s="100">
        <v>0</v>
      </c>
      <c r="R22" s="98">
        <v>0</v>
      </c>
      <c r="S22" s="98">
        <v>4</v>
      </c>
      <c r="T22" s="98">
        <v>3</v>
      </c>
      <c r="U22" s="98">
        <v>2</v>
      </c>
      <c r="V22" s="98">
        <v>2</v>
      </c>
      <c r="W22" s="99">
        <v>11</v>
      </c>
      <c r="X22" s="101">
        <v>11</v>
      </c>
      <c r="Y22" s="102">
        <v>1</v>
      </c>
      <c r="Z22" s="98">
        <v>2</v>
      </c>
      <c r="AA22" s="99">
        <v>3</v>
      </c>
      <c r="AB22" s="100">
        <v>0</v>
      </c>
      <c r="AC22" s="98">
        <v>215</v>
      </c>
      <c r="AD22" s="98">
        <v>246</v>
      </c>
      <c r="AE22" s="98">
        <v>118</v>
      </c>
      <c r="AF22" s="98">
        <v>57</v>
      </c>
      <c r="AG22" s="98">
        <v>36</v>
      </c>
      <c r="AH22" s="99">
        <v>672</v>
      </c>
      <c r="AI22" s="101">
        <v>675</v>
      </c>
    </row>
    <row r="23" spans="2:35" ht="21" customHeight="1" x14ac:dyDescent="0.2">
      <c r="B23" s="18" t="s">
        <v>22</v>
      </c>
      <c r="C23" s="97">
        <v>4</v>
      </c>
      <c r="D23" s="98">
        <v>3</v>
      </c>
      <c r="E23" s="99">
        <v>7</v>
      </c>
      <c r="F23" s="100">
        <v>0</v>
      </c>
      <c r="G23" s="98">
        <v>176</v>
      </c>
      <c r="H23" s="98">
        <v>145</v>
      </c>
      <c r="I23" s="98">
        <v>70</v>
      </c>
      <c r="J23" s="98">
        <v>56</v>
      </c>
      <c r="K23" s="98">
        <v>19</v>
      </c>
      <c r="L23" s="99">
        <v>466</v>
      </c>
      <c r="M23" s="101">
        <v>473</v>
      </c>
      <c r="N23" s="102">
        <v>0</v>
      </c>
      <c r="O23" s="98">
        <v>0</v>
      </c>
      <c r="P23" s="99">
        <v>0</v>
      </c>
      <c r="Q23" s="100">
        <v>0</v>
      </c>
      <c r="R23" s="98">
        <v>5</v>
      </c>
      <c r="S23" s="98">
        <v>0</v>
      </c>
      <c r="T23" s="98">
        <v>2</v>
      </c>
      <c r="U23" s="98">
        <v>1</v>
      </c>
      <c r="V23" s="98">
        <v>0</v>
      </c>
      <c r="W23" s="99">
        <v>8</v>
      </c>
      <c r="X23" s="101">
        <v>8</v>
      </c>
      <c r="Y23" s="102">
        <v>4</v>
      </c>
      <c r="Z23" s="98">
        <v>3</v>
      </c>
      <c r="AA23" s="99">
        <v>7</v>
      </c>
      <c r="AB23" s="100">
        <v>0</v>
      </c>
      <c r="AC23" s="98">
        <v>181</v>
      </c>
      <c r="AD23" s="98">
        <v>145</v>
      </c>
      <c r="AE23" s="98">
        <v>72</v>
      </c>
      <c r="AF23" s="98">
        <v>57</v>
      </c>
      <c r="AG23" s="98">
        <v>19</v>
      </c>
      <c r="AH23" s="99">
        <v>474</v>
      </c>
      <c r="AI23" s="101">
        <v>481</v>
      </c>
    </row>
    <row r="24" spans="2:35" ht="21" customHeight="1" x14ac:dyDescent="0.2">
      <c r="B24" s="18" t="s">
        <v>23</v>
      </c>
      <c r="C24" s="97">
        <v>0</v>
      </c>
      <c r="D24" s="98">
        <v>1</v>
      </c>
      <c r="E24" s="99">
        <v>1</v>
      </c>
      <c r="F24" s="100">
        <v>0</v>
      </c>
      <c r="G24" s="98">
        <v>83</v>
      </c>
      <c r="H24" s="98">
        <v>64</v>
      </c>
      <c r="I24" s="98">
        <v>40</v>
      </c>
      <c r="J24" s="98">
        <v>26</v>
      </c>
      <c r="K24" s="98">
        <v>10</v>
      </c>
      <c r="L24" s="99">
        <v>223</v>
      </c>
      <c r="M24" s="101">
        <v>224</v>
      </c>
      <c r="N24" s="102">
        <v>0</v>
      </c>
      <c r="O24" s="98">
        <v>0</v>
      </c>
      <c r="P24" s="99">
        <v>0</v>
      </c>
      <c r="Q24" s="100">
        <v>0</v>
      </c>
      <c r="R24" s="98">
        <v>0</v>
      </c>
      <c r="S24" s="98">
        <v>1</v>
      </c>
      <c r="T24" s="98">
        <v>0</v>
      </c>
      <c r="U24" s="98">
        <v>0</v>
      </c>
      <c r="V24" s="98">
        <v>0</v>
      </c>
      <c r="W24" s="99">
        <v>1</v>
      </c>
      <c r="X24" s="101">
        <v>1</v>
      </c>
      <c r="Y24" s="102">
        <v>0</v>
      </c>
      <c r="Z24" s="98">
        <v>1</v>
      </c>
      <c r="AA24" s="99">
        <v>1</v>
      </c>
      <c r="AB24" s="100">
        <v>0</v>
      </c>
      <c r="AC24" s="98">
        <v>83</v>
      </c>
      <c r="AD24" s="98">
        <v>65</v>
      </c>
      <c r="AE24" s="98">
        <v>40</v>
      </c>
      <c r="AF24" s="98">
        <v>26</v>
      </c>
      <c r="AG24" s="98">
        <v>10</v>
      </c>
      <c r="AH24" s="99">
        <v>224</v>
      </c>
      <c r="AI24" s="101">
        <v>225</v>
      </c>
    </row>
    <row r="25" spans="2:35" ht="21" customHeight="1" x14ac:dyDescent="0.2">
      <c r="B25" s="18" t="s">
        <v>24</v>
      </c>
      <c r="C25" s="97">
        <v>6</v>
      </c>
      <c r="D25" s="98">
        <v>4</v>
      </c>
      <c r="E25" s="99">
        <v>10</v>
      </c>
      <c r="F25" s="100">
        <v>0</v>
      </c>
      <c r="G25" s="98">
        <v>60</v>
      </c>
      <c r="H25" s="98">
        <v>34</v>
      </c>
      <c r="I25" s="98">
        <v>31</v>
      </c>
      <c r="J25" s="98">
        <v>17</v>
      </c>
      <c r="K25" s="98">
        <v>13</v>
      </c>
      <c r="L25" s="99">
        <v>155</v>
      </c>
      <c r="M25" s="101">
        <v>165</v>
      </c>
      <c r="N25" s="102">
        <v>0</v>
      </c>
      <c r="O25" s="98">
        <v>0</v>
      </c>
      <c r="P25" s="99">
        <v>0</v>
      </c>
      <c r="Q25" s="100">
        <v>0</v>
      </c>
      <c r="R25" s="98">
        <v>0</v>
      </c>
      <c r="S25" s="98">
        <v>0</v>
      </c>
      <c r="T25" s="98">
        <v>0</v>
      </c>
      <c r="U25" s="98">
        <v>0</v>
      </c>
      <c r="V25" s="98">
        <v>0</v>
      </c>
      <c r="W25" s="99">
        <v>0</v>
      </c>
      <c r="X25" s="101">
        <v>0</v>
      </c>
      <c r="Y25" s="102">
        <v>6</v>
      </c>
      <c r="Z25" s="98">
        <v>4</v>
      </c>
      <c r="AA25" s="99">
        <v>10</v>
      </c>
      <c r="AB25" s="100">
        <v>0</v>
      </c>
      <c r="AC25" s="98">
        <v>60</v>
      </c>
      <c r="AD25" s="98">
        <v>34</v>
      </c>
      <c r="AE25" s="98">
        <v>31</v>
      </c>
      <c r="AF25" s="98">
        <v>17</v>
      </c>
      <c r="AG25" s="98">
        <v>13</v>
      </c>
      <c r="AH25" s="99">
        <v>155</v>
      </c>
      <c r="AI25" s="101">
        <v>165</v>
      </c>
    </row>
    <row r="26" spans="2:35" ht="21" customHeight="1" x14ac:dyDescent="0.2">
      <c r="B26" s="18" t="s">
        <v>25</v>
      </c>
      <c r="C26" s="97">
        <v>0</v>
      </c>
      <c r="D26" s="98">
        <v>0</v>
      </c>
      <c r="E26" s="99">
        <v>0</v>
      </c>
      <c r="F26" s="100">
        <v>0</v>
      </c>
      <c r="G26" s="98">
        <v>101</v>
      </c>
      <c r="H26" s="98">
        <v>44</v>
      </c>
      <c r="I26" s="98">
        <v>27</v>
      </c>
      <c r="J26" s="98">
        <v>13</v>
      </c>
      <c r="K26" s="98">
        <v>4</v>
      </c>
      <c r="L26" s="99">
        <v>189</v>
      </c>
      <c r="M26" s="101">
        <v>189</v>
      </c>
      <c r="N26" s="102">
        <v>0</v>
      </c>
      <c r="O26" s="98">
        <v>0</v>
      </c>
      <c r="P26" s="99">
        <v>0</v>
      </c>
      <c r="Q26" s="100">
        <v>0</v>
      </c>
      <c r="R26" s="98">
        <v>1</v>
      </c>
      <c r="S26" s="98">
        <v>1</v>
      </c>
      <c r="T26" s="98">
        <v>1</v>
      </c>
      <c r="U26" s="98">
        <v>0</v>
      </c>
      <c r="V26" s="98">
        <v>0</v>
      </c>
      <c r="W26" s="99">
        <v>3</v>
      </c>
      <c r="X26" s="101">
        <v>3</v>
      </c>
      <c r="Y26" s="102">
        <v>0</v>
      </c>
      <c r="Z26" s="98">
        <v>0</v>
      </c>
      <c r="AA26" s="99">
        <v>0</v>
      </c>
      <c r="AB26" s="100">
        <v>0</v>
      </c>
      <c r="AC26" s="98">
        <v>102</v>
      </c>
      <c r="AD26" s="98">
        <v>45</v>
      </c>
      <c r="AE26" s="98">
        <v>28</v>
      </c>
      <c r="AF26" s="98">
        <v>13</v>
      </c>
      <c r="AG26" s="98">
        <v>4</v>
      </c>
      <c r="AH26" s="99">
        <v>192</v>
      </c>
      <c r="AI26" s="101">
        <v>192</v>
      </c>
    </row>
    <row r="27" spans="2:35" ht="21" customHeight="1" x14ac:dyDescent="0.2">
      <c r="B27" s="18" t="s">
        <v>26</v>
      </c>
      <c r="C27" s="97">
        <v>1</v>
      </c>
      <c r="D27" s="98">
        <v>0</v>
      </c>
      <c r="E27" s="99">
        <v>1</v>
      </c>
      <c r="F27" s="100">
        <v>0</v>
      </c>
      <c r="G27" s="98">
        <v>63</v>
      </c>
      <c r="H27" s="98">
        <v>60</v>
      </c>
      <c r="I27" s="98">
        <v>48</v>
      </c>
      <c r="J27" s="98">
        <v>24</v>
      </c>
      <c r="K27" s="98">
        <v>23</v>
      </c>
      <c r="L27" s="99">
        <v>218</v>
      </c>
      <c r="M27" s="101">
        <v>219</v>
      </c>
      <c r="N27" s="102">
        <v>0</v>
      </c>
      <c r="O27" s="98">
        <v>0</v>
      </c>
      <c r="P27" s="99">
        <v>0</v>
      </c>
      <c r="Q27" s="100">
        <v>0</v>
      </c>
      <c r="R27" s="98">
        <v>0</v>
      </c>
      <c r="S27" s="98">
        <v>0</v>
      </c>
      <c r="T27" s="98">
        <v>0</v>
      </c>
      <c r="U27" s="98">
        <v>0</v>
      </c>
      <c r="V27" s="98">
        <v>0</v>
      </c>
      <c r="W27" s="99">
        <v>0</v>
      </c>
      <c r="X27" s="101">
        <v>0</v>
      </c>
      <c r="Y27" s="102">
        <v>1</v>
      </c>
      <c r="Z27" s="98">
        <v>0</v>
      </c>
      <c r="AA27" s="99">
        <v>1</v>
      </c>
      <c r="AB27" s="100">
        <v>0</v>
      </c>
      <c r="AC27" s="98">
        <v>63</v>
      </c>
      <c r="AD27" s="98">
        <v>60</v>
      </c>
      <c r="AE27" s="98">
        <v>48</v>
      </c>
      <c r="AF27" s="98">
        <v>24</v>
      </c>
      <c r="AG27" s="98">
        <v>23</v>
      </c>
      <c r="AH27" s="99">
        <v>218</v>
      </c>
      <c r="AI27" s="101">
        <v>219</v>
      </c>
    </row>
    <row r="28" spans="2:35" ht="21" customHeight="1" x14ac:dyDescent="0.2">
      <c r="B28" s="18" t="s">
        <v>27</v>
      </c>
      <c r="C28" s="97">
        <v>0</v>
      </c>
      <c r="D28" s="98">
        <v>0</v>
      </c>
      <c r="E28" s="99">
        <v>0</v>
      </c>
      <c r="F28" s="100">
        <v>0</v>
      </c>
      <c r="G28" s="98">
        <v>53</v>
      </c>
      <c r="H28" s="98">
        <v>29</v>
      </c>
      <c r="I28" s="98">
        <v>30</v>
      </c>
      <c r="J28" s="98">
        <v>12</v>
      </c>
      <c r="K28" s="98">
        <v>9</v>
      </c>
      <c r="L28" s="99">
        <v>133</v>
      </c>
      <c r="M28" s="101">
        <v>133</v>
      </c>
      <c r="N28" s="102">
        <v>0</v>
      </c>
      <c r="O28" s="98">
        <v>0</v>
      </c>
      <c r="P28" s="99">
        <v>0</v>
      </c>
      <c r="Q28" s="100">
        <v>0</v>
      </c>
      <c r="R28" s="98">
        <v>1</v>
      </c>
      <c r="S28" s="98">
        <v>0</v>
      </c>
      <c r="T28" s="98">
        <v>1</v>
      </c>
      <c r="U28" s="98">
        <v>0</v>
      </c>
      <c r="V28" s="98">
        <v>0</v>
      </c>
      <c r="W28" s="99">
        <v>2</v>
      </c>
      <c r="X28" s="101">
        <v>2</v>
      </c>
      <c r="Y28" s="102">
        <v>0</v>
      </c>
      <c r="Z28" s="98">
        <v>0</v>
      </c>
      <c r="AA28" s="99">
        <v>0</v>
      </c>
      <c r="AB28" s="100">
        <v>0</v>
      </c>
      <c r="AC28" s="98">
        <v>54</v>
      </c>
      <c r="AD28" s="98">
        <v>29</v>
      </c>
      <c r="AE28" s="98">
        <v>31</v>
      </c>
      <c r="AF28" s="98">
        <v>12</v>
      </c>
      <c r="AG28" s="98">
        <v>9</v>
      </c>
      <c r="AH28" s="99">
        <v>135</v>
      </c>
      <c r="AI28" s="101">
        <v>135</v>
      </c>
    </row>
    <row r="29" spans="2:35" ht="21" customHeight="1" x14ac:dyDescent="0.2">
      <c r="B29" s="18" t="s">
        <v>28</v>
      </c>
      <c r="C29" s="97">
        <v>0</v>
      </c>
      <c r="D29" s="98">
        <v>0</v>
      </c>
      <c r="E29" s="99">
        <v>0</v>
      </c>
      <c r="F29" s="100">
        <v>0</v>
      </c>
      <c r="G29" s="98">
        <v>24</v>
      </c>
      <c r="H29" s="98">
        <v>19</v>
      </c>
      <c r="I29" s="98">
        <v>10</v>
      </c>
      <c r="J29" s="98">
        <v>5</v>
      </c>
      <c r="K29" s="98">
        <v>4</v>
      </c>
      <c r="L29" s="99">
        <v>62</v>
      </c>
      <c r="M29" s="101">
        <v>62</v>
      </c>
      <c r="N29" s="102">
        <v>0</v>
      </c>
      <c r="O29" s="98">
        <v>0</v>
      </c>
      <c r="P29" s="99">
        <v>0</v>
      </c>
      <c r="Q29" s="100">
        <v>0</v>
      </c>
      <c r="R29" s="98">
        <v>0</v>
      </c>
      <c r="S29" s="98">
        <v>0</v>
      </c>
      <c r="T29" s="98">
        <v>0</v>
      </c>
      <c r="U29" s="98">
        <v>0</v>
      </c>
      <c r="V29" s="98">
        <v>1</v>
      </c>
      <c r="W29" s="99">
        <v>1</v>
      </c>
      <c r="X29" s="101">
        <v>1</v>
      </c>
      <c r="Y29" s="102">
        <v>0</v>
      </c>
      <c r="Z29" s="98">
        <v>0</v>
      </c>
      <c r="AA29" s="99">
        <v>0</v>
      </c>
      <c r="AB29" s="100">
        <v>0</v>
      </c>
      <c r="AC29" s="98">
        <v>24</v>
      </c>
      <c r="AD29" s="98">
        <v>19</v>
      </c>
      <c r="AE29" s="98">
        <v>10</v>
      </c>
      <c r="AF29" s="98">
        <v>5</v>
      </c>
      <c r="AG29" s="98">
        <v>5</v>
      </c>
      <c r="AH29" s="99">
        <v>63</v>
      </c>
      <c r="AI29" s="101">
        <v>63</v>
      </c>
    </row>
    <row r="30" spans="2:35" ht="21" customHeight="1" x14ac:dyDescent="0.2">
      <c r="B30" s="18" t="s">
        <v>29</v>
      </c>
      <c r="C30" s="97">
        <v>1</v>
      </c>
      <c r="D30" s="98">
        <v>3</v>
      </c>
      <c r="E30" s="99">
        <v>4</v>
      </c>
      <c r="F30" s="100">
        <v>0</v>
      </c>
      <c r="G30" s="98">
        <v>21</v>
      </c>
      <c r="H30" s="98">
        <v>28</v>
      </c>
      <c r="I30" s="98">
        <v>19</v>
      </c>
      <c r="J30" s="98">
        <v>15</v>
      </c>
      <c r="K30" s="98">
        <v>8</v>
      </c>
      <c r="L30" s="99">
        <v>91</v>
      </c>
      <c r="M30" s="101">
        <v>95</v>
      </c>
      <c r="N30" s="102">
        <v>0</v>
      </c>
      <c r="O30" s="98">
        <v>0</v>
      </c>
      <c r="P30" s="99">
        <v>0</v>
      </c>
      <c r="Q30" s="100">
        <v>0</v>
      </c>
      <c r="R30" s="98">
        <v>0</v>
      </c>
      <c r="S30" s="98">
        <v>0</v>
      </c>
      <c r="T30" s="98">
        <v>0</v>
      </c>
      <c r="U30" s="98">
        <v>0</v>
      </c>
      <c r="V30" s="98">
        <v>0</v>
      </c>
      <c r="W30" s="99">
        <v>0</v>
      </c>
      <c r="X30" s="101">
        <v>0</v>
      </c>
      <c r="Y30" s="102">
        <v>1</v>
      </c>
      <c r="Z30" s="98">
        <v>3</v>
      </c>
      <c r="AA30" s="99">
        <v>4</v>
      </c>
      <c r="AB30" s="100">
        <v>0</v>
      </c>
      <c r="AC30" s="98">
        <v>21</v>
      </c>
      <c r="AD30" s="98">
        <v>28</v>
      </c>
      <c r="AE30" s="98">
        <v>19</v>
      </c>
      <c r="AF30" s="98">
        <v>15</v>
      </c>
      <c r="AG30" s="98">
        <v>8</v>
      </c>
      <c r="AH30" s="99">
        <v>91</v>
      </c>
      <c r="AI30" s="101">
        <v>95</v>
      </c>
    </row>
    <row r="31" spans="2:35" ht="21" customHeight="1" x14ac:dyDescent="0.2">
      <c r="B31" s="18" t="s">
        <v>30</v>
      </c>
      <c r="C31" s="97">
        <v>1</v>
      </c>
      <c r="D31" s="98">
        <v>0</v>
      </c>
      <c r="E31" s="99">
        <v>1</v>
      </c>
      <c r="F31" s="100">
        <v>0</v>
      </c>
      <c r="G31" s="98">
        <v>32</v>
      </c>
      <c r="H31" s="98">
        <v>18</v>
      </c>
      <c r="I31" s="98">
        <v>18</v>
      </c>
      <c r="J31" s="98">
        <v>11</v>
      </c>
      <c r="K31" s="98">
        <v>2</v>
      </c>
      <c r="L31" s="99">
        <v>81</v>
      </c>
      <c r="M31" s="101">
        <v>82</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3</v>
      </c>
      <c r="AD31" s="98">
        <v>18</v>
      </c>
      <c r="AE31" s="98">
        <v>18</v>
      </c>
      <c r="AF31" s="98">
        <v>11</v>
      </c>
      <c r="AG31" s="98">
        <v>2</v>
      </c>
      <c r="AH31" s="99">
        <v>82</v>
      </c>
      <c r="AI31" s="101">
        <v>83</v>
      </c>
    </row>
    <row r="32" spans="2:35" ht="21" customHeight="1" x14ac:dyDescent="0.2">
      <c r="B32" s="18" t="s">
        <v>31</v>
      </c>
      <c r="C32" s="97">
        <v>0</v>
      </c>
      <c r="D32" s="98">
        <v>2</v>
      </c>
      <c r="E32" s="99">
        <v>2</v>
      </c>
      <c r="F32" s="100">
        <v>0</v>
      </c>
      <c r="G32" s="98">
        <v>46</v>
      </c>
      <c r="H32" s="98">
        <v>40</v>
      </c>
      <c r="I32" s="98">
        <v>25</v>
      </c>
      <c r="J32" s="98">
        <v>13</v>
      </c>
      <c r="K32" s="98">
        <v>5</v>
      </c>
      <c r="L32" s="99">
        <v>129</v>
      </c>
      <c r="M32" s="101">
        <v>131</v>
      </c>
      <c r="N32" s="102">
        <v>0</v>
      </c>
      <c r="O32" s="98">
        <v>0</v>
      </c>
      <c r="P32" s="99">
        <v>0</v>
      </c>
      <c r="Q32" s="100">
        <v>0</v>
      </c>
      <c r="R32" s="98">
        <v>0</v>
      </c>
      <c r="S32" s="98">
        <v>0</v>
      </c>
      <c r="T32" s="98">
        <v>0</v>
      </c>
      <c r="U32" s="98">
        <v>0</v>
      </c>
      <c r="V32" s="98">
        <v>0</v>
      </c>
      <c r="W32" s="99">
        <v>0</v>
      </c>
      <c r="X32" s="101">
        <v>0</v>
      </c>
      <c r="Y32" s="102">
        <v>0</v>
      </c>
      <c r="Z32" s="98">
        <v>2</v>
      </c>
      <c r="AA32" s="99">
        <v>2</v>
      </c>
      <c r="AB32" s="100">
        <v>0</v>
      </c>
      <c r="AC32" s="98">
        <v>46</v>
      </c>
      <c r="AD32" s="98">
        <v>40</v>
      </c>
      <c r="AE32" s="98">
        <v>25</v>
      </c>
      <c r="AF32" s="98">
        <v>13</v>
      </c>
      <c r="AG32" s="98">
        <v>5</v>
      </c>
      <c r="AH32" s="99">
        <v>129</v>
      </c>
      <c r="AI32" s="101">
        <v>131</v>
      </c>
    </row>
    <row r="33" spans="2:35" ht="21" customHeight="1" x14ac:dyDescent="0.2">
      <c r="B33" s="18" t="s">
        <v>32</v>
      </c>
      <c r="C33" s="97">
        <v>0</v>
      </c>
      <c r="D33" s="98">
        <v>0</v>
      </c>
      <c r="E33" s="99">
        <v>0</v>
      </c>
      <c r="F33" s="100">
        <v>0</v>
      </c>
      <c r="G33" s="98">
        <v>47</v>
      </c>
      <c r="H33" s="98">
        <v>33</v>
      </c>
      <c r="I33" s="98">
        <v>36</v>
      </c>
      <c r="J33" s="98">
        <v>27</v>
      </c>
      <c r="K33" s="98">
        <v>11</v>
      </c>
      <c r="L33" s="99">
        <v>154</v>
      </c>
      <c r="M33" s="101">
        <v>154</v>
      </c>
      <c r="N33" s="102">
        <v>0</v>
      </c>
      <c r="O33" s="98">
        <v>0</v>
      </c>
      <c r="P33" s="99">
        <v>0</v>
      </c>
      <c r="Q33" s="100">
        <v>0</v>
      </c>
      <c r="R33" s="98">
        <v>1</v>
      </c>
      <c r="S33" s="98">
        <v>2</v>
      </c>
      <c r="T33" s="98">
        <v>0</v>
      </c>
      <c r="U33" s="98">
        <v>1</v>
      </c>
      <c r="V33" s="98">
        <v>0</v>
      </c>
      <c r="W33" s="99">
        <v>4</v>
      </c>
      <c r="X33" s="101">
        <v>4</v>
      </c>
      <c r="Y33" s="102">
        <v>0</v>
      </c>
      <c r="Z33" s="98">
        <v>0</v>
      </c>
      <c r="AA33" s="99">
        <v>0</v>
      </c>
      <c r="AB33" s="100">
        <v>0</v>
      </c>
      <c r="AC33" s="98">
        <v>48</v>
      </c>
      <c r="AD33" s="98">
        <v>35</v>
      </c>
      <c r="AE33" s="98">
        <v>36</v>
      </c>
      <c r="AF33" s="98">
        <v>28</v>
      </c>
      <c r="AG33" s="98">
        <v>11</v>
      </c>
      <c r="AH33" s="99">
        <v>158</v>
      </c>
      <c r="AI33" s="101">
        <v>158</v>
      </c>
    </row>
    <row r="34" spans="2:35" ht="21" customHeight="1" x14ac:dyDescent="0.2">
      <c r="B34" s="18" t="s">
        <v>33</v>
      </c>
      <c r="C34" s="97">
        <v>0</v>
      </c>
      <c r="D34" s="98">
        <v>2</v>
      </c>
      <c r="E34" s="99">
        <v>2</v>
      </c>
      <c r="F34" s="100">
        <v>0</v>
      </c>
      <c r="G34" s="98">
        <v>36</v>
      </c>
      <c r="H34" s="98">
        <v>20</v>
      </c>
      <c r="I34" s="98">
        <v>22</v>
      </c>
      <c r="J34" s="98">
        <v>7</v>
      </c>
      <c r="K34" s="98">
        <v>6</v>
      </c>
      <c r="L34" s="99">
        <v>91</v>
      </c>
      <c r="M34" s="101">
        <v>93</v>
      </c>
      <c r="N34" s="102">
        <v>0</v>
      </c>
      <c r="O34" s="98">
        <v>0</v>
      </c>
      <c r="P34" s="99">
        <v>0</v>
      </c>
      <c r="Q34" s="100">
        <v>0</v>
      </c>
      <c r="R34" s="98">
        <v>0</v>
      </c>
      <c r="S34" s="98">
        <v>0</v>
      </c>
      <c r="T34" s="98">
        <v>0</v>
      </c>
      <c r="U34" s="98">
        <v>0</v>
      </c>
      <c r="V34" s="98">
        <v>0</v>
      </c>
      <c r="W34" s="99">
        <v>0</v>
      </c>
      <c r="X34" s="101">
        <v>0</v>
      </c>
      <c r="Y34" s="102">
        <v>0</v>
      </c>
      <c r="Z34" s="98">
        <v>2</v>
      </c>
      <c r="AA34" s="99">
        <v>2</v>
      </c>
      <c r="AB34" s="100">
        <v>0</v>
      </c>
      <c r="AC34" s="98">
        <v>36</v>
      </c>
      <c r="AD34" s="98">
        <v>20</v>
      </c>
      <c r="AE34" s="98">
        <v>22</v>
      </c>
      <c r="AF34" s="98">
        <v>7</v>
      </c>
      <c r="AG34" s="98">
        <v>6</v>
      </c>
      <c r="AH34" s="99">
        <v>91</v>
      </c>
      <c r="AI34" s="101">
        <v>93</v>
      </c>
    </row>
    <row r="35" spans="2:35" ht="21" customHeight="1" x14ac:dyDescent="0.2">
      <c r="B35" s="18" t="s">
        <v>34</v>
      </c>
      <c r="C35" s="97">
        <v>1</v>
      </c>
      <c r="D35" s="98">
        <v>2</v>
      </c>
      <c r="E35" s="99">
        <v>3</v>
      </c>
      <c r="F35" s="100">
        <v>0</v>
      </c>
      <c r="G35" s="98">
        <v>31</v>
      </c>
      <c r="H35" s="98">
        <v>26</v>
      </c>
      <c r="I35" s="98">
        <v>14</v>
      </c>
      <c r="J35" s="98">
        <v>9</v>
      </c>
      <c r="K35" s="98">
        <v>4</v>
      </c>
      <c r="L35" s="99">
        <v>84</v>
      </c>
      <c r="M35" s="101">
        <v>87</v>
      </c>
      <c r="N35" s="102">
        <v>0</v>
      </c>
      <c r="O35" s="98">
        <v>0</v>
      </c>
      <c r="P35" s="99">
        <v>0</v>
      </c>
      <c r="Q35" s="100">
        <v>0</v>
      </c>
      <c r="R35" s="98">
        <v>0</v>
      </c>
      <c r="S35" s="98">
        <v>1</v>
      </c>
      <c r="T35" s="98">
        <v>1</v>
      </c>
      <c r="U35" s="98">
        <v>0</v>
      </c>
      <c r="V35" s="98">
        <v>0</v>
      </c>
      <c r="W35" s="99">
        <v>2</v>
      </c>
      <c r="X35" s="101">
        <v>2</v>
      </c>
      <c r="Y35" s="102">
        <v>1</v>
      </c>
      <c r="Z35" s="98">
        <v>2</v>
      </c>
      <c r="AA35" s="99">
        <v>3</v>
      </c>
      <c r="AB35" s="100">
        <v>0</v>
      </c>
      <c r="AC35" s="98">
        <v>31</v>
      </c>
      <c r="AD35" s="98">
        <v>27</v>
      </c>
      <c r="AE35" s="98">
        <v>15</v>
      </c>
      <c r="AF35" s="98">
        <v>9</v>
      </c>
      <c r="AG35" s="98">
        <v>4</v>
      </c>
      <c r="AH35" s="99">
        <v>86</v>
      </c>
      <c r="AI35" s="101">
        <v>89</v>
      </c>
    </row>
    <row r="36" spans="2:35" ht="21" customHeight="1" x14ac:dyDescent="0.2">
      <c r="B36" s="18" t="s">
        <v>35</v>
      </c>
      <c r="C36" s="97">
        <v>1</v>
      </c>
      <c r="D36" s="98">
        <v>3</v>
      </c>
      <c r="E36" s="99">
        <v>4</v>
      </c>
      <c r="F36" s="100">
        <v>0</v>
      </c>
      <c r="G36" s="98">
        <v>35</v>
      </c>
      <c r="H36" s="98">
        <v>40</v>
      </c>
      <c r="I36" s="98">
        <v>35</v>
      </c>
      <c r="J36" s="98">
        <v>24</v>
      </c>
      <c r="K36" s="98">
        <v>10</v>
      </c>
      <c r="L36" s="99">
        <v>144</v>
      </c>
      <c r="M36" s="101">
        <v>148</v>
      </c>
      <c r="N36" s="102">
        <v>0</v>
      </c>
      <c r="O36" s="98">
        <v>0</v>
      </c>
      <c r="P36" s="99">
        <v>0</v>
      </c>
      <c r="Q36" s="100">
        <v>0</v>
      </c>
      <c r="R36" s="98">
        <v>0</v>
      </c>
      <c r="S36" s="98">
        <v>0</v>
      </c>
      <c r="T36" s="98">
        <v>0</v>
      </c>
      <c r="U36" s="98">
        <v>0</v>
      </c>
      <c r="V36" s="98">
        <v>0</v>
      </c>
      <c r="W36" s="99">
        <v>0</v>
      </c>
      <c r="X36" s="101">
        <v>0</v>
      </c>
      <c r="Y36" s="102">
        <v>1</v>
      </c>
      <c r="Z36" s="98">
        <v>3</v>
      </c>
      <c r="AA36" s="99">
        <v>4</v>
      </c>
      <c r="AB36" s="100">
        <v>0</v>
      </c>
      <c r="AC36" s="98">
        <v>35</v>
      </c>
      <c r="AD36" s="98">
        <v>40</v>
      </c>
      <c r="AE36" s="98">
        <v>35</v>
      </c>
      <c r="AF36" s="98">
        <v>24</v>
      </c>
      <c r="AG36" s="98">
        <v>10</v>
      </c>
      <c r="AH36" s="99">
        <v>144</v>
      </c>
      <c r="AI36" s="101">
        <v>148</v>
      </c>
    </row>
    <row r="37" spans="2:35" ht="21" customHeight="1" x14ac:dyDescent="0.2">
      <c r="B37" s="18" t="s">
        <v>36</v>
      </c>
      <c r="C37" s="97">
        <v>0</v>
      </c>
      <c r="D37" s="98">
        <v>1</v>
      </c>
      <c r="E37" s="99">
        <v>1</v>
      </c>
      <c r="F37" s="100">
        <v>0</v>
      </c>
      <c r="G37" s="98">
        <v>73</v>
      </c>
      <c r="H37" s="98">
        <v>62</v>
      </c>
      <c r="I37" s="98">
        <v>51</v>
      </c>
      <c r="J37" s="98">
        <v>23</v>
      </c>
      <c r="K37" s="98">
        <v>12</v>
      </c>
      <c r="L37" s="99">
        <v>221</v>
      </c>
      <c r="M37" s="101">
        <v>222</v>
      </c>
      <c r="N37" s="102">
        <v>0</v>
      </c>
      <c r="O37" s="98">
        <v>0</v>
      </c>
      <c r="P37" s="99">
        <v>0</v>
      </c>
      <c r="Q37" s="100">
        <v>0</v>
      </c>
      <c r="R37" s="98">
        <v>0</v>
      </c>
      <c r="S37" s="98">
        <v>1</v>
      </c>
      <c r="T37" s="98">
        <v>1</v>
      </c>
      <c r="U37" s="98">
        <v>0</v>
      </c>
      <c r="V37" s="98">
        <v>0</v>
      </c>
      <c r="W37" s="99">
        <v>2</v>
      </c>
      <c r="X37" s="101">
        <v>2</v>
      </c>
      <c r="Y37" s="102">
        <v>0</v>
      </c>
      <c r="Z37" s="98">
        <v>1</v>
      </c>
      <c r="AA37" s="99">
        <v>1</v>
      </c>
      <c r="AB37" s="100">
        <v>0</v>
      </c>
      <c r="AC37" s="98">
        <v>73</v>
      </c>
      <c r="AD37" s="98">
        <v>63</v>
      </c>
      <c r="AE37" s="98">
        <v>52</v>
      </c>
      <c r="AF37" s="98">
        <v>23</v>
      </c>
      <c r="AG37" s="98">
        <v>12</v>
      </c>
      <c r="AH37" s="99">
        <v>223</v>
      </c>
      <c r="AI37" s="101">
        <v>224</v>
      </c>
    </row>
    <row r="38" spans="2:35" ht="21" customHeight="1" thickBot="1" x14ac:dyDescent="0.25">
      <c r="B38" s="19" t="s">
        <v>37</v>
      </c>
      <c r="C38" s="103">
        <v>0</v>
      </c>
      <c r="D38" s="104">
        <v>0</v>
      </c>
      <c r="E38" s="105">
        <v>0</v>
      </c>
      <c r="F38" s="106">
        <v>0</v>
      </c>
      <c r="G38" s="104">
        <v>21</v>
      </c>
      <c r="H38" s="104">
        <v>9</v>
      </c>
      <c r="I38" s="104">
        <v>11</v>
      </c>
      <c r="J38" s="104">
        <v>0</v>
      </c>
      <c r="K38" s="104">
        <v>3</v>
      </c>
      <c r="L38" s="105">
        <v>44</v>
      </c>
      <c r="M38" s="107">
        <v>44</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21</v>
      </c>
      <c r="AD38" s="104">
        <v>9</v>
      </c>
      <c r="AE38" s="104">
        <v>11</v>
      </c>
      <c r="AF38" s="104">
        <v>0</v>
      </c>
      <c r="AG38" s="104">
        <v>3</v>
      </c>
      <c r="AH38" s="105">
        <v>44</v>
      </c>
      <c r="AI38" s="107">
        <v>44</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8.44140625" style="256" customWidth="1"/>
    <col min="8" max="8" width="8.7773437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6640625" style="256" customWidth="1"/>
    <col min="51" max="60" width="9" style="256"/>
    <col min="61" max="61" width="7.21875" style="256" customWidth="1"/>
    <col min="62" max="71" width="9" style="256"/>
    <col min="72" max="72" width="7.21875" style="256" customWidth="1"/>
    <col min="73" max="82" width="9" style="256"/>
    <col min="83" max="83" width="7.33203125" style="256" customWidth="1"/>
    <col min="84" max="93" width="9" style="256"/>
    <col min="94" max="94" width="7.44140625" style="256" customWidth="1"/>
    <col min="95" max="16384" width="9" style="256"/>
  </cols>
  <sheetData>
    <row r="1" spans="1:101" ht="24" customHeight="1" x14ac:dyDescent="0.2">
      <c r="B1" s="291" t="s">
        <v>124</v>
      </c>
      <c r="I1" s="528">
        <f>第１表!F2</f>
        <v>4</v>
      </c>
      <c r="J1" s="528"/>
      <c r="K1" s="248">
        <f>第１表!G2</f>
        <v>7</v>
      </c>
      <c r="L1" s="529">
        <f>IF(K1&lt;3,K1+12-2,K1-2)</f>
        <v>5</v>
      </c>
      <c r="M1" s="529"/>
    </row>
    <row r="2" spans="1:101" s="292" customFormat="1" ht="24" customHeight="1" thickBot="1" x14ac:dyDescent="0.25">
      <c r="A2" s="44"/>
      <c r="B2" s="291" t="s">
        <v>133</v>
      </c>
    </row>
    <row r="3" spans="1:101" ht="23.25" customHeight="1" thickBot="1" x14ac:dyDescent="0.25">
      <c r="B3" s="542"/>
      <c r="C3" s="533" t="s">
        <v>114</v>
      </c>
      <c r="D3" s="534"/>
      <c r="E3" s="534"/>
      <c r="F3" s="534"/>
      <c r="G3" s="534"/>
      <c r="H3" s="534"/>
      <c r="I3" s="534"/>
      <c r="J3" s="534"/>
      <c r="K3" s="534"/>
      <c r="L3" s="534"/>
      <c r="M3" s="535"/>
      <c r="N3" s="533" t="s">
        <v>115</v>
      </c>
      <c r="O3" s="534"/>
      <c r="P3" s="534"/>
      <c r="Q3" s="534"/>
      <c r="R3" s="534"/>
      <c r="S3" s="534"/>
      <c r="T3" s="534"/>
      <c r="U3" s="534"/>
      <c r="V3" s="534"/>
      <c r="W3" s="534"/>
      <c r="X3" s="535"/>
      <c r="Y3" s="533" t="s">
        <v>142</v>
      </c>
      <c r="Z3" s="534"/>
      <c r="AA3" s="534"/>
      <c r="AB3" s="534"/>
      <c r="AC3" s="534"/>
      <c r="AD3" s="534"/>
      <c r="AE3" s="534"/>
      <c r="AF3" s="534"/>
      <c r="AG3" s="534"/>
      <c r="AH3" s="534"/>
      <c r="AI3" s="535"/>
      <c r="AJ3" s="533" t="s">
        <v>90</v>
      </c>
      <c r="AK3" s="534"/>
      <c r="AL3" s="534"/>
      <c r="AM3" s="534"/>
      <c r="AN3" s="534"/>
      <c r="AO3" s="534"/>
      <c r="AP3" s="534"/>
      <c r="AQ3" s="534"/>
      <c r="AR3" s="534"/>
      <c r="AS3" s="534"/>
      <c r="AT3" s="535"/>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64" t="s">
        <v>61</v>
      </c>
      <c r="AV4" s="562"/>
      <c r="AW4" s="563"/>
      <c r="AX4" s="561" t="s">
        <v>62</v>
      </c>
      <c r="AY4" s="562"/>
      <c r="AZ4" s="562"/>
      <c r="BA4" s="562"/>
      <c r="BB4" s="562"/>
      <c r="BC4" s="562"/>
      <c r="BD4" s="563"/>
      <c r="BE4" s="559" t="s">
        <v>52</v>
      </c>
      <c r="BF4" s="564" t="s">
        <v>61</v>
      </c>
      <c r="BG4" s="562"/>
      <c r="BH4" s="563"/>
      <c r="BI4" s="561" t="s">
        <v>62</v>
      </c>
      <c r="BJ4" s="562"/>
      <c r="BK4" s="562"/>
      <c r="BL4" s="562"/>
      <c r="BM4" s="562"/>
      <c r="BN4" s="562"/>
      <c r="BO4" s="563"/>
      <c r="BP4" s="559" t="s">
        <v>52</v>
      </c>
      <c r="BQ4" s="564" t="s">
        <v>61</v>
      </c>
      <c r="BR4" s="562"/>
      <c r="BS4" s="563"/>
      <c r="BT4" s="561" t="s">
        <v>62</v>
      </c>
      <c r="BU4" s="562"/>
      <c r="BV4" s="562"/>
      <c r="BW4" s="562"/>
      <c r="BX4" s="562"/>
      <c r="BY4" s="562"/>
      <c r="BZ4" s="563"/>
      <c r="CA4" s="559" t="s">
        <v>52</v>
      </c>
      <c r="CB4" s="564" t="s">
        <v>61</v>
      </c>
      <c r="CC4" s="562"/>
      <c r="CD4" s="563"/>
      <c r="CE4" s="561" t="s">
        <v>62</v>
      </c>
      <c r="CF4" s="562"/>
      <c r="CG4" s="562"/>
      <c r="CH4" s="562"/>
      <c r="CI4" s="562"/>
      <c r="CJ4" s="562"/>
      <c r="CK4" s="563"/>
      <c r="CL4" s="559" t="s">
        <v>52</v>
      </c>
      <c r="CM4" s="564" t="s">
        <v>61</v>
      </c>
      <c r="CN4" s="562"/>
      <c r="CO4" s="563"/>
      <c r="CP4" s="561" t="s">
        <v>62</v>
      </c>
      <c r="CQ4" s="562"/>
      <c r="CR4" s="562"/>
      <c r="CS4" s="562"/>
      <c r="CT4" s="562"/>
      <c r="CU4" s="562"/>
      <c r="CV4" s="563"/>
      <c r="CW4" s="559" t="s">
        <v>52</v>
      </c>
    </row>
    <row r="5" spans="1:101" ht="34.5" customHeight="1" thickBot="1" x14ac:dyDescent="0.25">
      <c r="B5" s="544"/>
      <c r="C5" s="264" t="s">
        <v>43</v>
      </c>
      <c r="D5" s="266" t="s">
        <v>44</v>
      </c>
      <c r="E5" s="267" t="s">
        <v>45</v>
      </c>
      <c r="F5" s="268" t="s">
        <v>83</v>
      </c>
      <c r="G5" s="260" t="s">
        <v>47</v>
      </c>
      <c r="H5" s="260" t="s">
        <v>48</v>
      </c>
      <c r="I5" s="260" t="s">
        <v>49</v>
      </c>
      <c r="J5" s="260" t="s">
        <v>50</v>
      </c>
      <c r="K5" s="260" t="s">
        <v>51</v>
      </c>
      <c r="L5" s="269" t="s">
        <v>45</v>
      </c>
      <c r="M5" s="540"/>
      <c r="N5" s="264" t="s">
        <v>43</v>
      </c>
      <c r="O5" s="260" t="s">
        <v>44</v>
      </c>
      <c r="P5" s="266" t="s">
        <v>45</v>
      </c>
      <c r="Q5" s="268" t="s">
        <v>83</v>
      </c>
      <c r="R5" s="260" t="s">
        <v>47</v>
      </c>
      <c r="S5" s="260" t="s">
        <v>48</v>
      </c>
      <c r="T5" s="260" t="s">
        <v>49</v>
      </c>
      <c r="U5" s="260" t="s">
        <v>50</v>
      </c>
      <c r="V5" s="260" t="s">
        <v>51</v>
      </c>
      <c r="W5" s="266" t="s">
        <v>45</v>
      </c>
      <c r="X5" s="540"/>
      <c r="Y5" s="264" t="s">
        <v>43</v>
      </c>
      <c r="Z5" s="260" t="s">
        <v>44</v>
      </c>
      <c r="AA5" s="266" t="s">
        <v>45</v>
      </c>
      <c r="AB5" s="268" t="s">
        <v>83</v>
      </c>
      <c r="AC5" s="260" t="s">
        <v>47</v>
      </c>
      <c r="AD5" s="260" t="s">
        <v>48</v>
      </c>
      <c r="AE5" s="260" t="s">
        <v>49</v>
      </c>
      <c r="AF5" s="260" t="s">
        <v>50</v>
      </c>
      <c r="AG5" s="260" t="s">
        <v>51</v>
      </c>
      <c r="AH5" s="266" t="s">
        <v>45</v>
      </c>
      <c r="AI5" s="540"/>
      <c r="AJ5" s="341" t="s">
        <v>43</v>
      </c>
      <c r="AK5" s="260" t="s">
        <v>44</v>
      </c>
      <c r="AL5" s="266" t="s">
        <v>45</v>
      </c>
      <c r="AM5" s="268" t="s">
        <v>83</v>
      </c>
      <c r="AN5" s="260" t="s">
        <v>47</v>
      </c>
      <c r="AO5" s="260" t="s">
        <v>48</v>
      </c>
      <c r="AP5" s="260" t="s">
        <v>49</v>
      </c>
      <c r="AQ5" s="260" t="s">
        <v>50</v>
      </c>
      <c r="AR5" s="260" t="s">
        <v>51</v>
      </c>
      <c r="AS5" s="266" t="s">
        <v>45</v>
      </c>
      <c r="AT5" s="540"/>
      <c r="AU5" s="341" t="s">
        <v>43</v>
      </c>
      <c r="AV5" s="260" t="s">
        <v>44</v>
      </c>
      <c r="AW5" s="266" t="s">
        <v>45</v>
      </c>
      <c r="AX5" s="268" t="s">
        <v>83</v>
      </c>
      <c r="AY5" s="260" t="s">
        <v>47</v>
      </c>
      <c r="AZ5" s="260" t="s">
        <v>48</v>
      </c>
      <c r="BA5" s="260" t="s">
        <v>49</v>
      </c>
      <c r="BB5" s="260" t="s">
        <v>50</v>
      </c>
      <c r="BC5" s="260" t="s">
        <v>51</v>
      </c>
      <c r="BD5" s="266" t="s">
        <v>45</v>
      </c>
      <c r="BE5" s="560"/>
      <c r="BF5" s="341" t="s">
        <v>43</v>
      </c>
      <c r="BG5" s="260" t="s">
        <v>44</v>
      </c>
      <c r="BH5" s="266" t="s">
        <v>45</v>
      </c>
      <c r="BI5" s="268" t="s">
        <v>83</v>
      </c>
      <c r="BJ5" s="260" t="s">
        <v>47</v>
      </c>
      <c r="BK5" s="260" t="s">
        <v>48</v>
      </c>
      <c r="BL5" s="260" t="s">
        <v>49</v>
      </c>
      <c r="BM5" s="260" t="s">
        <v>50</v>
      </c>
      <c r="BN5" s="260" t="s">
        <v>51</v>
      </c>
      <c r="BO5" s="266" t="s">
        <v>45</v>
      </c>
      <c r="BP5" s="560"/>
      <c r="BQ5" s="341" t="s">
        <v>43</v>
      </c>
      <c r="BR5" s="260" t="s">
        <v>44</v>
      </c>
      <c r="BS5" s="266" t="s">
        <v>45</v>
      </c>
      <c r="BT5" s="268" t="s">
        <v>83</v>
      </c>
      <c r="BU5" s="260" t="s">
        <v>47</v>
      </c>
      <c r="BV5" s="260" t="s">
        <v>48</v>
      </c>
      <c r="BW5" s="260" t="s">
        <v>49</v>
      </c>
      <c r="BX5" s="260" t="s">
        <v>50</v>
      </c>
      <c r="BY5" s="260" t="s">
        <v>51</v>
      </c>
      <c r="BZ5" s="266" t="s">
        <v>45</v>
      </c>
      <c r="CA5" s="560"/>
      <c r="CB5" s="341" t="s">
        <v>43</v>
      </c>
      <c r="CC5" s="260" t="s">
        <v>44</v>
      </c>
      <c r="CD5" s="266" t="s">
        <v>45</v>
      </c>
      <c r="CE5" s="268" t="s">
        <v>83</v>
      </c>
      <c r="CF5" s="260" t="s">
        <v>47</v>
      </c>
      <c r="CG5" s="260" t="s">
        <v>48</v>
      </c>
      <c r="CH5" s="260" t="s">
        <v>49</v>
      </c>
      <c r="CI5" s="260" t="s">
        <v>50</v>
      </c>
      <c r="CJ5" s="260" t="s">
        <v>51</v>
      </c>
      <c r="CK5" s="266" t="s">
        <v>45</v>
      </c>
      <c r="CL5" s="560"/>
      <c r="CM5" s="341" t="s">
        <v>43</v>
      </c>
      <c r="CN5" s="260" t="s">
        <v>44</v>
      </c>
      <c r="CO5" s="266" t="s">
        <v>45</v>
      </c>
      <c r="CP5" s="268" t="s">
        <v>83</v>
      </c>
      <c r="CQ5" s="260" t="s">
        <v>47</v>
      </c>
      <c r="CR5" s="260" t="s">
        <v>48</v>
      </c>
      <c r="CS5" s="260" t="s">
        <v>49</v>
      </c>
      <c r="CT5" s="260" t="s">
        <v>50</v>
      </c>
      <c r="CU5" s="260" t="s">
        <v>51</v>
      </c>
      <c r="CV5" s="266" t="s">
        <v>45</v>
      </c>
      <c r="CW5" s="560"/>
    </row>
    <row r="6" spans="1:101" ht="21" customHeight="1" x14ac:dyDescent="0.2">
      <c r="B6" s="261" t="s">
        <v>4</v>
      </c>
      <c r="C6" s="270">
        <v>0</v>
      </c>
      <c r="D6" s="271">
        <v>0</v>
      </c>
      <c r="E6" s="272">
        <v>0</v>
      </c>
      <c r="F6" s="273">
        <v>0</v>
      </c>
      <c r="G6" s="274">
        <v>332</v>
      </c>
      <c r="H6" s="274">
        <v>356</v>
      </c>
      <c r="I6" s="274">
        <v>317</v>
      </c>
      <c r="J6" s="274">
        <v>392</v>
      </c>
      <c r="K6" s="274">
        <v>333</v>
      </c>
      <c r="L6" s="275">
        <v>1730</v>
      </c>
      <c r="M6" s="276">
        <v>1730</v>
      </c>
      <c r="N6" s="270">
        <v>0</v>
      </c>
      <c r="O6" s="274">
        <v>0</v>
      </c>
      <c r="P6" s="271">
        <v>0</v>
      </c>
      <c r="Q6" s="273">
        <v>0</v>
      </c>
      <c r="R6" s="274">
        <v>203</v>
      </c>
      <c r="S6" s="274">
        <v>579</v>
      </c>
      <c r="T6" s="274">
        <v>492</v>
      </c>
      <c r="U6" s="274">
        <v>483</v>
      </c>
      <c r="V6" s="274">
        <v>386</v>
      </c>
      <c r="W6" s="271">
        <v>2143</v>
      </c>
      <c r="X6" s="276">
        <v>2143</v>
      </c>
      <c r="Y6" s="270">
        <v>0</v>
      </c>
      <c r="Z6" s="274">
        <v>0</v>
      </c>
      <c r="AA6" s="271">
        <v>0</v>
      </c>
      <c r="AB6" s="273">
        <v>0</v>
      </c>
      <c r="AC6" s="274">
        <v>13206</v>
      </c>
      <c r="AD6" s="274">
        <v>11827</v>
      </c>
      <c r="AE6" s="274">
        <v>5740</v>
      </c>
      <c r="AF6" s="274">
        <v>2965</v>
      </c>
      <c r="AG6" s="274">
        <v>1369</v>
      </c>
      <c r="AH6" s="271">
        <v>35107</v>
      </c>
      <c r="AI6" s="276">
        <v>35107</v>
      </c>
      <c r="AJ6" s="270">
        <v>6</v>
      </c>
      <c r="AK6" s="274">
        <v>7</v>
      </c>
      <c r="AL6" s="271">
        <v>13</v>
      </c>
      <c r="AM6" s="273">
        <v>0</v>
      </c>
      <c r="AN6" s="274">
        <v>822</v>
      </c>
      <c r="AO6" s="274">
        <v>938</v>
      </c>
      <c r="AP6" s="274">
        <v>1062</v>
      </c>
      <c r="AQ6" s="274">
        <v>549</v>
      </c>
      <c r="AR6" s="274">
        <v>471</v>
      </c>
      <c r="AS6" s="271">
        <v>3842</v>
      </c>
      <c r="AT6" s="276">
        <v>3855</v>
      </c>
      <c r="AU6" s="270">
        <v>183</v>
      </c>
      <c r="AV6" s="274">
        <v>275</v>
      </c>
      <c r="AW6" s="271">
        <v>458</v>
      </c>
      <c r="AX6" s="273">
        <v>0</v>
      </c>
      <c r="AY6" s="274">
        <v>1434</v>
      </c>
      <c r="AZ6" s="274">
        <v>1575</v>
      </c>
      <c r="BA6" s="274">
        <v>1296</v>
      </c>
      <c r="BB6" s="274">
        <v>980</v>
      </c>
      <c r="BC6" s="274">
        <v>473</v>
      </c>
      <c r="BD6" s="271">
        <v>5758</v>
      </c>
      <c r="BE6" s="276">
        <v>6216</v>
      </c>
      <c r="BF6" s="270">
        <v>0</v>
      </c>
      <c r="BG6" s="274">
        <v>42</v>
      </c>
      <c r="BH6" s="271">
        <v>42</v>
      </c>
      <c r="BI6" s="273">
        <v>0</v>
      </c>
      <c r="BJ6" s="274">
        <v>2665</v>
      </c>
      <c r="BK6" s="274">
        <v>3231</v>
      </c>
      <c r="BL6" s="274">
        <v>3442</v>
      </c>
      <c r="BM6" s="274">
        <v>2220</v>
      </c>
      <c r="BN6" s="274">
        <v>1490</v>
      </c>
      <c r="BO6" s="275">
        <v>13048</v>
      </c>
      <c r="BP6" s="276">
        <v>13090</v>
      </c>
      <c r="BQ6" s="270">
        <v>0</v>
      </c>
      <c r="BR6" s="274">
        <v>0</v>
      </c>
      <c r="BS6" s="271">
        <v>0</v>
      </c>
      <c r="BT6" s="273">
        <v>0</v>
      </c>
      <c r="BU6" s="274">
        <v>36</v>
      </c>
      <c r="BV6" s="274">
        <v>57</v>
      </c>
      <c r="BW6" s="274">
        <v>58</v>
      </c>
      <c r="BX6" s="274">
        <v>67</v>
      </c>
      <c r="BY6" s="274">
        <v>51</v>
      </c>
      <c r="BZ6" s="271">
        <v>269</v>
      </c>
      <c r="CA6" s="276">
        <v>269</v>
      </c>
      <c r="CB6" s="270">
        <v>0</v>
      </c>
      <c r="CC6" s="274">
        <v>0</v>
      </c>
      <c r="CD6" s="271">
        <v>0</v>
      </c>
      <c r="CE6" s="273">
        <v>0</v>
      </c>
      <c r="CF6" s="274">
        <v>13</v>
      </c>
      <c r="CG6" s="274">
        <v>29</v>
      </c>
      <c r="CH6" s="274">
        <v>242</v>
      </c>
      <c r="CI6" s="274">
        <v>320</v>
      </c>
      <c r="CJ6" s="274">
        <v>201</v>
      </c>
      <c r="CK6" s="271">
        <v>805</v>
      </c>
      <c r="CL6" s="276">
        <v>805</v>
      </c>
      <c r="CM6" s="270">
        <v>0</v>
      </c>
      <c r="CN6" s="274">
        <v>0</v>
      </c>
      <c r="CO6" s="271">
        <v>0</v>
      </c>
      <c r="CP6" s="273">
        <v>0</v>
      </c>
      <c r="CQ6" s="274">
        <v>189</v>
      </c>
      <c r="CR6" s="274">
        <v>280</v>
      </c>
      <c r="CS6" s="274">
        <v>276</v>
      </c>
      <c r="CT6" s="274">
        <v>322</v>
      </c>
      <c r="CU6" s="274">
        <v>410</v>
      </c>
      <c r="CV6" s="271">
        <v>1477</v>
      </c>
      <c r="CW6" s="276">
        <v>1477</v>
      </c>
    </row>
    <row r="7" spans="1:101" ht="21" customHeight="1" x14ac:dyDescent="0.2">
      <c r="B7" s="262" t="s">
        <v>5</v>
      </c>
      <c r="C7" s="277">
        <v>0</v>
      </c>
      <c r="D7" s="278">
        <v>0</v>
      </c>
      <c r="E7" s="279">
        <v>0</v>
      </c>
      <c r="F7" s="280">
        <v>0</v>
      </c>
      <c r="G7" s="281">
        <v>136</v>
      </c>
      <c r="H7" s="281">
        <v>176</v>
      </c>
      <c r="I7" s="281">
        <v>171</v>
      </c>
      <c r="J7" s="281">
        <v>186</v>
      </c>
      <c r="K7" s="281">
        <v>165</v>
      </c>
      <c r="L7" s="282">
        <v>834</v>
      </c>
      <c r="M7" s="283">
        <v>834</v>
      </c>
      <c r="N7" s="277">
        <v>0</v>
      </c>
      <c r="O7" s="281">
        <v>0</v>
      </c>
      <c r="P7" s="278">
        <v>0</v>
      </c>
      <c r="Q7" s="280">
        <v>0</v>
      </c>
      <c r="R7" s="281">
        <v>112</v>
      </c>
      <c r="S7" s="281">
        <v>438</v>
      </c>
      <c r="T7" s="281">
        <v>362</v>
      </c>
      <c r="U7" s="281">
        <v>341</v>
      </c>
      <c r="V7" s="281">
        <v>286</v>
      </c>
      <c r="W7" s="278">
        <v>1539</v>
      </c>
      <c r="X7" s="283">
        <v>1539</v>
      </c>
      <c r="Y7" s="277">
        <v>0</v>
      </c>
      <c r="Z7" s="281">
        <v>0</v>
      </c>
      <c r="AA7" s="278">
        <v>0</v>
      </c>
      <c r="AB7" s="280">
        <v>0</v>
      </c>
      <c r="AC7" s="281">
        <v>4470</v>
      </c>
      <c r="AD7" s="281">
        <v>5517</v>
      </c>
      <c r="AE7" s="281">
        <v>2574</v>
      </c>
      <c r="AF7" s="281">
        <v>1328</v>
      </c>
      <c r="AG7" s="281">
        <v>618</v>
      </c>
      <c r="AH7" s="278">
        <v>14507</v>
      </c>
      <c r="AI7" s="283">
        <v>14507</v>
      </c>
      <c r="AJ7" s="277">
        <v>3</v>
      </c>
      <c r="AK7" s="281">
        <v>1</v>
      </c>
      <c r="AL7" s="278">
        <v>4</v>
      </c>
      <c r="AM7" s="280">
        <v>0</v>
      </c>
      <c r="AN7" s="281">
        <v>374</v>
      </c>
      <c r="AO7" s="281">
        <v>462</v>
      </c>
      <c r="AP7" s="281">
        <v>548</v>
      </c>
      <c r="AQ7" s="281">
        <v>305</v>
      </c>
      <c r="AR7" s="281">
        <v>275</v>
      </c>
      <c r="AS7" s="278">
        <v>1964</v>
      </c>
      <c r="AT7" s="283">
        <v>1968</v>
      </c>
      <c r="AU7" s="277">
        <v>82</v>
      </c>
      <c r="AV7" s="281">
        <v>109</v>
      </c>
      <c r="AW7" s="278">
        <v>191</v>
      </c>
      <c r="AX7" s="280">
        <v>0</v>
      </c>
      <c r="AY7" s="281">
        <v>501</v>
      </c>
      <c r="AZ7" s="281">
        <v>649</v>
      </c>
      <c r="BA7" s="281">
        <v>553</v>
      </c>
      <c r="BB7" s="281">
        <v>425</v>
      </c>
      <c r="BC7" s="281">
        <v>218</v>
      </c>
      <c r="BD7" s="278">
        <v>2346</v>
      </c>
      <c r="BE7" s="283">
        <v>2537</v>
      </c>
      <c r="BF7" s="277">
        <v>0</v>
      </c>
      <c r="BG7" s="281">
        <v>12</v>
      </c>
      <c r="BH7" s="278">
        <v>12</v>
      </c>
      <c r="BI7" s="280">
        <v>0</v>
      </c>
      <c r="BJ7" s="281">
        <v>1155</v>
      </c>
      <c r="BK7" s="281">
        <v>1449</v>
      </c>
      <c r="BL7" s="281">
        <v>1452</v>
      </c>
      <c r="BM7" s="281">
        <v>930</v>
      </c>
      <c r="BN7" s="281">
        <v>663</v>
      </c>
      <c r="BO7" s="282">
        <v>5649</v>
      </c>
      <c r="BP7" s="283">
        <v>5661</v>
      </c>
      <c r="BQ7" s="277">
        <v>0</v>
      </c>
      <c r="BR7" s="281">
        <v>0</v>
      </c>
      <c r="BS7" s="278">
        <v>0</v>
      </c>
      <c r="BT7" s="280">
        <v>0</v>
      </c>
      <c r="BU7" s="281">
        <v>1</v>
      </c>
      <c r="BV7" s="281">
        <v>1</v>
      </c>
      <c r="BW7" s="281">
        <v>3</v>
      </c>
      <c r="BX7" s="281">
        <v>2</v>
      </c>
      <c r="BY7" s="281">
        <v>5</v>
      </c>
      <c r="BZ7" s="278">
        <v>12</v>
      </c>
      <c r="CA7" s="283">
        <v>12</v>
      </c>
      <c r="CB7" s="277">
        <v>0</v>
      </c>
      <c r="CC7" s="281">
        <v>0</v>
      </c>
      <c r="CD7" s="278">
        <v>0</v>
      </c>
      <c r="CE7" s="280">
        <v>0</v>
      </c>
      <c r="CF7" s="281">
        <v>5</v>
      </c>
      <c r="CG7" s="281">
        <v>8</v>
      </c>
      <c r="CH7" s="281">
        <v>28</v>
      </c>
      <c r="CI7" s="281">
        <v>36</v>
      </c>
      <c r="CJ7" s="281">
        <v>24</v>
      </c>
      <c r="CK7" s="278">
        <v>101</v>
      </c>
      <c r="CL7" s="283">
        <v>101</v>
      </c>
      <c r="CM7" s="277">
        <v>0</v>
      </c>
      <c r="CN7" s="281">
        <v>0</v>
      </c>
      <c r="CO7" s="278">
        <v>0</v>
      </c>
      <c r="CP7" s="280">
        <v>0</v>
      </c>
      <c r="CQ7" s="281">
        <v>32</v>
      </c>
      <c r="CR7" s="281">
        <v>63</v>
      </c>
      <c r="CS7" s="281">
        <v>72</v>
      </c>
      <c r="CT7" s="281">
        <v>92</v>
      </c>
      <c r="CU7" s="281">
        <v>158</v>
      </c>
      <c r="CV7" s="278">
        <v>417</v>
      </c>
      <c r="CW7" s="283">
        <v>417</v>
      </c>
    </row>
    <row r="8" spans="1:101" ht="21" customHeight="1" x14ac:dyDescent="0.2">
      <c r="B8" s="262" t="s">
        <v>6</v>
      </c>
      <c r="C8" s="277">
        <v>0</v>
      </c>
      <c r="D8" s="278">
        <v>0</v>
      </c>
      <c r="E8" s="279">
        <v>0</v>
      </c>
      <c r="F8" s="280">
        <v>0</v>
      </c>
      <c r="G8" s="281">
        <v>79</v>
      </c>
      <c r="H8" s="281">
        <v>72</v>
      </c>
      <c r="I8" s="281">
        <v>65</v>
      </c>
      <c r="J8" s="281">
        <v>99</v>
      </c>
      <c r="K8" s="281">
        <v>103</v>
      </c>
      <c r="L8" s="282">
        <v>418</v>
      </c>
      <c r="M8" s="283">
        <v>418</v>
      </c>
      <c r="N8" s="277">
        <v>0</v>
      </c>
      <c r="O8" s="281">
        <v>0</v>
      </c>
      <c r="P8" s="278">
        <v>0</v>
      </c>
      <c r="Q8" s="280">
        <v>0</v>
      </c>
      <c r="R8" s="281">
        <v>65</v>
      </c>
      <c r="S8" s="281">
        <v>104</v>
      </c>
      <c r="T8" s="281">
        <v>97</v>
      </c>
      <c r="U8" s="281">
        <v>115</v>
      </c>
      <c r="V8" s="281">
        <v>82</v>
      </c>
      <c r="W8" s="278">
        <v>463</v>
      </c>
      <c r="X8" s="283">
        <v>463</v>
      </c>
      <c r="Y8" s="277">
        <v>0</v>
      </c>
      <c r="Z8" s="281">
        <v>0</v>
      </c>
      <c r="AA8" s="278">
        <v>0</v>
      </c>
      <c r="AB8" s="280">
        <v>0</v>
      </c>
      <c r="AC8" s="281">
        <v>2034</v>
      </c>
      <c r="AD8" s="281">
        <v>1318</v>
      </c>
      <c r="AE8" s="281">
        <v>736</v>
      </c>
      <c r="AF8" s="281">
        <v>439</v>
      </c>
      <c r="AG8" s="281">
        <v>222</v>
      </c>
      <c r="AH8" s="278">
        <v>4749</v>
      </c>
      <c r="AI8" s="283">
        <v>4749</v>
      </c>
      <c r="AJ8" s="277">
        <v>2</v>
      </c>
      <c r="AK8" s="281">
        <v>1</v>
      </c>
      <c r="AL8" s="278">
        <v>3</v>
      </c>
      <c r="AM8" s="280">
        <v>0</v>
      </c>
      <c r="AN8" s="281">
        <v>187</v>
      </c>
      <c r="AO8" s="281">
        <v>196</v>
      </c>
      <c r="AP8" s="281">
        <v>224</v>
      </c>
      <c r="AQ8" s="281">
        <v>135</v>
      </c>
      <c r="AR8" s="281">
        <v>83</v>
      </c>
      <c r="AS8" s="278">
        <v>825</v>
      </c>
      <c r="AT8" s="283">
        <v>828</v>
      </c>
      <c r="AU8" s="277">
        <v>20</v>
      </c>
      <c r="AV8" s="281">
        <v>37</v>
      </c>
      <c r="AW8" s="278">
        <v>57</v>
      </c>
      <c r="AX8" s="280">
        <v>0</v>
      </c>
      <c r="AY8" s="281">
        <v>243</v>
      </c>
      <c r="AZ8" s="281">
        <v>234</v>
      </c>
      <c r="BA8" s="281">
        <v>183</v>
      </c>
      <c r="BB8" s="281">
        <v>145</v>
      </c>
      <c r="BC8" s="281">
        <v>65</v>
      </c>
      <c r="BD8" s="278">
        <v>870</v>
      </c>
      <c r="BE8" s="283">
        <v>927</v>
      </c>
      <c r="BF8" s="277">
        <v>0</v>
      </c>
      <c r="BG8" s="281">
        <v>7</v>
      </c>
      <c r="BH8" s="278">
        <v>7</v>
      </c>
      <c r="BI8" s="280">
        <v>0</v>
      </c>
      <c r="BJ8" s="281">
        <v>484</v>
      </c>
      <c r="BK8" s="281">
        <v>550</v>
      </c>
      <c r="BL8" s="281">
        <v>579</v>
      </c>
      <c r="BM8" s="281">
        <v>378</v>
      </c>
      <c r="BN8" s="281">
        <v>235</v>
      </c>
      <c r="BO8" s="282">
        <v>2226</v>
      </c>
      <c r="BP8" s="283">
        <v>2233</v>
      </c>
      <c r="BQ8" s="277">
        <v>0</v>
      </c>
      <c r="BR8" s="281">
        <v>0</v>
      </c>
      <c r="BS8" s="278">
        <v>0</v>
      </c>
      <c r="BT8" s="280">
        <v>0</v>
      </c>
      <c r="BU8" s="281">
        <v>0</v>
      </c>
      <c r="BV8" s="281">
        <v>0</v>
      </c>
      <c r="BW8" s="281">
        <v>0</v>
      </c>
      <c r="BX8" s="281">
        <v>0</v>
      </c>
      <c r="BY8" s="281">
        <v>0</v>
      </c>
      <c r="BZ8" s="278">
        <v>0</v>
      </c>
      <c r="CA8" s="283">
        <v>0</v>
      </c>
      <c r="CB8" s="277">
        <v>0</v>
      </c>
      <c r="CC8" s="281">
        <v>0</v>
      </c>
      <c r="CD8" s="278">
        <v>0</v>
      </c>
      <c r="CE8" s="280">
        <v>0</v>
      </c>
      <c r="CF8" s="281">
        <v>4</v>
      </c>
      <c r="CG8" s="281">
        <v>5</v>
      </c>
      <c r="CH8" s="281">
        <v>70</v>
      </c>
      <c r="CI8" s="281">
        <v>94</v>
      </c>
      <c r="CJ8" s="281">
        <v>64</v>
      </c>
      <c r="CK8" s="278">
        <v>237</v>
      </c>
      <c r="CL8" s="283">
        <v>237</v>
      </c>
      <c r="CM8" s="277">
        <v>0</v>
      </c>
      <c r="CN8" s="281">
        <v>0</v>
      </c>
      <c r="CO8" s="278">
        <v>0</v>
      </c>
      <c r="CP8" s="280">
        <v>0</v>
      </c>
      <c r="CQ8" s="281">
        <v>56</v>
      </c>
      <c r="CR8" s="281">
        <v>86</v>
      </c>
      <c r="CS8" s="281">
        <v>68</v>
      </c>
      <c r="CT8" s="281">
        <v>90</v>
      </c>
      <c r="CU8" s="281">
        <v>90</v>
      </c>
      <c r="CV8" s="278">
        <v>390</v>
      </c>
      <c r="CW8" s="283">
        <v>390</v>
      </c>
    </row>
    <row r="9" spans="1:101" ht="21" customHeight="1" x14ac:dyDescent="0.2">
      <c r="B9" s="262" t="s">
        <v>14</v>
      </c>
      <c r="C9" s="277">
        <v>0</v>
      </c>
      <c r="D9" s="278">
        <v>0</v>
      </c>
      <c r="E9" s="279">
        <v>0</v>
      </c>
      <c r="F9" s="280">
        <v>0</v>
      </c>
      <c r="G9" s="281">
        <v>16</v>
      </c>
      <c r="H9" s="281">
        <v>13</v>
      </c>
      <c r="I9" s="281">
        <v>19</v>
      </c>
      <c r="J9" s="281">
        <v>20</v>
      </c>
      <c r="K9" s="281">
        <v>15</v>
      </c>
      <c r="L9" s="282">
        <v>83</v>
      </c>
      <c r="M9" s="283">
        <v>83</v>
      </c>
      <c r="N9" s="277">
        <v>0</v>
      </c>
      <c r="O9" s="281">
        <v>0</v>
      </c>
      <c r="P9" s="278">
        <v>0</v>
      </c>
      <c r="Q9" s="280">
        <v>0</v>
      </c>
      <c r="R9" s="281">
        <v>2</v>
      </c>
      <c r="S9" s="281">
        <v>2</v>
      </c>
      <c r="T9" s="281">
        <v>4</v>
      </c>
      <c r="U9" s="281">
        <v>3</v>
      </c>
      <c r="V9" s="281">
        <v>3</v>
      </c>
      <c r="W9" s="278">
        <v>14</v>
      </c>
      <c r="X9" s="283">
        <v>14</v>
      </c>
      <c r="Y9" s="277">
        <v>0</v>
      </c>
      <c r="Z9" s="281">
        <v>0</v>
      </c>
      <c r="AA9" s="278">
        <v>0</v>
      </c>
      <c r="AB9" s="280">
        <v>0</v>
      </c>
      <c r="AC9" s="281">
        <v>1060</v>
      </c>
      <c r="AD9" s="281">
        <v>1064</v>
      </c>
      <c r="AE9" s="281">
        <v>519</v>
      </c>
      <c r="AF9" s="281">
        <v>262</v>
      </c>
      <c r="AG9" s="281">
        <v>104</v>
      </c>
      <c r="AH9" s="278">
        <v>3009</v>
      </c>
      <c r="AI9" s="283">
        <v>3009</v>
      </c>
      <c r="AJ9" s="277">
        <v>0</v>
      </c>
      <c r="AK9" s="281">
        <v>0</v>
      </c>
      <c r="AL9" s="278">
        <v>0</v>
      </c>
      <c r="AM9" s="280">
        <v>0</v>
      </c>
      <c r="AN9" s="281">
        <v>22</v>
      </c>
      <c r="AO9" s="281">
        <v>24</v>
      </c>
      <c r="AP9" s="281">
        <v>31</v>
      </c>
      <c r="AQ9" s="281">
        <v>12</v>
      </c>
      <c r="AR9" s="281">
        <v>23</v>
      </c>
      <c r="AS9" s="278">
        <v>112</v>
      </c>
      <c r="AT9" s="283">
        <v>112</v>
      </c>
      <c r="AU9" s="277">
        <v>16</v>
      </c>
      <c r="AV9" s="281">
        <v>26</v>
      </c>
      <c r="AW9" s="278">
        <v>42</v>
      </c>
      <c r="AX9" s="280">
        <v>0</v>
      </c>
      <c r="AY9" s="281">
        <v>134</v>
      </c>
      <c r="AZ9" s="281">
        <v>142</v>
      </c>
      <c r="BA9" s="281">
        <v>107</v>
      </c>
      <c r="BB9" s="281">
        <v>77</v>
      </c>
      <c r="BC9" s="281">
        <v>26</v>
      </c>
      <c r="BD9" s="278">
        <v>486</v>
      </c>
      <c r="BE9" s="283">
        <v>528</v>
      </c>
      <c r="BF9" s="277">
        <v>0</v>
      </c>
      <c r="BG9" s="281">
        <v>3</v>
      </c>
      <c r="BH9" s="278">
        <v>3</v>
      </c>
      <c r="BI9" s="280">
        <v>0</v>
      </c>
      <c r="BJ9" s="281">
        <v>252</v>
      </c>
      <c r="BK9" s="281">
        <v>286</v>
      </c>
      <c r="BL9" s="281">
        <v>329</v>
      </c>
      <c r="BM9" s="281">
        <v>215</v>
      </c>
      <c r="BN9" s="281">
        <v>145</v>
      </c>
      <c r="BO9" s="282">
        <v>1227</v>
      </c>
      <c r="BP9" s="283">
        <v>1230</v>
      </c>
      <c r="BQ9" s="277">
        <v>0</v>
      </c>
      <c r="BR9" s="281">
        <v>0</v>
      </c>
      <c r="BS9" s="278">
        <v>0</v>
      </c>
      <c r="BT9" s="280">
        <v>0</v>
      </c>
      <c r="BU9" s="281">
        <v>0</v>
      </c>
      <c r="BV9" s="281">
        <v>0</v>
      </c>
      <c r="BW9" s="281">
        <v>0</v>
      </c>
      <c r="BX9" s="281">
        <v>0</v>
      </c>
      <c r="BY9" s="281">
        <v>0</v>
      </c>
      <c r="BZ9" s="278">
        <v>0</v>
      </c>
      <c r="CA9" s="283">
        <v>0</v>
      </c>
      <c r="CB9" s="277">
        <v>0</v>
      </c>
      <c r="CC9" s="281">
        <v>0</v>
      </c>
      <c r="CD9" s="278">
        <v>0</v>
      </c>
      <c r="CE9" s="280">
        <v>0</v>
      </c>
      <c r="CF9" s="281">
        <v>0</v>
      </c>
      <c r="CG9" s="281">
        <v>2</v>
      </c>
      <c r="CH9" s="281">
        <v>16</v>
      </c>
      <c r="CI9" s="281">
        <v>32</v>
      </c>
      <c r="CJ9" s="281">
        <v>6</v>
      </c>
      <c r="CK9" s="278">
        <v>56</v>
      </c>
      <c r="CL9" s="283">
        <v>56</v>
      </c>
      <c r="CM9" s="277">
        <v>0</v>
      </c>
      <c r="CN9" s="281">
        <v>0</v>
      </c>
      <c r="CO9" s="278">
        <v>0</v>
      </c>
      <c r="CP9" s="280">
        <v>0</v>
      </c>
      <c r="CQ9" s="281">
        <v>9</v>
      </c>
      <c r="CR9" s="281">
        <v>14</v>
      </c>
      <c r="CS9" s="281">
        <v>14</v>
      </c>
      <c r="CT9" s="281">
        <v>13</v>
      </c>
      <c r="CU9" s="281">
        <v>15</v>
      </c>
      <c r="CV9" s="278">
        <v>65</v>
      </c>
      <c r="CW9" s="283">
        <v>65</v>
      </c>
    </row>
    <row r="10" spans="1:101" ht="21" customHeight="1" x14ac:dyDescent="0.2">
      <c r="B10" s="262" t="s">
        <v>7</v>
      </c>
      <c r="C10" s="277">
        <v>0</v>
      </c>
      <c r="D10" s="278">
        <v>0</v>
      </c>
      <c r="E10" s="279">
        <v>0</v>
      </c>
      <c r="F10" s="280">
        <v>0</v>
      </c>
      <c r="G10" s="281">
        <v>3</v>
      </c>
      <c r="H10" s="281">
        <v>10</v>
      </c>
      <c r="I10" s="281">
        <v>7</v>
      </c>
      <c r="J10" s="281">
        <v>7</v>
      </c>
      <c r="K10" s="281">
        <v>6</v>
      </c>
      <c r="L10" s="282">
        <v>33</v>
      </c>
      <c r="M10" s="283">
        <v>33</v>
      </c>
      <c r="N10" s="277">
        <v>0</v>
      </c>
      <c r="O10" s="281">
        <v>0</v>
      </c>
      <c r="P10" s="278">
        <v>0</v>
      </c>
      <c r="Q10" s="280">
        <v>0</v>
      </c>
      <c r="R10" s="281">
        <v>0</v>
      </c>
      <c r="S10" s="281">
        <v>0</v>
      </c>
      <c r="T10" s="281">
        <v>0</v>
      </c>
      <c r="U10" s="281">
        <v>0</v>
      </c>
      <c r="V10" s="281">
        <v>0</v>
      </c>
      <c r="W10" s="278">
        <v>0</v>
      </c>
      <c r="X10" s="283">
        <v>0</v>
      </c>
      <c r="Y10" s="277">
        <v>0</v>
      </c>
      <c r="Z10" s="281">
        <v>0</v>
      </c>
      <c r="AA10" s="278">
        <v>0</v>
      </c>
      <c r="AB10" s="280">
        <v>0</v>
      </c>
      <c r="AC10" s="281">
        <v>1048</v>
      </c>
      <c r="AD10" s="281">
        <v>641</v>
      </c>
      <c r="AE10" s="281">
        <v>295</v>
      </c>
      <c r="AF10" s="281">
        <v>144</v>
      </c>
      <c r="AG10" s="281">
        <v>60</v>
      </c>
      <c r="AH10" s="278">
        <v>2188</v>
      </c>
      <c r="AI10" s="283">
        <v>2188</v>
      </c>
      <c r="AJ10" s="277">
        <v>0</v>
      </c>
      <c r="AK10" s="281">
        <v>0</v>
      </c>
      <c r="AL10" s="278">
        <v>0</v>
      </c>
      <c r="AM10" s="280">
        <v>0</v>
      </c>
      <c r="AN10" s="281">
        <v>89</v>
      </c>
      <c r="AO10" s="281">
        <v>98</v>
      </c>
      <c r="AP10" s="281">
        <v>101</v>
      </c>
      <c r="AQ10" s="281">
        <v>31</v>
      </c>
      <c r="AR10" s="281">
        <v>15</v>
      </c>
      <c r="AS10" s="278">
        <v>334</v>
      </c>
      <c r="AT10" s="283">
        <v>334</v>
      </c>
      <c r="AU10" s="277">
        <v>8</v>
      </c>
      <c r="AV10" s="281">
        <v>12</v>
      </c>
      <c r="AW10" s="278">
        <v>20</v>
      </c>
      <c r="AX10" s="280">
        <v>0</v>
      </c>
      <c r="AY10" s="281">
        <v>61</v>
      </c>
      <c r="AZ10" s="281">
        <v>49</v>
      </c>
      <c r="BA10" s="281">
        <v>30</v>
      </c>
      <c r="BB10" s="281">
        <v>20</v>
      </c>
      <c r="BC10" s="281">
        <v>4</v>
      </c>
      <c r="BD10" s="278">
        <v>164</v>
      </c>
      <c r="BE10" s="283">
        <v>184</v>
      </c>
      <c r="BF10" s="277">
        <v>0</v>
      </c>
      <c r="BG10" s="281">
        <v>0</v>
      </c>
      <c r="BH10" s="278">
        <v>0</v>
      </c>
      <c r="BI10" s="280">
        <v>0</v>
      </c>
      <c r="BJ10" s="281">
        <v>122</v>
      </c>
      <c r="BK10" s="281">
        <v>149</v>
      </c>
      <c r="BL10" s="281">
        <v>187</v>
      </c>
      <c r="BM10" s="281">
        <v>127</v>
      </c>
      <c r="BN10" s="281">
        <v>69</v>
      </c>
      <c r="BO10" s="282">
        <v>654</v>
      </c>
      <c r="BP10" s="283">
        <v>654</v>
      </c>
      <c r="BQ10" s="277">
        <v>0</v>
      </c>
      <c r="BR10" s="281">
        <v>0</v>
      </c>
      <c r="BS10" s="278">
        <v>0</v>
      </c>
      <c r="BT10" s="280">
        <v>0</v>
      </c>
      <c r="BU10" s="281">
        <v>0</v>
      </c>
      <c r="BV10" s="281">
        <v>0</v>
      </c>
      <c r="BW10" s="281">
        <v>0</v>
      </c>
      <c r="BX10" s="281">
        <v>0</v>
      </c>
      <c r="BY10" s="281">
        <v>0</v>
      </c>
      <c r="BZ10" s="278">
        <v>0</v>
      </c>
      <c r="CA10" s="283">
        <v>0</v>
      </c>
      <c r="CB10" s="277">
        <v>0</v>
      </c>
      <c r="CC10" s="281">
        <v>0</v>
      </c>
      <c r="CD10" s="278">
        <v>0</v>
      </c>
      <c r="CE10" s="280">
        <v>0</v>
      </c>
      <c r="CF10" s="281">
        <v>0</v>
      </c>
      <c r="CG10" s="281">
        <v>0</v>
      </c>
      <c r="CH10" s="281">
        <v>0</v>
      </c>
      <c r="CI10" s="281">
        <v>0</v>
      </c>
      <c r="CJ10" s="281">
        <v>0</v>
      </c>
      <c r="CK10" s="278">
        <v>0</v>
      </c>
      <c r="CL10" s="283">
        <v>0</v>
      </c>
      <c r="CM10" s="277">
        <v>0</v>
      </c>
      <c r="CN10" s="281">
        <v>0</v>
      </c>
      <c r="CO10" s="278">
        <v>0</v>
      </c>
      <c r="CP10" s="280">
        <v>0</v>
      </c>
      <c r="CQ10" s="281">
        <v>8</v>
      </c>
      <c r="CR10" s="281">
        <v>13</v>
      </c>
      <c r="CS10" s="281">
        <v>9</v>
      </c>
      <c r="CT10" s="281">
        <v>8</v>
      </c>
      <c r="CU10" s="281">
        <v>21</v>
      </c>
      <c r="CV10" s="278">
        <v>59</v>
      </c>
      <c r="CW10" s="283">
        <v>59</v>
      </c>
    </row>
    <row r="11" spans="1:101" ht="21" customHeight="1" x14ac:dyDescent="0.2">
      <c r="B11" s="262" t="s">
        <v>8</v>
      </c>
      <c r="C11" s="277">
        <v>0</v>
      </c>
      <c r="D11" s="278">
        <v>0</v>
      </c>
      <c r="E11" s="279">
        <v>0</v>
      </c>
      <c r="F11" s="280">
        <v>0</v>
      </c>
      <c r="G11" s="281">
        <v>3</v>
      </c>
      <c r="H11" s="281">
        <v>10</v>
      </c>
      <c r="I11" s="281">
        <v>4</v>
      </c>
      <c r="J11" s="281">
        <v>6</v>
      </c>
      <c r="K11" s="281">
        <v>2</v>
      </c>
      <c r="L11" s="282">
        <v>25</v>
      </c>
      <c r="M11" s="283">
        <v>25</v>
      </c>
      <c r="N11" s="277">
        <v>0</v>
      </c>
      <c r="O11" s="281">
        <v>0</v>
      </c>
      <c r="P11" s="278">
        <v>0</v>
      </c>
      <c r="Q11" s="280">
        <v>0</v>
      </c>
      <c r="R11" s="281">
        <v>1</v>
      </c>
      <c r="S11" s="281">
        <v>3</v>
      </c>
      <c r="T11" s="281">
        <v>0</v>
      </c>
      <c r="U11" s="281">
        <v>2</v>
      </c>
      <c r="V11" s="281">
        <v>6</v>
      </c>
      <c r="W11" s="278">
        <v>12</v>
      </c>
      <c r="X11" s="283">
        <v>12</v>
      </c>
      <c r="Y11" s="277">
        <v>0</v>
      </c>
      <c r="Z11" s="281">
        <v>0</v>
      </c>
      <c r="AA11" s="278">
        <v>0</v>
      </c>
      <c r="AB11" s="280">
        <v>0</v>
      </c>
      <c r="AC11" s="281">
        <v>572</v>
      </c>
      <c r="AD11" s="281">
        <v>498</v>
      </c>
      <c r="AE11" s="281">
        <v>235</v>
      </c>
      <c r="AF11" s="281">
        <v>99</v>
      </c>
      <c r="AG11" s="281">
        <v>59</v>
      </c>
      <c r="AH11" s="278">
        <v>1463</v>
      </c>
      <c r="AI11" s="283">
        <v>1463</v>
      </c>
      <c r="AJ11" s="277">
        <v>0</v>
      </c>
      <c r="AK11" s="281">
        <v>0</v>
      </c>
      <c r="AL11" s="278">
        <v>0</v>
      </c>
      <c r="AM11" s="280">
        <v>0</v>
      </c>
      <c r="AN11" s="281">
        <v>10</v>
      </c>
      <c r="AO11" s="281">
        <v>13</v>
      </c>
      <c r="AP11" s="281">
        <v>10</v>
      </c>
      <c r="AQ11" s="281">
        <v>5</v>
      </c>
      <c r="AR11" s="281">
        <v>6</v>
      </c>
      <c r="AS11" s="278">
        <v>44</v>
      </c>
      <c r="AT11" s="283">
        <v>44</v>
      </c>
      <c r="AU11" s="277">
        <v>8</v>
      </c>
      <c r="AV11" s="281">
        <v>12</v>
      </c>
      <c r="AW11" s="278">
        <v>20</v>
      </c>
      <c r="AX11" s="280">
        <v>0</v>
      </c>
      <c r="AY11" s="281">
        <v>88</v>
      </c>
      <c r="AZ11" s="281">
        <v>54</v>
      </c>
      <c r="BA11" s="281">
        <v>46</v>
      </c>
      <c r="BB11" s="281">
        <v>28</v>
      </c>
      <c r="BC11" s="281">
        <v>6</v>
      </c>
      <c r="BD11" s="278">
        <v>222</v>
      </c>
      <c r="BE11" s="283">
        <v>242</v>
      </c>
      <c r="BF11" s="277">
        <v>0</v>
      </c>
      <c r="BG11" s="281">
        <v>0</v>
      </c>
      <c r="BH11" s="278">
        <v>0</v>
      </c>
      <c r="BI11" s="280">
        <v>0</v>
      </c>
      <c r="BJ11" s="281">
        <v>63</v>
      </c>
      <c r="BK11" s="281">
        <v>73</v>
      </c>
      <c r="BL11" s="281">
        <v>80</v>
      </c>
      <c r="BM11" s="281">
        <v>61</v>
      </c>
      <c r="BN11" s="281">
        <v>35</v>
      </c>
      <c r="BO11" s="282">
        <v>312</v>
      </c>
      <c r="BP11" s="283">
        <v>312</v>
      </c>
      <c r="BQ11" s="277">
        <v>0</v>
      </c>
      <c r="BR11" s="281">
        <v>0</v>
      </c>
      <c r="BS11" s="278">
        <v>0</v>
      </c>
      <c r="BT11" s="280">
        <v>0</v>
      </c>
      <c r="BU11" s="281">
        <v>2</v>
      </c>
      <c r="BV11" s="281">
        <v>10</v>
      </c>
      <c r="BW11" s="281">
        <v>12</v>
      </c>
      <c r="BX11" s="281">
        <v>14</v>
      </c>
      <c r="BY11" s="281">
        <v>3</v>
      </c>
      <c r="BZ11" s="278">
        <v>41</v>
      </c>
      <c r="CA11" s="283">
        <v>41</v>
      </c>
      <c r="CB11" s="277">
        <v>0</v>
      </c>
      <c r="CC11" s="281">
        <v>0</v>
      </c>
      <c r="CD11" s="278">
        <v>0</v>
      </c>
      <c r="CE11" s="280">
        <v>0</v>
      </c>
      <c r="CF11" s="281">
        <v>0</v>
      </c>
      <c r="CG11" s="281">
        <v>2</v>
      </c>
      <c r="CH11" s="281">
        <v>17</v>
      </c>
      <c r="CI11" s="281">
        <v>17</v>
      </c>
      <c r="CJ11" s="281">
        <v>12</v>
      </c>
      <c r="CK11" s="278">
        <v>48</v>
      </c>
      <c r="CL11" s="283">
        <v>48</v>
      </c>
      <c r="CM11" s="277">
        <v>0</v>
      </c>
      <c r="CN11" s="281">
        <v>0</v>
      </c>
      <c r="CO11" s="278">
        <v>0</v>
      </c>
      <c r="CP11" s="280">
        <v>0</v>
      </c>
      <c r="CQ11" s="281">
        <v>16</v>
      </c>
      <c r="CR11" s="281">
        <v>14</v>
      </c>
      <c r="CS11" s="281">
        <v>13</v>
      </c>
      <c r="CT11" s="281">
        <v>9</v>
      </c>
      <c r="CU11" s="281">
        <v>7</v>
      </c>
      <c r="CV11" s="278">
        <v>59</v>
      </c>
      <c r="CW11" s="283">
        <v>59</v>
      </c>
    </row>
    <row r="12" spans="1:101" ht="21" customHeight="1" x14ac:dyDescent="0.2">
      <c r="B12" s="262" t="s">
        <v>9</v>
      </c>
      <c r="C12" s="277">
        <v>0</v>
      </c>
      <c r="D12" s="278">
        <v>0</v>
      </c>
      <c r="E12" s="279">
        <v>0</v>
      </c>
      <c r="F12" s="280">
        <v>0</v>
      </c>
      <c r="G12" s="281">
        <v>1</v>
      </c>
      <c r="H12" s="281">
        <v>5</v>
      </c>
      <c r="I12" s="281">
        <v>2</v>
      </c>
      <c r="J12" s="281">
        <v>10</v>
      </c>
      <c r="K12" s="281">
        <v>3</v>
      </c>
      <c r="L12" s="282">
        <v>21</v>
      </c>
      <c r="M12" s="283">
        <v>21</v>
      </c>
      <c r="N12" s="277">
        <v>0</v>
      </c>
      <c r="O12" s="281">
        <v>0</v>
      </c>
      <c r="P12" s="278">
        <v>0</v>
      </c>
      <c r="Q12" s="280">
        <v>0</v>
      </c>
      <c r="R12" s="281">
        <v>0</v>
      </c>
      <c r="S12" s="281">
        <v>0</v>
      </c>
      <c r="T12" s="281">
        <v>0</v>
      </c>
      <c r="U12" s="281">
        <v>0</v>
      </c>
      <c r="V12" s="281">
        <v>0</v>
      </c>
      <c r="W12" s="278">
        <v>0</v>
      </c>
      <c r="X12" s="283">
        <v>0</v>
      </c>
      <c r="Y12" s="277">
        <v>0</v>
      </c>
      <c r="Z12" s="281">
        <v>0</v>
      </c>
      <c r="AA12" s="278">
        <v>0</v>
      </c>
      <c r="AB12" s="280">
        <v>0</v>
      </c>
      <c r="AC12" s="281">
        <v>417</v>
      </c>
      <c r="AD12" s="281">
        <v>285</v>
      </c>
      <c r="AE12" s="281">
        <v>173</v>
      </c>
      <c r="AF12" s="281">
        <v>83</v>
      </c>
      <c r="AG12" s="281">
        <v>28</v>
      </c>
      <c r="AH12" s="278">
        <v>986</v>
      </c>
      <c r="AI12" s="283">
        <v>986</v>
      </c>
      <c r="AJ12" s="277">
        <v>0</v>
      </c>
      <c r="AK12" s="281">
        <v>0</v>
      </c>
      <c r="AL12" s="278">
        <v>0</v>
      </c>
      <c r="AM12" s="280">
        <v>0</v>
      </c>
      <c r="AN12" s="281">
        <v>9</v>
      </c>
      <c r="AO12" s="281">
        <v>9</v>
      </c>
      <c r="AP12" s="281">
        <v>7</v>
      </c>
      <c r="AQ12" s="281">
        <v>5</v>
      </c>
      <c r="AR12" s="281">
        <v>4</v>
      </c>
      <c r="AS12" s="278">
        <v>34</v>
      </c>
      <c r="AT12" s="283">
        <v>34</v>
      </c>
      <c r="AU12" s="277">
        <v>5</v>
      </c>
      <c r="AV12" s="281">
        <v>6</v>
      </c>
      <c r="AW12" s="278">
        <v>11</v>
      </c>
      <c r="AX12" s="280">
        <v>0</v>
      </c>
      <c r="AY12" s="281">
        <v>35</v>
      </c>
      <c r="AZ12" s="281">
        <v>38</v>
      </c>
      <c r="BA12" s="281">
        <v>22</v>
      </c>
      <c r="BB12" s="281">
        <v>25</v>
      </c>
      <c r="BC12" s="281">
        <v>7</v>
      </c>
      <c r="BD12" s="278">
        <v>127</v>
      </c>
      <c r="BE12" s="283">
        <v>138</v>
      </c>
      <c r="BF12" s="277">
        <v>0</v>
      </c>
      <c r="BG12" s="281">
        <v>1</v>
      </c>
      <c r="BH12" s="278">
        <v>1</v>
      </c>
      <c r="BI12" s="280">
        <v>0</v>
      </c>
      <c r="BJ12" s="281">
        <v>23</v>
      </c>
      <c r="BK12" s="281">
        <v>43</v>
      </c>
      <c r="BL12" s="281">
        <v>80</v>
      </c>
      <c r="BM12" s="281">
        <v>34</v>
      </c>
      <c r="BN12" s="281">
        <v>22</v>
      </c>
      <c r="BO12" s="282">
        <v>202</v>
      </c>
      <c r="BP12" s="283">
        <v>203</v>
      </c>
      <c r="BQ12" s="277">
        <v>0</v>
      </c>
      <c r="BR12" s="281">
        <v>0</v>
      </c>
      <c r="BS12" s="278">
        <v>0</v>
      </c>
      <c r="BT12" s="280">
        <v>0</v>
      </c>
      <c r="BU12" s="281">
        <v>4</v>
      </c>
      <c r="BV12" s="281">
        <v>8</v>
      </c>
      <c r="BW12" s="281">
        <v>5</v>
      </c>
      <c r="BX12" s="281">
        <v>5</v>
      </c>
      <c r="BY12" s="281">
        <v>4</v>
      </c>
      <c r="BZ12" s="278">
        <v>26</v>
      </c>
      <c r="CA12" s="283">
        <v>26</v>
      </c>
      <c r="CB12" s="277">
        <v>0</v>
      </c>
      <c r="CC12" s="281">
        <v>0</v>
      </c>
      <c r="CD12" s="278">
        <v>0</v>
      </c>
      <c r="CE12" s="280">
        <v>0</v>
      </c>
      <c r="CF12" s="281">
        <v>0</v>
      </c>
      <c r="CG12" s="281">
        <v>0</v>
      </c>
      <c r="CH12" s="281">
        <v>0</v>
      </c>
      <c r="CI12" s="281">
        <v>1</v>
      </c>
      <c r="CJ12" s="281">
        <v>0</v>
      </c>
      <c r="CK12" s="278">
        <v>1</v>
      </c>
      <c r="CL12" s="283">
        <v>1</v>
      </c>
      <c r="CM12" s="277">
        <v>0</v>
      </c>
      <c r="CN12" s="281">
        <v>0</v>
      </c>
      <c r="CO12" s="278">
        <v>0</v>
      </c>
      <c r="CP12" s="280">
        <v>0</v>
      </c>
      <c r="CQ12" s="281">
        <v>6</v>
      </c>
      <c r="CR12" s="281">
        <v>2</v>
      </c>
      <c r="CS12" s="281">
        <v>12</v>
      </c>
      <c r="CT12" s="281">
        <v>14</v>
      </c>
      <c r="CU12" s="281">
        <v>9</v>
      </c>
      <c r="CV12" s="278">
        <v>43</v>
      </c>
      <c r="CW12" s="283">
        <v>43</v>
      </c>
    </row>
    <row r="13" spans="1:101" ht="21" customHeight="1" x14ac:dyDescent="0.2">
      <c r="B13" s="262" t="s">
        <v>10</v>
      </c>
      <c r="C13" s="277">
        <v>0</v>
      </c>
      <c r="D13" s="278">
        <v>0</v>
      </c>
      <c r="E13" s="279">
        <v>0</v>
      </c>
      <c r="F13" s="280">
        <v>0</v>
      </c>
      <c r="G13" s="281">
        <v>28</v>
      </c>
      <c r="H13" s="281">
        <v>12</v>
      </c>
      <c r="I13" s="281">
        <v>12</v>
      </c>
      <c r="J13" s="281">
        <v>19</v>
      </c>
      <c r="K13" s="281">
        <v>13</v>
      </c>
      <c r="L13" s="282">
        <v>84</v>
      </c>
      <c r="M13" s="283">
        <v>84</v>
      </c>
      <c r="N13" s="277">
        <v>0</v>
      </c>
      <c r="O13" s="281">
        <v>0</v>
      </c>
      <c r="P13" s="278">
        <v>0</v>
      </c>
      <c r="Q13" s="280">
        <v>0</v>
      </c>
      <c r="R13" s="281">
        <v>11</v>
      </c>
      <c r="S13" s="281">
        <v>13</v>
      </c>
      <c r="T13" s="281">
        <v>11</v>
      </c>
      <c r="U13" s="281">
        <v>9</v>
      </c>
      <c r="V13" s="281">
        <v>4</v>
      </c>
      <c r="W13" s="278">
        <v>48</v>
      </c>
      <c r="X13" s="283">
        <v>48</v>
      </c>
      <c r="Y13" s="277">
        <v>0</v>
      </c>
      <c r="Z13" s="281">
        <v>0</v>
      </c>
      <c r="AA13" s="278">
        <v>0</v>
      </c>
      <c r="AB13" s="280">
        <v>0</v>
      </c>
      <c r="AC13" s="281">
        <v>574</v>
      </c>
      <c r="AD13" s="281">
        <v>263</v>
      </c>
      <c r="AE13" s="281">
        <v>125</v>
      </c>
      <c r="AF13" s="281">
        <v>61</v>
      </c>
      <c r="AG13" s="281">
        <v>30</v>
      </c>
      <c r="AH13" s="278">
        <v>1053</v>
      </c>
      <c r="AI13" s="283">
        <v>1053</v>
      </c>
      <c r="AJ13" s="277">
        <v>0</v>
      </c>
      <c r="AK13" s="281">
        <v>1</v>
      </c>
      <c r="AL13" s="278">
        <v>1</v>
      </c>
      <c r="AM13" s="280">
        <v>0</v>
      </c>
      <c r="AN13" s="281">
        <v>15</v>
      </c>
      <c r="AO13" s="281">
        <v>16</v>
      </c>
      <c r="AP13" s="281">
        <v>18</v>
      </c>
      <c r="AQ13" s="281">
        <v>7</v>
      </c>
      <c r="AR13" s="281">
        <v>10</v>
      </c>
      <c r="AS13" s="278">
        <v>66</v>
      </c>
      <c r="AT13" s="283">
        <v>67</v>
      </c>
      <c r="AU13" s="277">
        <v>10</v>
      </c>
      <c r="AV13" s="281">
        <v>23</v>
      </c>
      <c r="AW13" s="278">
        <v>33</v>
      </c>
      <c r="AX13" s="280">
        <v>0</v>
      </c>
      <c r="AY13" s="281">
        <v>84</v>
      </c>
      <c r="AZ13" s="281">
        <v>78</v>
      </c>
      <c r="BA13" s="281">
        <v>79</v>
      </c>
      <c r="BB13" s="281">
        <v>57</v>
      </c>
      <c r="BC13" s="281">
        <v>38</v>
      </c>
      <c r="BD13" s="278">
        <v>336</v>
      </c>
      <c r="BE13" s="283">
        <v>369</v>
      </c>
      <c r="BF13" s="277">
        <v>0</v>
      </c>
      <c r="BG13" s="281">
        <v>5</v>
      </c>
      <c r="BH13" s="278">
        <v>5</v>
      </c>
      <c r="BI13" s="280">
        <v>0</v>
      </c>
      <c r="BJ13" s="281">
        <v>123</v>
      </c>
      <c r="BK13" s="281">
        <v>136</v>
      </c>
      <c r="BL13" s="281">
        <v>88</v>
      </c>
      <c r="BM13" s="281">
        <v>80</v>
      </c>
      <c r="BN13" s="281">
        <v>88</v>
      </c>
      <c r="BO13" s="282">
        <v>515</v>
      </c>
      <c r="BP13" s="283">
        <v>520</v>
      </c>
      <c r="BQ13" s="277">
        <v>0</v>
      </c>
      <c r="BR13" s="281">
        <v>0</v>
      </c>
      <c r="BS13" s="278">
        <v>0</v>
      </c>
      <c r="BT13" s="280">
        <v>0</v>
      </c>
      <c r="BU13" s="281">
        <v>27</v>
      </c>
      <c r="BV13" s="281">
        <v>30</v>
      </c>
      <c r="BW13" s="281">
        <v>33</v>
      </c>
      <c r="BX13" s="281">
        <v>25</v>
      </c>
      <c r="BY13" s="281">
        <v>32</v>
      </c>
      <c r="BZ13" s="278">
        <v>147</v>
      </c>
      <c r="CA13" s="283">
        <v>147</v>
      </c>
      <c r="CB13" s="277">
        <v>0</v>
      </c>
      <c r="CC13" s="281">
        <v>0</v>
      </c>
      <c r="CD13" s="278">
        <v>0</v>
      </c>
      <c r="CE13" s="280">
        <v>0</v>
      </c>
      <c r="CF13" s="281">
        <v>0</v>
      </c>
      <c r="CG13" s="281">
        <v>0</v>
      </c>
      <c r="CH13" s="281">
        <v>4</v>
      </c>
      <c r="CI13" s="281">
        <v>19</v>
      </c>
      <c r="CJ13" s="281">
        <v>19</v>
      </c>
      <c r="CK13" s="278">
        <v>42</v>
      </c>
      <c r="CL13" s="283">
        <v>42</v>
      </c>
      <c r="CM13" s="277">
        <v>0</v>
      </c>
      <c r="CN13" s="281">
        <v>0</v>
      </c>
      <c r="CO13" s="278">
        <v>0</v>
      </c>
      <c r="CP13" s="280">
        <v>0</v>
      </c>
      <c r="CQ13" s="281">
        <v>20</v>
      </c>
      <c r="CR13" s="281">
        <v>32</v>
      </c>
      <c r="CS13" s="281">
        <v>33</v>
      </c>
      <c r="CT13" s="281">
        <v>28</v>
      </c>
      <c r="CU13" s="281">
        <v>30</v>
      </c>
      <c r="CV13" s="278">
        <v>143</v>
      </c>
      <c r="CW13" s="283">
        <v>143</v>
      </c>
    </row>
    <row r="14" spans="1:101" ht="21" customHeight="1" x14ac:dyDescent="0.2">
      <c r="B14" s="262" t="s">
        <v>11</v>
      </c>
      <c r="C14" s="277">
        <v>0</v>
      </c>
      <c r="D14" s="278">
        <v>0</v>
      </c>
      <c r="E14" s="279">
        <v>0</v>
      </c>
      <c r="F14" s="280">
        <v>0</v>
      </c>
      <c r="G14" s="281">
        <v>13</v>
      </c>
      <c r="H14" s="281">
        <v>7</v>
      </c>
      <c r="I14" s="281">
        <v>5</v>
      </c>
      <c r="J14" s="281">
        <v>5</v>
      </c>
      <c r="K14" s="281">
        <v>5</v>
      </c>
      <c r="L14" s="282">
        <v>35</v>
      </c>
      <c r="M14" s="283">
        <v>35</v>
      </c>
      <c r="N14" s="277">
        <v>0</v>
      </c>
      <c r="O14" s="281">
        <v>0</v>
      </c>
      <c r="P14" s="278">
        <v>0</v>
      </c>
      <c r="Q14" s="280">
        <v>0</v>
      </c>
      <c r="R14" s="281">
        <v>10</v>
      </c>
      <c r="S14" s="281">
        <v>13</v>
      </c>
      <c r="T14" s="281">
        <v>10</v>
      </c>
      <c r="U14" s="281">
        <v>9</v>
      </c>
      <c r="V14" s="281">
        <v>5</v>
      </c>
      <c r="W14" s="278">
        <v>47</v>
      </c>
      <c r="X14" s="283">
        <v>47</v>
      </c>
      <c r="Y14" s="277">
        <v>0</v>
      </c>
      <c r="Z14" s="281">
        <v>0</v>
      </c>
      <c r="AA14" s="278">
        <v>0</v>
      </c>
      <c r="AB14" s="280">
        <v>0</v>
      </c>
      <c r="AC14" s="281">
        <v>537</v>
      </c>
      <c r="AD14" s="281">
        <v>260</v>
      </c>
      <c r="AE14" s="281">
        <v>146</v>
      </c>
      <c r="AF14" s="281">
        <v>77</v>
      </c>
      <c r="AG14" s="281">
        <v>29</v>
      </c>
      <c r="AH14" s="278">
        <v>1049</v>
      </c>
      <c r="AI14" s="283">
        <v>1049</v>
      </c>
      <c r="AJ14" s="277">
        <v>0</v>
      </c>
      <c r="AK14" s="281">
        <v>1</v>
      </c>
      <c r="AL14" s="278">
        <v>1</v>
      </c>
      <c r="AM14" s="280">
        <v>0</v>
      </c>
      <c r="AN14" s="281">
        <v>21</v>
      </c>
      <c r="AO14" s="281">
        <v>15</v>
      </c>
      <c r="AP14" s="281">
        <v>11</v>
      </c>
      <c r="AQ14" s="281">
        <v>1</v>
      </c>
      <c r="AR14" s="281">
        <v>1</v>
      </c>
      <c r="AS14" s="278">
        <v>49</v>
      </c>
      <c r="AT14" s="283">
        <v>50</v>
      </c>
      <c r="AU14" s="277">
        <v>2</v>
      </c>
      <c r="AV14" s="281">
        <v>3</v>
      </c>
      <c r="AW14" s="278">
        <v>5</v>
      </c>
      <c r="AX14" s="280">
        <v>0</v>
      </c>
      <c r="AY14" s="281">
        <v>42</v>
      </c>
      <c r="AZ14" s="281">
        <v>48</v>
      </c>
      <c r="BA14" s="281">
        <v>30</v>
      </c>
      <c r="BB14" s="281">
        <v>22</v>
      </c>
      <c r="BC14" s="281">
        <v>8</v>
      </c>
      <c r="BD14" s="278">
        <v>150</v>
      </c>
      <c r="BE14" s="283">
        <v>155</v>
      </c>
      <c r="BF14" s="277">
        <v>0</v>
      </c>
      <c r="BG14" s="281">
        <v>5</v>
      </c>
      <c r="BH14" s="278">
        <v>5</v>
      </c>
      <c r="BI14" s="280">
        <v>0</v>
      </c>
      <c r="BJ14" s="281">
        <v>59</v>
      </c>
      <c r="BK14" s="281">
        <v>75</v>
      </c>
      <c r="BL14" s="281">
        <v>66</v>
      </c>
      <c r="BM14" s="281">
        <v>54</v>
      </c>
      <c r="BN14" s="281">
        <v>26</v>
      </c>
      <c r="BO14" s="282">
        <v>280</v>
      </c>
      <c r="BP14" s="283">
        <v>285</v>
      </c>
      <c r="BQ14" s="277">
        <v>0</v>
      </c>
      <c r="BR14" s="281">
        <v>0</v>
      </c>
      <c r="BS14" s="278">
        <v>0</v>
      </c>
      <c r="BT14" s="280">
        <v>0</v>
      </c>
      <c r="BU14" s="281">
        <v>0</v>
      </c>
      <c r="BV14" s="281">
        <v>0</v>
      </c>
      <c r="BW14" s="281">
        <v>0</v>
      </c>
      <c r="BX14" s="281">
        <v>0</v>
      </c>
      <c r="BY14" s="281">
        <v>0</v>
      </c>
      <c r="BZ14" s="278">
        <v>0</v>
      </c>
      <c r="CA14" s="283">
        <v>0</v>
      </c>
      <c r="CB14" s="277">
        <v>0</v>
      </c>
      <c r="CC14" s="281">
        <v>0</v>
      </c>
      <c r="CD14" s="278">
        <v>0</v>
      </c>
      <c r="CE14" s="280">
        <v>0</v>
      </c>
      <c r="CF14" s="281">
        <v>0</v>
      </c>
      <c r="CG14" s="281">
        <v>1</v>
      </c>
      <c r="CH14" s="281">
        <v>0</v>
      </c>
      <c r="CI14" s="281">
        <v>0</v>
      </c>
      <c r="CJ14" s="281">
        <v>0</v>
      </c>
      <c r="CK14" s="278">
        <v>1</v>
      </c>
      <c r="CL14" s="283">
        <v>1</v>
      </c>
      <c r="CM14" s="277">
        <v>0</v>
      </c>
      <c r="CN14" s="281">
        <v>0</v>
      </c>
      <c r="CO14" s="278">
        <v>0</v>
      </c>
      <c r="CP14" s="280">
        <v>0</v>
      </c>
      <c r="CQ14" s="281">
        <v>3</v>
      </c>
      <c r="CR14" s="281">
        <v>5</v>
      </c>
      <c r="CS14" s="281">
        <v>2</v>
      </c>
      <c r="CT14" s="281">
        <v>6</v>
      </c>
      <c r="CU14" s="281">
        <v>4</v>
      </c>
      <c r="CV14" s="278">
        <v>20</v>
      </c>
      <c r="CW14" s="283">
        <v>20</v>
      </c>
    </row>
    <row r="15" spans="1:101" ht="21" customHeight="1" x14ac:dyDescent="0.2">
      <c r="B15" s="262" t="s">
        <v>12</v>
      </c>
      <c r="C15" s="277">
        <v>0</v>
      </c>
      <c r="D15" s="278">
        <v>0</v>
      </c>
      <c r="E15" s="279">
        <v>0</v>
      </c>
      <c r="F15" s="280">
        <v>0</v>
      </c>
      <c r="G15" s="281">
        <v>9</v>
      </c>
      <c r="H15" s="281">
        <v>2</v>
      </c>
      <c r="I15" s="281">
        <v>4</v>
      </c>
      <c r="J15" s="281">
        <v>5</v>
      </c>
      <c r="K15" s="281">
        <v>2</v>
      </c>
      <c r="L15" s="282">
        <v>22</v>
      </c>
      <c r="M15" s="283">
        <v>22</v>
      </c>
      <c r="N15" s="277">
        <v>0</v>
      </c>
      <c r="O15" s="281">
        <v>0</v>
      </c>
      <c r="P15" s="278">
        <v>0</v>
      </c>
      <c r="Q15" s="280">
        <v>0</v>
      </c>
      <c r="R15" s="281">
        <v>0</v>
      </c>
      <c r="S15" s="281">
        <v>0</v>
      </c>
      <c r="T15" s="281">
        <v>0</v>
      </c>
      <c r="U15" s="281">
        <v>0</v>
      </c>
      <c r="V15" s="281">
        <v>0</v>
      </c>
      <c r="W15" s="278">
        <v>0</v>
      </c>
      <c r="X15" s="283">
        <v>0</v>
      </c>
      <c r="Y15" s="277">
        <v>0</v>
      </c>
      <c r="Z15" s="281">
        <v>0</v>
      </c>
      <c r="AA15" s="278">
        <v>0</v>
      </c>
      <c r="AB15" s="280">
        <v>0</v>
      </c>
      <c r="AC15" s="281">
        <v>395</v>
      </c>
      <c r="AD15" s="281">
        <v>227</v>
      </c>
      <c r="AE15" s="281">
        <v>158</v>
      </c>
      <c r="AF15" s="281">
        <v>80</v>
      </c>
      <c r="AG15" s="281">
        <v>37</v>
      </c>
      <c r="AH15" s="278">
        <v>897</v>
      </c>
      <c r="AI15" s="283">
        <v>897</v>
      </c>
      <c r="AJ15" s="277">
        <v>0</v>
      </c>
      <c r="AK15" s="281">
        <v>0</v>
      </c>
      <c r="AL15" s="278">
        <v>0</v>
      </c>
      <c r="AM15" s="280">
        <v>0</v>
      </c>
      <c r="AN15" s="281">
        <v>6</v>
      </c>
      <c r="AO15" s="281">
        <v>4</v>
      </c>
      <c r="AP15" s="281">
        <v>1</v>
      </c>
      <c r="AQ15" s="281">
        <v>0</v>
      </c>
      <c r="AR15" s="281">
        <v>1</v>
      </c>
      <c r="AS15" s="278">
        <v>12</v>
      </c>
      <c r="AT15" s="283">
        <v>12</v>
      </c>
      <c r="AU15" s="277">
        <v>0</v>
      </c>
      <c r="AV15" s="281">
        <v>0</v>
      </c>
      <c r="AW15" s="278">
        <v>0</v>
      </c>
      <c r="AX15" s="280">
        <v>0</v>
      </c>
      <c r="AY15" s="281">
        <v>23</v>
      </c>
      <c r="AZ15" s="281">
        <v>27</v>
      </c>
      <c r="BA15" s="281">
        <v>46</v>
      </c>
      <c r="BB15" s="281">
        <v>46</v>
      </c>
      <c r="BC15" s="281">
        <v>23</v>
      </c>
      <c r="BD15" s="278">
        <v>165</v>
      </c>
      <c r="BE15" s="283">
        <v>165</v>
      </c>
      <c r="BF15" s="277">
        <v>0</v>
      </c>
      <c r="BG15" s="281">
        <v>0</v>
      </c>
      <c r="BH15" s="278">
        <v>0</v>
      </c>
      <c r="BI15" s="280">
        <v>0</v>
      </c>
      <c r="BJ15" s="281">
        <v>43</v>
      </c>
      <c r="BK15" s="281">
        <v>43</v>
      </c>
      <c r="BL15" s="281">
        <v>53</v>
      </c>
      <c r="BM15" s="281">
        <v>37</v>
      </c>
      <c r="BN15" s="281">
        <v>29</v>
      </c>
      <c r="BO15" s="282">
        <v>205</v>
      </c>
      <c r="BP15" s="283">
        <v>205</v>
      </c>
      <c r="BQ15" s="277">
        <v>0</v>
      </c>
      <c r="BR15" s="281">
        <v>0</v>
      </c>
      <c r="BS15" s="278">
        <v>0</v>
      </c>
      <c r="BT15" s="280">
        <v>0</v>
      </c>
      <c r="BU15" s="281">
        <v>2</v>
      </c>
      <c r="BV15" s="281">
        <v>8</v>
      </c>
      <c r="BW15" s="281">
        <v>2</v>
      </c>
      <c r="BX15" s="281">
        <v>12</v>
      </c>
      <c r="BY15" s="281">
        <v>2</v>
      </c>
      <c r="BZ15" s="278">
        <v>26</v>
      </c>
      <c r="CA15" s="283">
        <v>26</v>
      </c>
      <c r="CB15" s="277">
        <v>0</v>
      </c>
      <c r="CC15" s="281">
        <v>0</v>
      </c>
      <c r="CD15" s="278">
        <v>0</v>
      </c>
      <c r="CE15" s="280">
        <v>0</v>
      </c>
      <c r="CF15" s="281">
        <v>1</v>
      </c>
      <c r="CG15" s="281">
        <v>0</v>
      </c>
      <c r="CH15" s="281">
        <v>13</v>
      </c>
      <c r="CI15" s="281">
        <v>10</v>
      </c>
      <c r="CJ15" s="281">
        <v>4</v>
      </c>
      <c r="CK15" s="278">
        <v>28</v>
      </c>
      <c r="CL15" s="283">
        <v>28</v>
      </c>
      <c r="CM15" s="277">
        <v>0</v>
      </c>
      <c r="CN15" s="281">
        <v>0</v>
      </c>
      <c r="CO15" s="278">
        <v>0</v>
      </c>
      <c r="CP15" s="280">
        <v>0</v>
      </c>
      <c r="CQ15" s="281">
        <v>12</v>
      </c>
      <c r="CR15" s="281">
        <v>12</v>
      </c>
      <c r="CS15" s="281">
        <v>19</v>
      </c>
      <c r="CT15" s="281">
        <v>24</v>
      </c>
      <c r="CU15" s="281">
        <v>17</v>
      </c>
      <c r="CV15" s="278">
        <v>84</v>
      </c>
      <c r="CW15" s="283">
        <v>84</v>
      </c>
    </row>
    <row r="16" spans="1:101" ht="21" customHeight="1" x14ac:dyDescent="0.2">
      <c r="B16" s="262" t="s">
        <v>13</v>
      </c>
      <c r="C16" s="277">
        <v>0</v>
      </c>
      <c r="D16" s="278">
        <v>0</v>
      </c>
      <c r="E16" s="279">
        <v>0</v>
      </c>
      <c r="F16" s="280">
        <v>0</v>
      </c>
      <c r="G16" s="281">
        <v>1</v>
      </c>
      <c r="H16" s="281">
        <v>1</v>
      </c>
      <c r="I16" s="281">
        <v>1</v>
      </c>
      <c r="J16" s="281">
        <v>0</v>
      </c>
      <c r="K16" s="281">
        <v>0</v>
      </c>
      <c r="L16" s="282">
        <v>3</v>
      </c>
      <c r="M16" s="283">
        <v>3</v>
      </c>
      <c r="N16" s="277">
        <v>0</v>
      </c>
      <c r="O16" s="281">
        <v>0</v>
      </c>
      <c r="P16" s="278">
        <v>0</v>
      </c>
      <c r="Q16" s="280">
        <v>0</v>
      </c>
      <c r="R16" s="281">
        <v>0</v>
      </c>
      <c r="S16" s="281">
        <v>0</v>
      </c>
      <c r="T16" s="281">
        <v>0</v>
      </c>
      <c r="U16" s="281">
        <v>0</v>
      </c>
      <c r="V16" s="281">
        <v>0</v>
      </c>
      <c r="W16" s="278">
        <v>0</v>
      </c>
      <c r="X16" s="283">
        <v>0</v>
      </c>
      <c r="Y16" s="277">
        <v>0</v>
      </c>
      <c r="Z16" s="281">
        <v>0</v>
      </c>
      <c r="AA16" s="278">
        <v>0</v>
      </c>
      <c r="AB16" s="280">
        <v>0</v>
      </c>
      <c r="AC16" s="281">
        <v>131</v>
      </c>
      <c r="AD16" s="281">
        <v>123</v>
      </c>
      <c r="AE16" s="281">
        <v>52</v>
      </c>
      <c r="AF16" s="281">
        <v>36</v>
      </c>
      <c r="AG16" s="281">
        <v>12</v>
      </c>
      <c r="AH16" s="278">
        <v>354</v>
      </c>
      <c r="AI16" s="283">
        <v>354</v>
      </c>
      <c r="AJ16" s="277">
        <v>0</v>
      </c>
      <c r="AK16" s="281">
        <v>0</v>
      </c>
      <c r="AL16" s="278">
        <v>0</v>
      </c>
      <c r="AM16" s="280">
        <v>0</v>
      </c>
      <c r="AN16" s="281">
        <v>2</v>
      </c>
      <c r="AO16" s="281">
        <v>3</v>
      </c>
      <c r="AP16" s="281">
        <v>6</v>
      </c>
      <c r="AQ16" s="281">
        <v>6</v>
      </c>
      <c r="AR16" s="281">
        <v>5</v>
      </c>
      <c r="AS16" s="278">
        <v>22</v>
      </c>
      <c r="AT16" s="283">
        <v>22</v>
      </c>
      <c r="AU16" s="277">
        <v>1</v>
      </c>
      <c r="AV16" s="281">
        <v>2</v>
      </c>
      <c r="AW16" s="278">
        <v>3</v>
      </c>
      <c r="AX16" s="280">
        <v>0</v>
      </c>
      <c r="AY16" s="281">
        <v>15</v>
      </c>
      <c r="AZ16" s="281">
        <v>11</v>
      </c>
      <c r="BA16" s="281">
        <v>5</v>
      </c>
      <c r="BB16" s="281">
        <v>3</v>
      </c>
      <c r="BC16" s="281">
        <v>1</v>
      </c>
      <c r="BD16" s="278">
        <v>35</v>
      </c>
      <c r="BE16" s="283">
        <v>38</v>
      </c>
      <c r="BF16" s="277">
        <v>0</v>
      </c>
      <c r="BG16" s="281">
        <v>0</v>
      </c>
      <c r="BH16" s="278">
        <v>0</v>
      </c>
      <c r="BI16" s="280">
        <v>0</v>
      </c>
      <c r="BJ16" s="281">
        <v>10</v>
      </c>
      <c r="BK16" s="281">
        <v>16</v>
      </c>
      <c r="BL16" s="281">
        <v>25</v>
      </c>
      <c r="BM16" s="281">
        <v>16</v>
      </c>
      <c r="BN16" s="281">
        <v>8</v>
      </c>
      <c r="BO16" s="282">
        <v>75</v>
      </c>
      <c r="BP16" s="283">
        <v>75</v>
      </c>
      <c r="BQ16" s="277">
        <v>0</v>
      </c>
      <c r="BR16" s="281">
        <v>0</v>
      </c>
      <c r="BS16" s="278">
        <v>0</v>
      </c>
      <c r="BT16" s="280">
        <v>0</v>
      </c>
      <c r="BU16" s="281">
        <v>0</v>
      </c>
      <c r="BV16" s="281">
        <v>0</v>
      </c>
      <c r="BW16" s="281">
        <v>3</v>
      </c>
      <c r="BX16" s="281">
        <v>9</v>
      </c>
      <c r="BY16" s="281">
        <v>5</v>
      </c>
      <c r="BZ16" s="278">
        <v>17</v>
      </c>
      <c r="CA16" s="283">
        <v>17</v>
      </c>
      <c r="CB16" s="277">
        <v>0</v>
      </c>
      <c r="CC16" s="281">
        <v>0</v>
      </c>
      <c r="CD16" s="278">
        <v>0</v>
      </c>
      <c r="CE16" s="280">
        <v>0</v>
      </c>
      <c r="CF16" s="281">
        <v>0</v>
      </c>
      <c r="CG16" s="281">
        <v>0</v>
      </c>
      <c r="CH16" s="281">
        <v>0</v>
      </c>
      <c r="CI16" s="281">
        <v>0</v>
      </c>
      <c r="CJ16" s="281">
        <v>0</v>
      </c>
      <c r="CK16" s="278">
        <v>0</v>
      </c>
      <c r="CL16" s="283">
        <v>0</v>
      </c>
      <c r="CM16" s="277">
        <v>0</v>
      </c>
      <c r="CN16" s="281">
        <v>0</v>
      </c>
      <c r="CO16" s="278">
        <v>0</v>
      </c>
      <c r="CP16" s="280">
        <v>0</v>
      </c>
      <c r="CQ16" s="281">
        <v>0</v>
      </c>
      <c r="CR16" s="281">
        <v>0</v>
      </c>
      <c r="CS16" s="281">
        <v>0</v>
      </c>
      <c r="CT16" s="281">
        <v>0</v>
      </c>
      <c r="CU16" s="281">
        <v>0</v>
      </c>
      <c r="CV16" s="278">
        <v>0</v>
      </c>
      <c r="CW16" s="283">
        <v>0</v>
      </c>
    </row>
    <row r="17" spans="2:101" ht="21" customHeight="1" x14ac:dyDescent="0.2">
      <c r="B17" s="262" t="s">
        <v>15</v>
      </c>
      <c r="C17" s="277">
        <v>0</v>
      </c>
      <c r="D17" s="278">
        <v>0</v>
      </c>
      <c r="E17" s="279">
        <v>0</v>
      </c>
      <c r="F17" s="280">
        <v>0</v>
      </c>
      <c r="G17" s="281">
        <v>2</v>
      </c>
      <c r="H17" s="281">
        <v>3</v>
      </c>
      <c r="I17" s="281">
        <v>2</v>
      </c>
      <c r="J17" s="281">
        <v>4</v>
      </c>
      <c r="K17" s="281">
        <v>6</v>
      </c>
      <c r="L17" s="282">
        <v>17</v>
      </c>
      <c r="M17" s="283">
        <v>17</v>
      </c>
      <c r="N17" s="277">
        <v>0</v>
      </c>
      <c r="O17" s="281">
        <v>0</v>
      </c>
      <c r="P17" s="278">
        <v>0</v>
      </c>
      <c r="Q17" s="280">
        <v>0</v>
      </c>
      <c r="R17" s="281">
        <v>0</v>
      </c>
      <c r="S17" s="281">
        <v>0</v>
      </c>
      <c r="T17" s="281">
        <v>0</v>
      </c>
      <c r="U17" s="281">
        <v>0</v>
      </c>
      <c r="V17" s="281">
        <v>0</v>
      </c>
      <c r="W17" s="278">
        <v>0</v>
      </c>
      <c r="X17" s="283">
        <v>0</v>
      </c>
      <c r="Y17" s="277">
        <v>0</v>
      </c>
      <c r="Z17" s="281">
        <v>0</v>
      </c>
      <c r="AA17" s="278">
        <v>0</v>
      </c>
      <c r="AB17" s="280">
        <v>0</v>
      </c>
      <c r="AC17" s="281">
        <v>143</v>
      </c>
      <c r="AD17" s="281">
        <v>159</v>
      </c>
      <c r="AE17" s="281">
        <v>75</v>
      </c>
      <c r="AF17" s="281">
        <v>32</v>
      </c>
      <c r="AG17" s="281">
        <v>14</v>
      </c>
      <c r="AH17" s="278">
        <v>423</v>
      </c>
      <c r="AI17" s="283">
        <v>423</v>
      </c>
      <c r="AJ17" s="277">
        <v>0</v>
      </c>
      <c r="AK17" s="281">
        <v>0</v>
      </c>
      <c r="AL17" s="278">
        <v>0</v>
      </c>
      <c r="AM17" s="280">
        <v>0</v>
      </c>
      <c r="AN17" s="281">
        <v>3</v>
      </c>
      <c r="AO17" s="281">
        <v>7</v>
      </c>
      <c r="AP17" s="281">
        <v>8</v>
      </c>
      <c r="AQ17" s="281">
        <v>3</v>
      </c>
      <c r="AR17" s="281">
        <v>2</v>
      </c>
      <c r="AS17" s="278">
        <v>23</v>
      </c>
      <c r="AT17" s="283">
        <v>23</v>
      </c>
      <c r="AU17" s="277">
        <v>4</v>
      </c>
      <c r="AV17" s="281">
        <v>11</v>
      </c>
      <c r="AW17" s="278">
        <v>15</v>
      </c>
      <c r="AX17" s="280">
        <v>0</v>
      </c>
      <c r="AY17" s="281">
        <v>20</v>
      </c>
      <c r="AZ17" s="281">
        <v>18</v>
      </c>
      <c r="BA17" s="281">
        <v>12</v>
      </c>
      <c r="BB17" s="281">
        <v>13</v>
      </c>
      <c r="BC17" s="281">
        <v>4</v>
      </c>
      <c r="BD17" s="278">
        <v>67</v>
      </c>
      <c r="BE17" s="283">
        <v>82</v>
      </c>
      <c r="BF17" s="277">
        <v>0</v>
      </c>
      <c r="BG17" s="281">
        <v>3</v>
      </c>
      <c r="BH17" s="278">
        <v>3</v>
      </c>
      <c r="BI17" s="280">
        <v>0</v>
      </c>
      <c r="BJ17" s="281">
        <v>43</v>
      </c>
      <c r="BK17" s="281">
        <v>30</v>
      </c>
      <c r="BL17" s="281">
        <v>37</v>
      </c>
      <c r="BM17" s="281">
        <v>31</v>
      </c>
      <c r="BN17" s="281">
        <v>14</v>
      </c>
      <c r="BO17" s="282">
        <v>155</v>
      </c>
      <c r="BP17" s="283">
        <v>158</v>
      </c>
      <c r="BQ17" s="277">
        <v>0</v>
      </c>
      <c r="BR17" s="281">
        <v>0</v>
      </c>
      <c r="BS17" s="278">
        <v>0</v>
      </c>
      <c r="BT17" s="280">
        <v>0</v>
      </c>
      <c r="BU17" s="281">
        <v>0</v>
      </c>
      <c r="BV17" s="281">
        <v>0</v>
      </c>
      <c r="BW17" s="281">
        <v>0</v>
      </c>
      <c r="BX17" s="281">
        <v>0</v>
      </c>
      <c r="BY17" s="281">
        <v>0</v>
      </c>
      <c r="BZ17" s="278">
        <v>0</v>
      </c>
      <c r="CA17" s="283">
        <v>0</v>
      </c>
      <c r="CB17" s="277">
        <v>0</v>
      </c>
      <c r="CC17" s="281">
        <v>0</v>
      </c>
      <c r="CD17" s="278">
        <v>0</v>
      </c>
      <c r="CE17" s="280">
        <v>0</v>
      </c>
      <c r="CF17" s="281">
        <v>0</v>
      </c>
      <c r="CG17" s="281">
        <v>0</v>
      </c>
      <c r="CH17" s="281">
        <v>12</v>
      </c>
      <c r="CI17" s="281">
        <v>10</v>
      </c>
      <c r="CJ17" s="281">
        <v>6</v>
      </c>
      <c r="CK17" s="278">
        <v>28</v>
      </c>
      <c r="CL17" s="283">
        <v>28</v>
      </c>
      <c r="CM17" s="277">
        <v>0</v>
      </c>
      <c r="CN17" s="281">
        <v>0</v>
      </c>
      <c r="CO17" s="278">
        <v>0</v>
      </c>
      <c r="CP17" s="280">
        <v>0</v>
      </c>
      <c r="CQ17" s="281">
        <v>0</v>
      </c>
      <c r="CR17" s="281">
        <v>0</v>
      </c>
      <c r="CS17" s="281">
        <v>0</v>
      </c>
      <c r="CT17" s="281">
        <v>0</v>
      </c>
      <c r="CU17" s="281">
        <v>0</v>
      </c>
      <c r="CV17" s="278">
        <v>0</v>
      </c>
      <c r="CW17" s="283">
        <v>0</v>
      </c>
    </row>
    <row r="18" spans="2:101" ht="21" customHeight="1" x14ac:dyDescent="0.2">
      <c r="B18" s="262" t="s">
        <v>16</v>
      </c>
      <c r="C18" s="277">
        <v>0</v>
      </c>
      <c r="D18" s="278">
        <v>0</v>
      </c>
      <c r="E18" s="279">
        <v>0</v>
      </c>
      <c r="F18" s="280">
        <v>0</v>
      </c>
      <c r="G18" s="281">
        <v>9</v>
      </c>
      <c r="H18" s="281">
        <v>12</v>
      </c>
      <c r="I18" s="281">
        <v>8</v>
      </c>
      <c r="J18" s="281">
        <v>10</v>
      </c>
      <c r="K18" s="281">
        <v>5</v>
      </c>
      <c r="L18" s="282">
        <v>44</v>
      </c>
      <c r="M18" s="283">
        <v>44</v>
      </c>
      <c r="N18" s="277">
        <v>0</v>
      </c>
      <c r="O18" s="281">
        <v>0</v>
      </c>
      <c r="P18" s="278">
        <v>0</v>
      </c>
      <c r="Q18" s="280">
        <v>0</v>
      </c>
      <c r="R18" s="281">
        <v>0</v>
      </c>
      <c r="S18" s="281">
        <v>1</v>
      </c>
      <c r="T18" s="281">
        <v>5</v>
      </c>
      <c r="U18" s="281">
        <v>2</v>
      </c>
      <c r="V18" s="281">
        <v>0</v>
      </c>
      <c r="W18" s="278">
        <v>8</v>
      </c>
      <c r="X18" s="283">
        <v>8</v>
      </c>
      <c r="Y18" s="277">
        <v>0</v>
      </c>
      <c r="Z18" s="281">
        <v>0</v>
      </c>
      <c r="AA18" s="278">
        <v>0</v>
      </c>
      <c r="AB18" s="280">
        <v>0</v>
      </c>
      <c r="AC18" s="281">
        <v>152</v>
      </c>
      <c r="AD18" s="281">
        <v>168</v>
      </c>
      <c r="AE18" s="281">
        <v>85</v>
      </c>
      <c r="AF18" s="281">
        <v>38</v>
      </c>
      <c r="AG18" s="281">
        <v>19</v>
      </c>
      <c r="AH18" s="278">
        <v>462</v>
      </c>
      <c r="AI18" s="283">
        <v>462</v>
      </c>
      <c r="AJ18" s="277">
        <v>0</v>
      </c>
      <c r="AK18" s="281">
        <v>0</v>
      </c>
      <c r="AL18" s="278">
        <v>0</v>
      </c>
      <c r="AM18" s="280">
        <v>0</v>
      </c>
      <c r="AN18" s="281">
        <v>4</v>
      </c>
      <c r="AO18" s="281">
        <v>9</v>
      </c>
      <c r="AP18" s="281">
        <v>8</v>
      </c>
      <c r="AQ18" s="281">
        <v>3</v>
      </c>
      <c r="AR18" s="281">
        <v>5</v>
      </c>
      <c r="AS18" s="278">
        <v>29</v>
      </c>
      <c r="AT18" s="283">
        <v>29</v>
      </c>
      <c r="AU18" s="277">
        <v>2</v>
      </c>
      <c r="AV18" s="281">
        <v>1</v>
      </c>
      <c r="AW18" s="278">
        <v>3</v>
      </c>
      <c r="AX18" s="280">
        <v>0</v>
      </c>
      <c r="AY18" s="281">
        <v>8</v>
      </c>
      <c r="AZ18" s="281">
        <v>16</v>
      </c>
      <c r="BA18" s="281">
        <v>14</v>
      </c>
      <c r="BB18" s="281">
        <v>16</v>
      </c>
      <c r="BC18" s="281">
        <v>13</v>
      </c>
      <c r="BD18" s="278">
        <v>67</v>
      </c>
      <c r="BE18" s="283">
        <v>70</v>
      </c>
      <c r="BF18" s="277">
        <v>0</v>
      </c>
      <c r="BG18" s="281">
        <v>0</v>
      </c>
      <c r="BH18" s="278">
        <v>0</v>
      </c>
      <c r="BI18" s="280">
        <v>0</v>
      </c>
      <c r="BJ18" s="281">
        <v>18</v>
      </c>
      <c r="BK18" s="281">
        <v>41</v>
      </c>
      <c r="BL18" s="281">
        <v>58</v>
      </c>
      <c r="BM18" s="281">
        <v>31</v>
      </c>
      <c r="BN18" s="281">
        <v>27</v>
      </c>
      <c r="BO18" s="282">
        <v>175</v>
      </c>
      <c r="BP18" s="283">
        <v>175</v>
      </c>
      <c r="BQ18" s="277">
        <v>0</v>
      </c>
      <c r="BR18" s="281">
        <v>0</v>
      </c>
      <c r="BS18" s="278">
        <v>0</v>
      </c>
      <c r="BT18" s="280">
        <v>0</v>
      </c>
      <c r="BU18" s="281">
        <v>0</v>
      </c>
      <c r="BV18" s="281">
        <v>0</v>
      </c>
      <c r="BW18" s="281">
        <v>0</v>
      </c>
      <c r="BX18" s="281">
        <v>0</v>
      </c>
      <c r="BY18" s="281">
        <v>0</v>
      </c>
      <c r="BZ18" s="278">
        <v>0</v>
      </c>
      <c r="CA18" s="283">
        <v>0</v>
      </c>
      <c r="CB18" s="277">
        <v>0</v>
      </c>
      <c r="CC18" s="281">
        <v>0</v>
      </c>
      <c r="CD18" s="278">
        <v>0</v>
      </c>
      <c r="CE18" s="280">
        <v>0</v>
      </c>
      <c r="CF18" s="281">
        <v>1</v>
      </c>
      <c r="CG18" s="281">
        <v>2</v>
      </c>
      <c r="CH18" s="281">
        <v>6</v>
      </c>
      <c r="CI18" s="281">
        <v>8</v>
      </c>
      <c r="CJ18" s="281">
        <v>7</v>
      </c>
      <c r="CK18" s="278">
        <v>24</v>
      </c>
      <c r="CL18" s="283">
        <v>24</v>
      </c>
      <c r="CM18" s="277">
        <v>0</v>
      </c>
      <c r="CN18" s="281">
        <v>0</v>
      </c>
      <c r="CO18" s="278">
        <v>0</v>
      </c>
      <c r="CP18" s="280">
        <v>0</v>
      </c>
      <c r="CQ18" s="281">
        <v>2</v>
      </c>
      <c r="CR18" s="281">
        <v>5</v>
      </c>
      <c r="CS18" s="281">
        <v>5</v>
      </c>
      <c r="CT18" s="281">
        <v>1</v>
      </c>
      <c r="CU18" s="281">
        <v>3</v>
      </c>
      <c r="CV18" s="278">
        <v>16</v>
      </c>
      <c r="CW18" s="283">
        <v>16</v>
      </c>
    </row>
    <row r="19" spans="2:101" ht="21" customHeight="1" x14ac:dyDescent="0.2">
      <c r="B19" s="262" t="s">
        <v>17</v>
      </c>
      <c r="C19" s="277">
        <v>0</v>
      </c>
      <c r="D19" s="278">
        <v>0</v>
      </c>
      <c r="E19" s="279">
        <v>0</v>
      </c>
      <c r="F19" s="280">
        <v>0</v>
      </c>
      <c r="G19" s="281">
        <v>3</v>
      </c>
      <c r="H19" s="281">
        <v>4</v>
      </c>
      <c r="I19" s="281">
        <v>1</v>
      </c>
      <c r="J19" s="281">
        <v>5</v>
      </c>
      <c r="K19" s="281">
        <v>0</v>
      </c>
      <c r="L19" s="282">
        <v>13</v>
      </c>
      <c r="M19" s="283">
        <v>13</v>
      </c>
      <c r="N19" s="277">
        <v>0</v>
      </c>
      <c r="O19" s="281">
        <v>0</v>
      </c>
      <c r="P19" s="278">
        <v>0</v>
      </c>
      <c r="Q19" s="280">
        <v>0</v>
      </c>
      <c r="R19" s="281">
        <v>0</v>
      </c>
      <c r="S19" s="281">
        <v>0</v>
      </c>
      <c r="T19" s="281">
        <v>0</v>
      </c>
      <c r="U19" s="281">
        <v>0</v>
      </c>
      <c r="V19" s="281">
        <v>0</v>
      </c>
      <c r="W19" s="278">
        <v>0</v>
      </c>
      <c r="X19" s="283">
        <v>0</v>
      </c>
      <c r="Y19" s="277">
        <v>0</v>
      </c>
      <c r="Z19" s="281">
        <v>0</v>
      </c>
      <c r="AA19" s="278">
        <v>0</v>
      </c>
      <c r="AB19" s="280">
        <v>0</v>
      </c>
      <c r="AC19" s="281">
        <v>249</v>
      </c>
      <c r="AD19" s="281">
        <v>297</v>
      </c>
      <c r="AE19" s="281">
        <v>133</v>
      </c>
      <c r="AF19" s="281">
        <v>79</v>
      </c>
      <c r="AG19" s="281">
        <v>53</v>
      </c>
      <c r="AH19" s="278">
        <v>811</v>
      </c>
      <c r="AI19" s="283">
        <v>811</v>
      </c>
      <c r="AJ19" s="277">
        <v>0</v>
      </c>
      <c r="AK19" s="281">
        <v>2</v>
      </c>
      <c r="AL19" s="278">
        <v>2</v>
      </c>
      <c r="AM19" s="280">
        <v>0</v>
      </c>
      <c r="AN19" s="281">
        <v>19</v>
      </c>
      <c r="AO19" s="281">
        <v>22</v>
      </c>
      <c r="AP19" s="281">
        <v>23</v>
      </c>
      <c r="AQ19" s="281">
        <v>12</v>
      </c>
      <c r="AR19" s="281">
        <v>8</v>
      </c>
      <c r="AS19" s="278">
        <v>84</v>
      </c>
      <c r="AT19" s="283">
        <v>86</v>
      </c>
      <c r="AU19" s="277">
        <v>1</v>
      </c>
      <c r="AV19" s="281">
        <v>2</v>
      </c>
      <c r="AW19" s="278">
        <v>3</v>
      </c>
      <c r="AX19" s="280">
        <v>0</v>
      </c>
      <c r="AY19" s="281">
        <v>11</v>
      </c>
      <c r="AZ19" s="281">
        <v>32</v>
      </c>
      <c r="BA19" s="281">
        <v>34</v>
      </c>
      <c r="BB19" s="281">
        <v>28</v>
      </c>
      <c r="BC19" s="281">
        <v>14</v>
      </c>
      <c r="BD19" s="278">
        <v>119</v>
      </c>
      <c r="BE19" s="283">
        <v>122</v>
      </c>
      <c r="BF19" s="277">
        <v>0</v>
      </c>
      <c r="BG19" s="281">
        <v>0</v>
      </c>
      <c r="BH19" s="278">
        <v>0</v>
      </c>
      <c r="BI19" s="280">
        <v>0</v>
      </c>
      <c r="BJ19" s="281">
        <v>49</v>
      </c>
      <c r="BK19" s="281">
        <v>65</v>
      </c>
      <c r="BL19" s="281">
        <v>55</v>
      </c>
      <c r="BM19" s="281">
        <v>34</v>
      </c>
      <c r="BN19" s="281">
        <v>20</v>
      </c>
      <c r="BO19" s="282">
        <v>223</v>
      </c>
      <c r="BP19" s="283">
        <v>223</v>
      </c>
      <c r="BQ19" s="277">
        <v>0</v>
      </c>
      <c r="BR19" s="281">
        <v>0</v>
      </c>
      <c r="BS19" s="278">
        <v>0</v>
      </c>
      <c r="BT19" s="280">
        <v>0</v>
      </c>
      <c r="BU19" s="281">
        <v>0</v>
      </c>
      <c r="BV19" s="281">
        <v>0</v>
      </c>
      <c r="BW19" s="281">
        <v>0</v>
      </c>
      <c r="BX19" s="281">
        <v>0</v>
      </c>
      <c r="BY19" s="281">
        <v>0</v>
      </c>
      <c r="BZ19" s="278">
        <v>0</v>
      </c>
      <c r="CA19" s="283">
        <v>0</v>
      </c>
      <c r="CB19" s="277">
        <v>0</v>
      </c>
      <c r="CC19" s="281">
        <v>0</v>
      </c>
      <c r="CD19" s="278">
        <v>0</v>
      </c>
      <c r="CE19" s="280">
        <v>0</v>
      </c>
      <c r="CF19" s="281">
        <v>1</v>
      </c>
      <c r="CG19" s="281">
        <v>2</v>
      </c>
      <c r="CH19" s="281">
        <v>33</v>
      </c>
      <c r="CI19" s="281">
        <v>28</v>
      </c>
      <c r="CJ19" s="281">
        <v>39</v>
      </c>
      <c r="CK19" s="278">
        <v>103</v>
      </c>
      <c r="CL19" s="283">
        <v>103</v>
      </c>
      <c r="CM19" s="277">
        <v>0</v>
      </c>
      <c r="CN19" s="281">
        <v>0</v>
      </c>
      <c r="CO19" s="278">
        <v>0</v>
      </c>
      <c r="CP19" s="280">
        <v>0</v>
      </c>
      <c r="CQ19" s="281">
        <v>3</v>
      </c>
      <c r="CR19" s="281">
        <v>0</v>
      </c>
      <c r="CS19" s="281">
        <v>2</v>
      </c>
      <c r="CT19" s="281">
        <v>5</v>
      </c>
      <c r="CU19" s="281">
        <v>10</v>
      </c>
      <c r="CV19" s="278">
        <v>20</v>
      </c>
      <c r="CW19" s="283">
        <v>20</v>
      </c>
    </row>
    <row r="20" spans="2:101" ht="21" customHeight="1" x14ac:dyDescent="0.2">
      <c r="B20" s="262" t="s">
        <v>18</v>
      </c>
      <c r="C20" s="277">
        <v>0</v>
      </c>
      <c r="D20" s="278">
        <v>0</v>
      </c>
      <c r="E20" s="279">
        <v>0</v>
      </c>
      <c r="F20" s="280">
        <v>0</v>
      </c>
      <c r="G20" s="281">
        <v>2</v>
      </c>
      <c r="H20" s="281">
        <v>1</v>
      </c>
      <c r="I20" s="281">
        <v>3</v>
      </c>
      <c r="J20" s="281">
        <v>0</v>
      </c>
      <c r="K20" s="281">
        <v>2</v>
      </c>
      <c r="L20" s="282">
        <v>8</v>
      </c>
      <c r="M20" s="283">
        <v>8</v>
      </c>
      <c r="N20" s="277">
        <v>0</v>
      </c>
      <c r="O20" s="281">
        <v>0</v>
      </c>
      <c r="P20" s="278">
        <v>0</v>
      </c>
      <c r="Q20" s="280">
        <v>0</v>
      </c>
      <c r="R20" s="281">
        <v>0</v>
      </c>
      <c r="S20" s="281">
        <v>0</v>
      </c>
      <c r="T20" s="281">
        <v>0</v>
      </c>
      <c r="U20" s="281">
        <v>0</v>
      </c>
      <c r="V20" s="281">
        <v>0</v>
      </c>
      <c r="W20" s="278">
        <v>0</v>
      </c>
      <c r="X20" s="283">
        <v>0</v>
      </c>
      <c r="Y20" s="277">
        <v>0</v>
      </c>
      <c r="Z20" s="281">
        <v>0</v>
      </c>
      <c r="AA20" s="278">
        <v>0</v>
      </c>
      <c r="AB20" s="280">
        <v>0</v>
      </c>
      <c r="AC20" s="281">
        <v>259</v>
      </c>
      <c r="AD20" s="281">
        <v>199</v>
      </c>
      <c r="AE20" s="281">
        <v>86</v>
      </c>
      <c r="AF20" s="281">
        <v>39</v>
      </c>
      <c r="AG20" s="281">
        <v>11</v>
      </c>
      <c r="AH20" s="278">
        <v>594</v>
      </c>
      <c r="AI20" s="283">
        <v>594</v>
      </c>
      <c r="AJ20" s="277">
        <v>0</v>
      </c>
      <c r="AK20" s="281">
        <v>0</v>
      </c>
      <c r="AL20" s="278">
        <v>0</v>
      </c>
      <c r="AM20" s="280">
        <v>0</v>
      </c>
      <c r="AN20" s="281">
        <v>14</v>
      </c>
      <c r="AO20" s="281">
        <v>7</v>
      </c>
      <c r="AP20" s="281">
        <v>15</v>
      </c>
      <c r="AQ20" s="281">
        <v>10</v>
      </c>
      <c r="AR20" s="281">
        <v>15</v>
      </c>
      <c r="AS20" s="278">
        <v>61</v>
      </c>
      <c r="AT20" s="283">
        <v>61</v>
      </c>
      <c r="AU20" s="277">
        <v>9</v>
      </c>
      <c r="AV20" s="281">
        <v>10</v>
      </c>
      <c r="AW20" s="278">
        <v>19</v>
      </c>
      <c r="AX20" s="280">
        <v>0</v>
      </c>
      <c r="AY20" s="281">
        <v>41</v>
      </c>
      <c r="AZ20" s="281">
        <v>53</v>
      </c>
      <c r="BA20" s="281">
        <v>31</v>
      </c>
      <c r="BB20" s="281">
        <v>20</v>
      </c>
      <c r="BC20" s="281">
        <v>10</v>
      </c>
      <c r="BD20" s="278">
        <v>155</v>
      </c>
      <c r="BE20" s="283">
        <v>174</v>
      </c>
      <c r="BF20" s="277">
        <v>0</v>
      </c>
      <c r="BG20" s="281">
        <v>3</v>
      </c>
      <c r="BH20" s="278">
        <v>3</v>
      </c>
      <c r="BI20" s="280">
        <v>0</v>
      </c>
      <c r="BJ20" s="281">
        <v>45</v>
      </c>
      <c r="BK20" s="281">
        <v>87</v>
      </c>
      <c r="BL20" s="281">
        <v>96</v>
      </c>
      <c r="BM20" s="281">
        <v>45</v>
      </c>
      <c r="BN20" s="281">
        <v>26</v>
      </c>
      <c r="BO20" s="282">
        <v>299</v>
      </c>
      <c r="BP20" s="283">
        <v>302</v>
      </c>
      <c r="BQ20" s="277">
        <v>0</v>
      </c>
      <c r="BR20" s="281">
        <v>0</v>
      </c>
      <c r="BS20" s="278">
        <v>0</v>
      </c>
      <c r="BT20" s="280">
        <v>0</v>
      </c>
      <c r="BU20" s="281">
        <v>0</v>
      </c>
      <c r="BV20" s="281">
        <v>0</v>
      </c>
      <c r="BW20" s="281">
        <v>0</v>
      </c>
      <c r="BX20" s="281">
        <v>0</v>
      </c>
      <c r="BY20" s="281">
        <v>0</v>
      </c>
      <c r="BZ20" s="278">
        <v>0</v>
      </c>
      <c r="CA20" s="283">
        <v>0</v>
      </c>
      <c r="CB20" s="277">
        <v>0</v>
      </c>
      <c r="CC20" s="281">
        <v>0</v>
      </c>
      <c r="CD20" s="278">
        <v>0</v>
      </c>
      <c r="CE20" s="280">
        <v>0</v>
      </c>
      <c r="CF20" s="281">
        <v>0</v>
      </c>
      <c r="CG20" s="281">
        <v>2</v>
      </c>
      <c r="CH20" s="281">
        <v>7</v>
      </c>
      <c r="CI20" s="281">
        <v>18</v>
      </c>
      <c r="CJ20" s="281">
        <v>2</v>
      </c>
      <c r="CK20" s="278">
        <v>29</v>
      </c>
      <c r="CL20" s="283">
        <v>29</v>
      </c>
      <c r="CM20" s="277">
        <v>0</v>
      </c>
      <c r="CN20" s="281">
        <v>0</v>
      </c>
      <c r="CO20" s="278">
        <v>0</v>
      </c>
      <c r="CP20" s="280">
        <v>0</v>
      </c>
      <c r="CQ20" s="281">
        <v>9</v>
      </c>
      <c r="CR20" s="281">
        <v>8</v>
      </c>
      <c r="CS20" s="281">
        <v>12</v>
      </c>
      <c r="CT20" s="281">
        <v>20</v>
      </c>
      <c r="CU20" s="281">
        <v>25</v>
      </c>
      <c r="CV20" s="278">
        <v>74</v>
      </c>
      <c r="CW20" s="283">
        <v>74</v>
      </c>
    </row>
    <row r="21" spans="2:101" ht="21" customHeight="1" x14ac:dyDescent="0.2">
      <c r="B21" s="262" t="s">
        <v>19</v>
      </c>
      <c r="C21" s="277">
        <v>0</v>
      </c>
      <c r="D21" s="278">
        <v>0</v>
      </c>
      <c r="E21" s="279">
        <v>0</v>
      </c>
      <c r="F21" s="280">
        <v>0</v>
      </c>
      <c r="G21" s="281">
        <v>14</v>
      </c>
      <c r="H21" s="281">
        <v>7</v>
      </c>
      <c r="I21" s="281">
        <v>3</v>
      </c>
      <c r="J21" s="281">
        <v>4</v>
      </c>
      <c r="K21" s="281">
        <v>3</v>
      </c>
      <c r="L21" s="282">
        <v>31</v>
      </c>
      <c r="M21" s="283">
        <v>31</v>
      </c>
      <c r="N21" s="277">
        <v>0</v>
      </c>
      <c r="O21" s="281">
        <v>0</v>
      </c>
      <c r="P21" s="278">
        <v>0</v>
      </c>
      <c r="Q21" s="280">
        <v>0</v>
      </c>
      <c r="R21" s="281">
        <v>2</v>
      </c>
      <c r="S21" s="281">
        <v>5</v>
      </c>
      <c r="T21" s="281">
        <v>3</v>
      </c>
      <c r="U21" s="281">
        <v>2</v>
      </c>
      <c r="V21" s="281">
        <v>0</v>
      </c>
      <c r="W21" s="278">
        <v>12</v>
      </c>
      <c r="X21" s="283">
        <v>12</v>
      </c>
      <c r="Y21" s="277">
        <v>0</v>
      </c>
      <c r="Z21" s="281">
        <v>0</v>
      </c>
      <c r="AA21" s="278">
        <v>0</v>
      </c>
      <c r="AB21" s="280">
        <v>0</v>
      </c>
      <c r="AC21" s="281">
        <v>145</v>
      </c>
      <c r="AD21" s="281">
        <v>112</v>
      </c>
      <c r="AE21" s="281">
        <v>46</v>
      </c>
      <c r="AF21" s="281">
        <v>30</v>
      </c>
      <c r="AG21" s="281">
        <v>11</v>
      </c>
      <c r="AH21" s="278">
        <v>344</v>
      </c>
      <c r="AI21" s="283">
        <v>344</v>
      </c>
      <c r="AJ21" s="277">
        <v>0</v>
      </c>
      <c r="AK21" s="281">
        <v>0</v>
      </c>
      <c r="AL21" s="278">
        <v>0</v>
      </c>
      <c r="AM21" s="280">
        <v>0</v>
      </c>
      <c r="AN21" s="281">
        <v>14</v>
      </c>
      <c r="AO21" s="281">
        <v>25</v>
      </c>
      <c r="AP21" s="281">
        <v>15</v>
      </c>
      <c r="AQ21" s="281">
        <v>1</v>
      </c>
      <c r="AR21" s="281">
        <v>5</v>
      </c>
      <c r="AS21" s="278">
        <v>60</v>
      </c>
      <c r="AT21" s="283">
        <v>60</v>
      </c>
      <c r="AU21" s="277">
        <v>0</v>
      </c>
      <c r="AV21" s="281">
        <v>2</v>
      </c>
      <c r="AW21" s="278">
        <v>2</v>
      </c>
      <c r="AX21" s="280">
        <v>0</v>
      </c>
      <c r="AY21" s="281">
        <v>19</v>
      </c>
      <c r="AZ21" s="281">
        <v>34</v>
      </c>
      <c r="BA21" s="281">
        <v>25</v>
      </c>
      <c r="BB21" s="281">
        <v>15</v>
      </c>
      <c r="BC21" s="281">
        <v>15</v>
      </c>
      <c r="BD21" s="278">
        <v>108</v>
      </c>
      <c r="BE21" s="283">
        <v>110</v>
      </c>
      <c r="BF21" s="277">
        <v>0</v>
      </c>
      <c r="BG21" s="281">
        <v>0</v>
      </c>
      <c r="BH21" s="278">
        <v>0</v>
      </c>
      <c r="BI21" s="280">
        <v>0</v>
      </c>
      <c r="BJ21" s="281">
        <v>8</v>
      </c>
      <c r="BK21" s="281">
        <v>19</v>
      </c>
      <c r="BL21" s="281">
        <v>27</v>
      </c>
      <c r="BM21" s="281">
        <v>16</v>
      </c>
      <c r="BN21" s="281">
        <v>13</v>
      </c>
      <c r="BO21" s="282">
        <v>83</v>
      </c>
      <c r="BP21" s="283">
        <v>83</v>
      </c>
      <c r="BQ21" s="277">
        <v>0</v>
      </c>
      <c r="BR21" s="281">
        <v>0</v>
      </c>
      <c r="BS21" s="278">
        <v>0</v>
      </c>
      <c r="BT21" s="280">
        <v>0</v>
      </c>
      <c r="BU21" s="281">
        <v>0</v>
      </c>
      <c r="BV21" s="281">
        <v>0</v>
      </c>
      <c r="BW21" s="281">
        <v>0</v>
      </c>
      <c r="BX21" s="281">
        <v>0</v>
      </c>
      <c r="BY21" s="281">
        <v>0</v>
      </c>
      <c r="BZ21" s="278">
        <v>0</v>
      </c>
      <c r="CA21" s="283">
        <v>0</v>
      </c>
      <c r="CB21" s="277">
        <v>0</v>
      </c>
      <c r="CC21" s="281">
        <v>0</v>
      </c>
      <c r="CD21" s="278">
        <v>0</v>
      </c>
      <c r="CE21" s="280">
        <v>0</v>
      </c>
      <c r="CF21" s="281">
        <v>0</v>
      </c>
      <c r="CG21" s="281">
        <v>0</v>
      </c>
      <c r="CH21" s="281">
        <v>0</v>
      </c>
      <c r="CI21" s="281">
        <v>0</v>
      </c>
      <c r="CJ21" s="281">
        <v>0</v>
      </c>
      <c r="CK21" s="278">
        <v>0</v>
      </c>
      <c r="CL21" s="283">
        <v>0</v>
      </c>
      <c r="CM21" s="277">
        <v>0</v>
      </c>
      <c r="CN21" s="281">
        <v>0</v>
      </c>
      <c r="CO21" s="278">
        <v>0</v>
      </c>
      <c r="CP21" s="280">
        <v>0</v>
      </c>
      <c r="CQ21" s="281">
        <v>2</v>
      </c>
      <c r="CR21" s="281">
        <v>2</v>
      </c>
      <c r="CS21" s="281">
        <v>1</v>
      </c>
      <c r="CT21" s="281">
        <v>4</v>
      </c>
      <c r="CU21" s="281">
        <v>12</v>
      </c>
      <c r="CV21" s="278">
        <v>21</v>
      </c>
      <c r="CW21" s="283">
        <v>21</v>
      </c>
    </row>
    <row r="22" spans="2:101" ht="21" customHeight="1" x14ac:dyDescent="0.2">
      <c r="B22" s="262" t="s">
        <v>20</v>
      </c>
      <c r="C22" s="277">
        <v>0</v>
      </c>
      <c r="D22" s="278">
        <v>0</v>
      </c>
      <c r="E22" s="279">
        <v>0</v>
      </c>
      <c r="F22" s="280">
        <v>0</v>
      </c>
      <c r="G22" s="281">
        <v>1</v>
      </c>
      <c r="H22" s="281">
        <v>0</v>
      </c>
      <c r="I22" s="281">
        <v>0</v>
      </c>
      <c r="J22" s="281">
        <v>0</v>
      </c>
      <c r="K22" s="281">
        <v>0</v>
      </c>
      <c r="L22" s="282">
        <v>1</v>
      </c>
      <c r="M22" s="283">
        <v>1</v>
      </c>
      <c r="N22" s="277">
        <v>0</v>
      </c>
      <c r="O22" s="281">
        <v>0</v>
      </c>
      <c r="P22" s="278">
        <v>0</v>
      </c>
      <c r="Q22" s="280">
        <v>0</v>
      </c>
      <c r="R22" s="281">
        <v>0</v>
      </c>
      <c r="S22" s="281">
        <v>0</v>
      </c>
      <c r="T22" s="281">
        <v>0</v>
      </c>
      <c r="U22" s="281">
        <v>0</v>
      </c>
      <c r="V22" s="281">
        <v>0</v>
      </c>
      <c r="W22" s="278">
        <v>0</v>
      </c>
      <c r="X22" s="283">
        <v>0</v>
      </c>
      <c r="Y22" s="277">
        <v>0</v>
      </c>
      <c r="Z22" s="281">
        <v>0</v>
      </c>
      <c r="AA22" s="278">
        <v>0</v>
      </c>
      <c r="AB22" s="280">
        <v>0</v>
      </c>
      <c r="AC22" s="281">
        <v>180</v>
      </c>
      <c r="AD22" s="281">
        <v>80</v>
      </c>
      <c r="AE22" s="281">
        <v>45</v>
      </c>
      <c r="AF22" s="281">
        <v>21</v>
      </c>
      <c r="AG22" s="281">
        <v>6</v>
      </c>
      <c r="AH22" s="278">
        <v>332</v>
      </c>
      <c r="AI22" s="283">
        <v>332</v>
      </c>
      <c r="AJ22" s="277">
        <v>0</v>
      </c>
      <c r="AK22" s="281">
        <v>0</v>
      </c>
      <c r="AL22" s="278">
        <v>0</v>
      </c>
      <c r="AM22" s="280">
        <v>0</v>
      </c>
      <c r="AN22" s="281">
        <v>1</v>
      </c>
      <c r="AO22" s="281">
        <v>3</v>
      </c>
      <c r="AP22" s="281">
        <v>4</v>
      </c>
      <c r="AQ22" s="281">
        <v>3</v>
      </c>
      <c r="AR22" s="281">
        <v>2</v>
      </c>
      <c r="AS22" s="278">
        <v>13</v>
      </c>
      <c r="AT22" s="283">
        <v>13</v>
      </c>
      <c r="AU22" s="277">
        <v>1</v>
      </c>
      <c r="AV22" s="281">
        <v>1</v>
      </c>
      <c r="AW22" s="278">
        <v>2</v>
      </c>
      <c r="AX22" s="280">
        <v>0</v>
      </c>
      <c r="AY22" s="281">
        <v>15</v>
      </c>
      <c r="AZ22" s="281">
        <v>12</v>
      </c>
      <c r="BA22" s="281">
        <v>7</v>
      </c>
      <c r="BB22" s="281">
        <v>3</v>
      </c>
      <c r="BC22" s="281">
        <v>1</v>
      </c>
      <c r="BD22" s="278">
        <v>38</v>
      </c>
      <c r="BE22" s="283">
        <v>40</v>
      </c>
      <c r="BF22" s="277">
        <v>0</v>
      </c>
      <c r="BG22" s="281">
        <v>0</v>
      </c>
      <c r="BH22" s="278">
        <v>0</v>
      </c>
      <c r="BI22" s="280">
        <v>0</v>
      </c>
      <c r="BJ22" s="281">
        <v>27</v>
      </c>
      <c r="BK22" s="281">
        <v>22</v>
      </c>
      <c r="BL22" s="281">
        <v>40</v>
      </c>
      <c r="BM22" s="281">
        <v>25</v>
      </c>
      <c r="BN22" s="281">
        <v>8</v>
      </c>
      <c r="BO22" s="282">
        <v>122</v>
      </c>
      <c r="BP22" s="283">
        <v>122</v>
      </c>
      <c r="BQ22" s="277">
        <v>0</v>
      </c>
      <c r="BR22" s="281">
        <v>0</v>
      </c>
      <c r="BS22" s="278">
        <v>0</v>
      </c>
      <c r="BT22" s="280">
        <v>0</v>
      </c>
      <c r="BU22" s="281">
        <v>0</v>
      </c>
      <c r="BV22" s="281">
        <v>0</v>
      </c>
      <c r="BW22" s="281">
        <v>0</v>
      </c>
      <c r="BX22" s="281">
        <v>0</v>
      </c>
      <c r="BY22" s="281">
        <v>0</v>
      </c>
      <c r="BZ22" s="278">
        <v>0</v>
      </c>
      <c r="CA22" s="283">
        <v>0</v>
      </c>
      <c r="CB22" s="277">
        <v>0</v>
      </c>
      <c r="CC22" s="281">
        <v>0</v>
      </c>
      <c r="CD22" s="278">
        <v>0</v>
      </c>
      <c r="CE22" s="280">
        <v>0</v>
      </c>
      <c r="CF22" s="281">
        <v>0</v>
      </c>
      <c r="CG22" s="281">
        <v>0</v>
      </c>
      <c r="CH22" s="281">
        <v>0</v>
      </c>
      <c r="CI22" s="281">
        <v>0</v>
      </c>
      <c r="CJ22" s="281">
        <v>0</v>
      </c>
      <c r="CK22" s="278">
        <v>0</v>
      </c>
      <c r="CL22" s="283">
        <v>0</v>
      </c>
      <c r="CM22" s="277">
        <v>0</v>
      </c>
      <c r="CN22" s="281">
        <v>0</v>
      </c>
      <c r="CO22" s="278">
        <v>0</v>
      </c>
      <c r="CP22" s="280">
        <v>0</v>
      </c>
      <c r="CQ22" s="281">
        <v>0</v>
      </c>
      <c r="CR22" s="281">
        <v>0</v>
      </c>
      <c r="CS22" s="281">
        <v>0</v>
      </c>
      <c r="CT22" s="281">
        <v>0</v>
      </c>
      <c r="CU22" s="281">
        <v>0</v>
      </c>
      <c r="CV22" s="278">
        <v>0</v>
      </c>
      <c r="CW22" s="283">
        <v>0</v>
      </c>
    </row>
    <row r="23" spans="2:101" ht="21" customHeight="1" x14ac:dyDescent="0.2">
      <c r="B23" s="262" t="s">
        <v>21</v>
      </c>
      <c r="C23" s="277">
        <v>0</v>
      </c>
      <c r="D23" s="278">
        <v>0</v>
      </c>
      <c r="E23" s="279">
        <v>0</v>
      </c>
      <c r="F23" s="280">
        <v>0</v>
      </c>
      <c r="G23" s="281">
        <v>1</v>
      </c>
      <c r="H23" s="281">
        <v>5</v>
      </c>
      <c r="I23" s="281">
        <v>1</v>
      </c>
      <c r="J23" s="281">
        <v>2</v>
      </c>
      <c r="K23" s="281">
        <v>1</v>
      </c>
      <c r="L23" s="282">
        <v>10</v>
      </c>
      <c r="M23" s="283">
        <v>10</v>
      </c>
      <c r="N23" s="277">
        <v>0</v>
      </c>
      <c r="O23" s="281">
        <v>0</v>
      </c>
      <c r="P23" s="278">
        <v>0</v>
      </c>
      <c r="Q23" s="280">
        <v>0</v>
      </c>
      <c r="R23" s="281">
        <v>0</v>
      </c>
      <c r="S23" s="281">
        <v>0</v>
      </c>
      <c r="T23" s="281">
        <v>0</v>
      </c>
      <c r="U23" s="281">
        <v>0</v>
      </c>
      <c r="V23" s="281">
        <v>0</v>
      </c>
      <c r="W23" s="278">
        <v>0</v>
      </c>
      <c r="X23" s="283">
        <v>0</v>
      </c>
      <c r="Y23" s="277">
        <v>0</v>
      </c>
      <c r="Z23" s="281">
        <v>0</v>
      </c>
      <c r="AA23" s="278">
        <v>0</v>
      </c>
      <c r="AB23" s="280">
        <v>0</v>
      </c>
      <c r="AC23" s="281">
        <v>181</v>
      </c>
      <c r="AD23" s="281">
        <v>192</v>
      </c>
      <c r="AE23" s="281">
        <v>65</v>
      </c>
      <c r="AF23" s="281">
        <v>28</v>
      </c>
      <c r="AG23" s="281">
        <v>11</v>
      </c>
      <c r="AH23" s="278">
        <v>477</v>
      </c>
      <c r="AI23" s="283">
        <v>477</v>
      </c>
      <c r="AJ23" s="277">
        <v>0</v>
      </c>
      <c r="AK23" s="281">
        <v>1</v>
      </c>
      <c r="AL23" s="278">
        <v>1</v>
      </c>
      <c r="AM23" s="280">
        <v>0</v>
      </c>
      <c r="AN23" s="281">
        <v>0</v>
      </c>
      <c r="AO23" s="281">
        <v>0</v>
      </c>
      <c r="AP23" s="281">
        <v>0</v>
      </c>
      <c r="AQ23" s="281">
        <v>0</v>
      </c>
      <c r="AR23" s="281">
        <v>0</v>
      </c>
      <c r="AS23" s="278">
        <v>0</v>
      </c>
      <c r="AT23" s="283">
        <v>1</v>
      </c>
      <c r="AU23" s="277">
        <v>1</v>
      </c>
      <c r="AV23" s="281">
        <v>1</v>
      </c>
      <c r="AW23" s="278">
        <v>2</v>
      </c>
      <c r="AX23" s="280">
        <v>0</v>
      </c>
      <c r="AY23" s="281">
        <v>7</v>
      </c>
      <c r="AZ23" s="281">
        <v>6</v>
      </c>
      <c r="BA23" s="281">
        <v>19</v>
      </c>
      <c r="BB23" s="281">
        <v>11</v>
      </c>
      <c r="BC23" s="281">
        <v>5</v>
      </c>
      <c r="BD23" s="278">
        <v>48</v>
      </c>
      <c r="BE23" s="283">
        <v>50</v>
      </c>
      <c r="BF23" s="277">
        <v>0</v>
      </c>
      <c r="BG23" s="281">
        <v>0</v>
      </c>
      <c r="BH23" s="278">
        <v>0</v>
      </c>
      <c r="BI23" s="280">
        <v>0</v>
      </c>
      <c r="BJ23" s="281">
        <v>20</v>
      </c>
      <c r="BK23" s="281">
        <v>32</v>
      </c>
      <c r="BL23" s="281">
        <v>29</v>
      </c>
      <c r="BM23" s="281">
        <v>14</v>
      </c>
      <c r="BN23" s="281">
        <v>11</v>
      </c>
      <c r="BO23" s="282">
        <v>106</v>
      </c>
      <c r="BP23" s="283">
        <v>106</v>
      </c>
      <c r="BQ23" s="277">
        <v>0</v>
      </c>
      <c r="BR23" s="281">
        <v>0</v>
      </c>
      <c r="BS23" s="278">
        <v>0</v>
      </c>
      <c r="BT23" s="280">
        <v>0</v>
      </c>
      <c r="BU23" s="281">
        <v>0</v>
      </c>
      <c r="BV23" s="281">
        <v>0</v>
      </c>
      <c r="BW23" s="281">
        <v>0</v>
      </c>
      <c r="BX23" s="281">
        <v>0</v>
      </c>
      <c r="BY23" s="281">
        <v>0</v>
      </c>
      <c r="BZ23" s="278">
        <v>0</v>
      </c>
      <c r="CA23" s="283">
        <v>0</v>
      </c>
      <c r="CB23" s="277">
        <v>0</v>
      </c>
      <c r="CC23" s="281">
        <v>0</v>
      </c>
      <c r="CD23" s="278">
        <v>0</v>
      </c>
      <c r="CE23" s="280">
        <v>0</v>
      </c>
      <c r="CF23" s="281">
        <v>0</v>
      </c>
      <c r="CG23" s="281">
        <v>0</v>
      </c>
      <c r="CH23" s="281">
        <v>0</v>
      </c>
      <c r="CI23" s="281">
        <v>0</v>
      </c>
      <c r="CJ23" s="281">
        <v>0</v>
      </c>
      <c r="CK23" s="278">
        <v>0</v>
      </c>
      <c r="CL23" s="283">
        <v>0</v>
      </c>
      <c r="CM23" s="277">
        <v>0</v>
      </c>
      <c r="CN23" s="281">
        <v>0</v>
      </c>
      <c r="CO23" s="278">
        <v>0</v>
      </c>
      <c r="CP23" s="280">
        <v>0</v>
      </c>
      <c r="CQ23" s="281">
        <v>2</v>
      </c>
      <c r="CR23" s="281">
        <v>4</v>
      </c>
      <c r="CS23" s="281">
        <v>2</v>
      </c>
      <c r="CT23" s="281">
        <v>1</v>
      </c>
      <c r="CU23" s="281">
        <v>6</v>
      </c>
      <c r="CV23" s="278">
        <v>15</v>
      </c>
      <c r="CW23" s="283">
        <v>15</v>
      </c>
    </row>
    <row r="24" spans="2:101" ht="21" customHeight="1" x14ac:dyDescent="0.2">
      <c r="B24" s="262" t="s">
        <v>22</v>
      </c>
      <c r="C24" s="277">
        <v>0</v>
      </c>
      <c r="D24" s="278">
        <v>0</v>
      </c>
      <c r="E24" s="279">
        <v>0</v>
      </c>
      <c r="F24" s="280">
        <v>0</v>
      </c>
      <c r="G24" s="281">
        <v>4</v>
      </c>
      <c r="H24" s="281">
        <v>6</v>
      </c>
      <c r="I24" s="281">
        <v>4</v>
      </c>
      <c r="J24" s="281">
        <v>1</v>
      </c>
      <c r="K24" s="281">
        <v>0</v>
      </c>
      <c r="L24" s="282">
        <v>15</v>
      </c>
      <c r="M24" s="283">
        <v>15</v>
      </c>
      <c r="N24" s="277">
        <v>0</v>
      </c>
      <c r="O24" s="281">
        <v>0</v>
      </c>
      <c r="P24" s="278">
        <v>0</v>
      </c>
      <c r="Q24" s="280">
        <v>0</v>
      </c>
      <c r="R24" s="281">
        <v>0</v>
      </c>
      <c r="S24" s="281">
        <v>0</v>
      </c>
      <c r="T24" s="281">
        <v>0</v>
      </c>
      <c r="U24" s="281">
        <v>0</v>
      </c>
      <c r="V24" s="281">
        <v>0</v>
      </c>
      <c r="W24" s="278">
        <v>0</v>
      </c>
      <c r="X24" s="283">
        <v>0</v>
      </c>
      <c r="Y24" s="277">
        <v>0</v>
      </c>
      <c r="Z24" s="281">
        <v>0</v>
      </c>
      <c r="AA24" s="278">
        <v>0</v>
      </c>
      <c r="AB24" s="280">
        <v>0</v>
      </c>
      <c r="AC24" s="281">
        <v>141</v>
      </c>
      <c r="AD24" s="281">
        <v>97</v>
      </c>
      <c r="AE24" s="281">
        <v>34</v>
      </c>
      <c r="AF24" s="281">
        <v>18</v>
      </c>
      <c r="AG24" s="281">
        <v>5</v>
      </c>
      <c r="AH24" s="278">
        <v>295</v>
      </c>
      <c r="AI24" s="283">
        <v>295</v>
      </c>
      <c r="AJ24" s="277">
        <v>0</v>
      </c>
      <c r="AK24" s="281">
        <v>0</v>
      </c>
      <c r="AL24" s="278">
        <v>0</v>
      </c>
      <c r="AM24" s="280">
        <v>0</v>
      </c>
      <c r="AN24" s="281">
        <v>6</v>
      </c>
      <c r="AO24" s="281">
        <v>6</v>
      </c>
      <c r="AP24" s="281">
        <v>6</v>
      </c>
      <c r="AQ24" s="281">
        <v>2</v>
      </c>
      <c r="AR24" s="281">
        <v>2</v>
      </c>
      <c r="AS24" s="278">
        <v>22</v>
      </c>
      <c r="AT24" s="283">
        <v>22</v>
      </c>
      <c r="AU24" s="277">
        <v>3</v>
      </c>
      <c r="AV24" s="281">
        <v>2</v>
      </c>
      <c r="AW24" s="278">
        <v>5</v>
      </c>
      <c r="AX24" s="280">
        <v>0</v>
      </c>
      <c r="AY24" s="281">
        <v>16</v>
      </c>
      <c r="AZ24" s="281">
        <v>14</v>
      </c>
      <c r="BA24" s="281">
        <v>8</v>
      </c>
      <c r="BB24" s="281">
        <v>5</v>
      </c>
      <c r="BC24" s="281">
        <v>3</v>
      </c>
      <c r="BD24" s="278">
        <v>46</v>
      </c>
      <c r="BE24" s="283">
        <v>51</v>
      </c>
      <c r="BF24" s="277">
        <v>0</v>
      </c>
      <c r="BG24" s="281">
        <v>0</v>
      </c>
      <c r="BH24" s="278">
        <v>0</v>
      </c>
      <c r="BI24" s="280">
        <v>0</v>
      </c>
      <c r="BJ24" s="281">
        <v>12</v>
      </c>
      <c r="BK24" s="281">
        <v>18</v>
      </c>
      <c r="BL24" s="281">
        <v>12</v>
      </c>
      <c r="BM24" s="281">
        <v>8</v>
      </c>
      <c r="BN24" s="281">
        <v>2</v>
      </c>
      <c r="BO24" s="282">
        <v>52</v>
      </c>
      <c r="BP24" s="283">
        <v>52</v>
      </c>
      <c r="BQ24" s="277">
        <v>0</v>
      </c>
      <c r="BR24" s="281">
        <v>0</v>
      </c>
      <c r="BS24" s="278">
        <v>0</v>
      </c>
      <c r="BT24" s="280">
        <v>0</v>
      </c>
      <c r="BU24" s="281">
        <v>0</v>
      </c>
      <c r="BV24" s="281">
        <v>0</v>
      </c>
      <c r="BW24" s="281">
        <v>0</v>
      </c>
      <c r="BX24" s="281">
        <v>0</v>
      </c>
      <c r="BY24" s="281">
        <v>0</v>
      </c>
      <c r="BZ24" s="278">
        <v>0</v>
      </c>
      <c r="CA24" s="283">
        <v>0</v>
      </c>
      <c r="CB24" s="277">
        <v>0</v>
      </c>
      <c r="CC24" s="281">
        <v>0</v>
      </c>
      <c r="CD24" s="278">
        <v>0</v>
      </c>
      <c r="CE24" s="280">
        <v>0</v>
      </c>
      <c r="CF24" s="281">
        <v>0</v>
      </c>
      <c r="CG24" s="281">
        <v>0</v>
      </c>
      <c r="CH24" s="281">
        <v>3</v>
      </c>
      <c r="CI24" s="281">
        <v>21</v>
      </c>
      <c r="CJ24" s="281">
        <v>7</v>
      </c>
      <c r="CK24" s="278">
        <v>31</v>
      </c>
      <c r="CL24" s="283">
        <v>31</v>
      </c>
      <c r="CM24" s="277">
        <v>0</v>
      </c>
      <c r="CN24" s="281">
        <v>0</v>
      </c>
      <c r="CO24" s="278">
        <v>0</v>
      </c>
      <c r="CP24" s="280">
        <v>0</v>
      </c>
      <c r="CQ24" s="281">
        <v>0</v>
      </c>
      <c r="CR24" s="281">
        <v>0</v>
      </c>
      <c r="CS24" s="281">
        <v>0</v>
      </c>
      <c r="CT24" s="281">
        <v>0</v>
      </c>
      <c r="CU24" s="281">
        <v>0</v>
      </c>
      <c r="CV24" s="278">
        <v>0</v>
      </c>
      <c r="CW24" s="283">
        <v>0</v>
      </c>
    </row>
    <row r="25" spans="2:101" ht="21" customHeight="1" x14ac:dyDescent="0.2">
      <c r="B25" s="262" t="s">
        <v>23</v>
      </c>
      <c r="C25" s="277">
        <v>0</v>
      </c>
      <c r="D25" s="278">
        <v>0</v>
      </c>
      <c r="E25" s="279">
        <v>0</v>
      </c>
      <c r="F25" s="280">
        <v>0</v>
      </c>
      <c r="G25" s="281">
        <v>1</v>
      </c>
      <c r="H25" s="281">
        <v>1</v>
      </c>
      <c r="I25" s="281">
        <v>0</v>
      </c>
      <c r="J25" s="281">
        <v>0</v>
      </c>
      <c r="K25" s="281">
        <v>1</v>
      </c>
      <c r="L25" s="282">
        <v>3</v>
      </c>
      <c r="M25" s="283">
        <v>3</v>
      </c>
      <c r="N25" s="277">
        <v>0</v>
      </c>
      <c r="O25" s="281">
        <v>0</v>
      </c>
      <c r="P25" s="278">
        <v>0</v>
      </c>
      <c r="Q25" s="280">
        <v>0</v>
      </c>
      <c r="R25" s="281">
        <v>0</v>
      </c>
      <c r="S25" s="281">
        <v>0</v>
      </c>
      <c r="T25" s="281">
        <v>0</v>
      </c>
      <c r="U25" s="281">
        <v>0</v>
      </c>
      <c r="V25" s="281">
        <v>0</v>
      </c>
      <c r="W25" s="278">
        <v>0</v>
      </c>
      <c r="X25" s="283">
        <v>0</v>
      </c>
      <c r="Y25" s="277">
        <v>0</v>
      </c>
      <c r="Z25" s="281">
        <v>0</v>
      </c>
      <c r="AA25" s="278">
        <v>0</v>
      </c>
      <c r="AB25" s="280">
        <v>0</v>
      </c>
      <c r="AC25" s="281">
        <v>48</v>
      </c>
      <c r="AD25" s="281">
        <v>44</v>
      </c>
      <c r="AE25" s="281">
        <v>14</v>
      </c>
      <c r="AF25" s="281">
        <v>9</v>
      </c>
      <c r="AG25" s="281">
        <v>2</v>
      </c>
      <c r="AH25" s="278">
        <v>117</v>
      </c>
      <c r="AI25" s="283">
        <v>117</v>
      </c>
      <c r="AJ25" s="277">
        <v>0</v>
      </c>
      <c r="AK25" s="281">
        <v>0</v>
      </c>
      <c r="AL25" s="278">
        <v>0</v>
      </c>
      <c r="AM25" s="280">
        <v>0</v>
      </c>
      <c r="AN25" s="281">
        <v>0</v>
      </c>
      <c r="AO25" s="281">
        <v>1</v>
      </c>
      <c r="AP25" s="281">
        <v>1</v>
      </c>
      <c r="AQ25" s="281">
        <v>1</v>
      </c>
      <c r="AR25" s="281">
        <v>0</v>
      </c>
      <c r="AS25" s="278">
        <v>3</v>
      </c>
      <c r="AT25" s="283">
        <v>3</v>
      </c>
      <c r="AU25" s="277">
        <v>0</v>
      </c>
      <c r="AV25" s="281">
        <v>0</v>
      </c>
      <c r="AW25" s="278">
        <v>0</v>
      </c>
      <c r="AX25" s="280">
        <v>0</v>
      </c>
      <c r="AY25" s="281">
        <v>7</v>
      </c>
      <c r="AZ25" s="281">
        <v>2</v>
      </c>
      <c r="BA25" s="281">
        <v>6</v>
      </c>
      <c r="BB25" s="281">
        <v>1</v>
      </c>
      <c r="BC25" s="281">
        <v>0</v>
      </c>
      <c r="BD25" s="278">
        <v>16</v>
      </c>
      <c r="BE25" s="283">
        <v>16</v>
      </c>
      <c r="BF25" s="277">
        <v>0</v>
      </c>
      <c r="BG25" s="281">
        <v>1</v>
      </c>
      <c r="BH25" s="278">
        <v>1</v>
      </c>
      <c r="BI25" s="280">
        <v>0</v>
      </c>
      <c r="BJ25" s="281">
        <v>27</v>
      </c>
      <c r="BK25" s="281">
        <v>17</v>
      </c>
      <c r="BL25" s="281">
        <v>18</v>
      </c>
      <c r="BM25" s="281">
        <v>14</v>
      </c>
      <c r="BN25" s="281">
        <v>7</v>
      </c>
      <c r="BO25" s="282">
        <v>83</v>
      </c>
      <c r="BP25" s="283">
        <v>84</v>
      </c>
      <c r="BQ25" s="277">
        <v>0</v>
      </c>
      <c r="BR25" s="281">
        <v>0</v>
      </c>
      <c r="BS25" s="278">
        <v>0</v>
      </c>
      <c r="BT25" s="280">
        <v>0</v>
      </c>
      <c r="BU25" s="281">
        <v>0</v>
      </c>
      <c r="BV25" s="281">
        <v>0</v>
      </c>
      <c r="BW25" s="281">
        <v>0</v>
      </c>
      <c r="BX25" s="281">
        <v>0</v>
      </c>
      <c r="BY25" s="281">
        <v>0</v>
      </c>
      <c r="BZ25" s="278">
        <v>0</v>
      </c>
      <c r="CA25" s="283">
        <v>0</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1</v>
      </c>
      <c r="CT25" s="281">
        <v>1</v>
      </c>
      <c r="CU25" s="281">
        <v>0</v>
      </c>
      <c r="CV25" s="278">
        <v>2</v>
      </c>
      <c r="CW25" s="283">
        <v>2</v>
      </c>
    </row>
    <row r="26" spans="2:101" ht="21" customHeight="1" x14ac:dyDescent="0.2">
      <c r="B26" s="262" t="s">
        <v>24</v>
      </c>
      <c r="C26" s="277">
        <v>0</v>
      </c>
      <c r="D26" s="278">
        <v>0</v>
      </c>
      <c r="E26" s="279">
        <v>0</v>
      </c>
      <c r="F26" s="280">
        <v>0</v>
      </c>
      <c r="G26" s="281">
        <v>3</v>
      </c>
      <c r="H26" s="281">
        <v>2</v>
      </c>
      <c r="I26" s="281">
        <v>2</v>
      </c>
      <c r="J26" s="281">
        <v>3</v>
      </c>
      <c r="K26" s="281">
        <v>1</v>
      </c>
      <c r="L26" s="282">
        <v>11</v>
      </c>
      <c r="M26" s="283">
        <v>11</v>
      </c>
      <c r="N26" s="277">
        <v>0</v>
      </c>
      <c r="O26" s="281">
        <v>0</v>
      </c>
      <c r="P26" s="278">
        <v>0</v>
      </c>
      <c r="Q26" s="280">
        <v>0</v>
      </c>
      <c r="R26" s="281">
        <v>0</v>
      </c>
      <c r="S26" s="281">
        <v>0</v>
      </c>
      <c r="T26" s="281">
        <v>0</v>
      </c>
      <c r="U26" s="281">
        <v>0</v>
      </c>
      <c r="V26" s="281">
        <v>0</v>
      </c>
      <c r="W26" s="278">
        <v>0</v>
      </c>
      <c r="X26" s="283">
        <v>0</v>
      </c>
      <c r="Y26" s="277">
        <v>0</v>
      </c>
      <c r="Z26" s="281">
        <v>0</v>
      </c>
      <c r="AA26" s="278">
        <v>0</v>
      </c>
      <c r="AB26" s="280">
        <v>0</v>
      </c>
      <c r="AC26" s="281">
        <v>36</v>
      </c>
      <c r="AD26" s="281">
        <v>15</v>
      </c>
      <c r="AE26" s="281">
        <v>14</v>
      </c>
      <c r="AF26" s="281">
        <v>3</v>
      </c>
      <c r="AG26" s="281">
        <v>2</v>
      </c>
      <c r="AH26" s="278">
        <v>70</v>
      </c>
      <c r="AI26" s="283">
        <v>70</v>
      </c>
      <c r="AJ26" s="277">
        <v>0</v>
      </c>
      <c r="AK26" s="281">
        <v>0</v>
      </c>
      <c r="AL26" s="278">
        <v>0</v>
      </c>
      <c r="AM26" s="280">
        <v>0</v>
      </c>
      <c r="AN26" s="281">
        <v>11</v>
      </c>
      <c r="AO26" s="281">
        <v>8</v>
      </c>
      <c r="AP26" s="281">
        <v>4</v>
      </c>
      <c r="AQ26" s="281">
        <v>3</v>
      </c>
      <c r="AR26" s="281">
        <v>1</v>
      </c>
      <c r="AS26" s="278">
        <v>27</v>
      </c>
      <c r="AT26" s="283">
        <v>27</v>
      </c>
      <c r="AU26" s="277">
        <v>6</v>
      </c>
      <c r="AV26" s="281">
        <v>4</v>
      </c>
      <c r="AW26" s="278">
        <v>10</v>
      </c>
      <c r="AX26" s="280">
        <v>0</v>
      </c>
      <c r="AY26" s="281">
        <v>14</v>
      </c>
      <c r="AZ26" s="281">
        <v>8</v>
      </c>
      <c r="BA26" s="281">
        <v>3</v>
      </c>
      <c r="BB26" s="281">
        <v>3</v>
      </c>
      <c r="BC26" s="281">
        <v>3</v>
      </c>
      <c r="BD26" s="278">
        <v>31</v>
      </c>
      <c r="BE26" s="283">
        <v>41</v>
      </c>
      <c r="BF26" s="277">
        <v>0</v>
      </c>
      <c r="BG26" s="281">
        <v>0</v>
      </c>
      <c r="BH26" s="278">
        <v>0</v>
      </c>
      <c r="BI26" s="280">
        <v>0</v>
      </c>
      <c r="BJ26" s="281">
        <v>1</v>
      </c>
      <c r="BK26" s="281">
        <v>5</v>
      </c>
      <c r="BL26" s="281">
        <v>12</v>
      </c>
      <c r="BM26" s="281">
        <v>5</v>
      </c>
      <c r="BN26" s="281">
        <v>4</v>
      </c>
      <c r="BO26" s="282">
        <v>27</v>
      </c>
      <c r="BP26" s="283">
        <v>27</v>
      </c>
      <c r="BQ26" s="277">
        <v>0</v>
      </c>
      <c r="BR26" s="281">
        <v>0</v>
      </c>
      <c r="BS26" s="278">
        <v>0</v>
      </c>
      <c r="BT26" s="280">
        <v>0</v>
      </c>
      <c r="BU26" s="281">
        <v>0</v>
      </c>
      <c r="BV26" s="281">
        <v>0</v>
      </c>
      <c r="BW26" s="281">
        <v>0</v>
      </c>
      <c r="BX26" s="281">
        <v>0</v>
      </c>
      <c r="BY26" s="281">
        <v>0</v>
      </c>
      <c r="BZ26" s="278">
        <v>0</v>
      </c>
      <c r="CA26" s="283">
        <v>0</v>
      </c>
      <c r="CB26" s="277">
        <v>0</v>
      </c>
      <c r="CC26" s="281">
        <v>0</v>
      </c>
      <c r="CD26" s="278">
        <v>0</v>
      </c>
      <c r="CE26" s="280">
        <v>0</v>
      </c>
      <c r="CF26" s="281">
        <v>0</v>
      </c>
      <c r="CG26" s="281">
        <v>0</v>
      </c>
      <c r="CH26" s="281">
        <v>0</v>
      </c>
      <c r="CI26" s="281">
        <v>0</v>
      </c>
      <c r="CJ26" s="281">
        <v>0</v>
      </c>
      <c r="CK26" s="278">
        <v>0</v>
      </c>
      <c r="CL26" s="283">
        <v>0</v>
      </c>
      <c r="CM26" s="277">
        <v>0</v>
      </c>
      <c r="CN26" s="281">
        <v>0</v>
      </c>
      <c r="CO26" s="278">
        <v>0</v>
      </c>
      <c r="CP26" s="280">
        <v>0</v>
      </c>
      <c r="CQ26" s="281">
        <v>0</v>
      </c>
      <c r="CR26" s="281">
        <v>0</v>
      </c>
      <c r="CS26" s="281">
        <v>0</v>
      </c>
      <c r="CT26" s="281">
        <v>0</v>
      </c>
      <c r="CU26" s="281">
        <v>0</v>
      </c>
      <c r="CV26" s="278">
        <v>0</v>
      </c>
      <c r="CW26" s="283">
        <v>0</v>
      </c>
    </row>
    <row r="27" spans="2:101" ht="21" customHeight="1" x14ac:dyDescent="0.2">
      <c r="B27" s="262" t="s">
        <v>25</v>
      </c>
      <c r="C27" s="277">
        <v>0</v>
      </c>
      <c r="D27" s="278">
        <v>0</v>
      </c>
      <c r="E27" s="279">
        <v>0</v>
      </c>
      <c r="F27" s="280">
        <v>0</v>
      </c>
      <c r="G27" s="281">
        <v>0</v>
      </c>
      <c r="H27" s="281">
        <v>0</v>
      </c>
      <c r="I27" s="281">
        <v>0</v>
      </c>
      <c r="J27" s="281">
        <v>0</v>
      </c>
      <c r="K27" s="281">
        <v>0</v>
      </c>
      <c r="L27" s="282">
        <v>0</v>
      </c>
      <c r="M27" s="283">
        <v>0</v>
      </c>
      <c r="N27" s="277">
        <v>0</v>
      </c>
      <c r="O27" s="281">
        <v>0</v>
      </c>
      <c r="P27" s="278">
        <v>0</v>
      </c>
      <c r="Q27" s="280">
        <v>0</v>
      </c>
      <c r="R27" s="281">
        <v>0</v>
      </c>
      <c r="S27" s="281">
        <v>0</v>
      </c>
      <c r="T27" s="281">
        <v>0</v>
      </c>
      <c r="U27" s="281">
        <v>0</v>
      </c>
      <c r="V27" s="281">
        <v>0</v>
      </c>
      <c r="W27" s="278">
        <v>0</v>
      </c>
      <c r="X27" s="283">
        <v>0</v>
      </c>
      <c r="Y27" s="277">
        <v>0</v>
      </c>
      <c r="Z27" s="281">
        <v>0</v>
      </c>
      <c r="AA27" s="278">
        <v>0</v>
      </c>
      <c r="AB27" s="280">
        <v>0</v>
      </c>
      <c r="AC27" s="281">
        <v>80</v>
      </c>
      <c r="AD27" s="281">
        <v>32</v>
      </c>
      <c r="AE27" s="281">
        <v>15</v>
      </c>
      <c r="AF27" s="281">
        <v>7</v>
      </c>
      <c r="AG27" s="281">
        <v>3</v>
      </c>
      <c r="AH27" s="278">
        <v>137</v>
      </c>
      <c r="AI27" s="283">
        <v>137</v>
      </c>
      <c r="AJ27" s="277">
        <v>0</v>
      </c>
      <c r="AK27" s="281">
        <v>0</v>
      </c>
      <c r="AL27" s="278">
        <v>0</v>
      </c>
      <c r="AM27" s="280">
        <v>0</v>
      </c>
      <c r="AN27" s="281">
        <v>7</v>
      </c>
      <c r="AO27" s="281">
        <v>2</v>
      </c>
      <c r="AP27" s="281">
        <v>2</v>
      </c>
      <c r="AQ27" s="281">
        <v>0</v>
      </c>
      <c r="AR27" s="281">
        <v>1</v>
      </c>
      <c r="AS27" s="278">
        <v>12</v>
      </c>
      <c r="AT27" s="283">
        <v>12</v>
      </c>
      <c r="AU27" s="277">
        <v>0</v>
      </c>
      <c r="AV27" s="281">
        <v>0</v>
      </c>
      <c r="AW27" s="278">
        <v>0</v>
      </c>
      <c r="AX27" s="280">
        <v>0</v>
      </c>
      <c r="AY27" s="281">
        <v>5</v>
      </c>
      <c r="AZ27" s="281">
        <v>5</v>
      </c>
      <c r="BA27" s="281">
        <v>4</v>
      </c>
      <c r="BB27" s="281">
        <v>0</v>
      </c>
      <c r="BC27" s="281">
        <v>0</v>
      </c>
      <c r="BD27" s="278">
        <v>14</v>
      </c>
      <c r="BE27" s="283">
        <v>14</v>
      </c>
      <c r="BF27" s="277">
        <v>0</v>
      </c>
      <c r="BG27" s="281">
        <v>0</v>
      </c>
      <c r="BH27" s="278">
        <v>0</v>
      </c>
      <c r="BI27" s="280">
        <v>0</v>
      </c>
      <c r="BJ27" s="281">
        <v>12</v>
      </c>
      <c r="BK27" s="281">
        <v>6</v>
      </c>
      <c r="BL27" s="281">
        <v>7</v>
      </c>
      <c r="BM27" s="281">
        <v>6</v>
      </c>
      <c r="BN27" s="281">
        <v>0</v>
      </c>
      <c r="BO27" s="282">
        <v>31</v>
      </c>
      <c r="BP27" s="283">
        <v>31</v>
      </c>
      <c r="BQ27" s="277">
        <v>0</v>
      </c>
      <c r="BR27" s="281">
        <v>0</v>
      </c>
      <c r="BS27" s="278">
        <v>0</v>
      </c>
      <c r="BT27" s="280">
        <v>0</v>
      </c>
      <c r="BU27" s="281">
        <v>0</v>
      </c>
      <c r="BV27" s="281">
        <v>0</v>
      </c>
      <c r="BW27" s="281">
        <v>0</v>
      </c>
      <c r="BX27" s="281">
        <v>0</v>
      </c>
      <c r="BY27" s="281">
        <v>0</v>
      </c>
      <c r="BZ27" s="278">
        <v>0</v>
      </c>
      <c r="CA27" s="283">
        <v>0</v>
      </c>
      <c r="CB27" s="277">
        <v>0</v>
      </c>
      <c r="CC27" s="281">
        <v>0</v>
      </c>
      <c r="CD27" s="278">
        <v>0</v>
      </c>
      <c r="CE27" s="280">
        <v>0</v>
      </c>
      <c r="CF27" s="281">
        <v>0</v>
      </c>
      <c r="CG27" s="281">
        <v>0</v>
      </c>
      <c r="CH27" s="281">
        <v>0</v>
      </c>
      <c r="CI27" s="281">
        <v>0</v>
      </c>
      <c r="CJ27" s="281">
        <v>0</v>
      </c>
      <c r="CK27" s="278">
        <v>0</v>
      </c>
      <c r="CL27" s="283">
        <v>0</v>
      </c>
      <c r="CM27" s="277">
        <v>0</v>
      </c>
      <c r="CN27" s="281">
        <v>0</v>
      </c>
      <c r="CO27" s="278">
        <v>0</v>
      </c>
      <c r="CP27" s="280">
        <v>0</v>
      </c>
      <c r="CQ27" s="281">
        <v>0</v>
      </c>
      <c r="CR27" s="281">
        <v>0</v>
      </c>
      <c r="CS27" s="281">
        <v>0</v>
      </c>
      <c r="CT27" s="281">
        <v>0</v>
      </c>
      <c r="CU27" s="281">
        <v>0</v>
      </c>
      <c r="CV27" s="278">
        <v>0</v>
      </c>
      <c r="CW27" s="283">
        <v>0</v>
      </c>
    </row>
    <row r="28" spans="2:101" ht="21" customHeight="1" x14ac:dyDescent="0.2">
      <c r="B28" s="262" t="s">
        <v>26</v>
      </c>
      <c r="C28" s="277">
        <v>0</v>
      </c>
      <c r="D28" s="278">
        <v>0</v>
      </c>
      <c r="E28" s="279">
        <v>0</v>
      </c>
      <c r="F28" s="280">
        <v>0</v>
      </c>
      <c r="G28" s="281">
        <v>0</v>
      </c>
      <c r="H28" s="281">
        <v>0</v>
      </c>
      <c r="I28" s="281">
        <v>0</v>
      </c>
      <c r="J28" s="281">
        <v>0</v>
      </c>
      <c r="K28" s="281">
        <v>0</v>
      </c>
      <c r="L28" s="282">
        <v>0</v>
      </c>
      <c r="M28" s="283">
        <v>0</v>
      </c>
      <c r="N28" s="277">
        <v>0</v>
      </c>
      <c r="O28" s="281">
        <v>0</v>
      </c>
      <c r="P28" s="278">
        <v>0</v>
      </c>
      <c r="Q28" s="280">
        <v>0</v>
      </c>
      <c r="R28" s="281">
        <v>0</v>
      </c>
      <c r="S28" s="281">
        <v>0</v>
      </c>
      <c r="T28" s="281">
        <v>0</v>
      </c>
      <c r="U28" s="281">
        <v>0</v>
      </c>
      <c r="V28" s="281">
        <v>0</v>
      </c>
      <c r="W28" s="278">
        <v>0</v>
      </c>
      <c r="X28" s="283">
        <v>0</v>
      </c>
      <c r="Y28" s="277">
        <v>0</v>
      </c>
      <c r="Z28" s="281">
        <v>0</v>
      </c>
      <c r="AA28" s="278">
        <v>0</v>
      </c>
      <c r="AB28" s="280">
        <v>0</v>
      </c>
      <c r="AC28" s="281">
        <v>45</v>
      </c>
      <c r="AD28" s="281">
        <v>41</v>
      </c>
      <c r="AE28" s="281">
        <v>18</v>
      </c>
      <c r="AF28" s="281">
        <v>11</v>
      </c>
      <c r="AG28" s="281">
        <v>12</v>
      </c>
      <c r="AH28" s="278">
        <v>127</v>
      </c>
      <c r="AI28" s="283">
        <v>127</v>
      </c>
      <c r="AJ28" s="277">
        <v>0</v>
      </c>
      <c r="AK28" s="281">
        <v>0</v>
      </c>
      <c r="AL28" s="278">
        <v>0</v>
      </c>
      <c r="AM28" s="280">
        <v>0</v>
      </c>
      <c r="AN28" s="281">
        <v>1</v>
      </c>
      <c r="AO28" s="281">
        <v>2</v>
      </c>
      <c r="AP28" s="281">
        <v>6</v>
      </c>
      <c r="AQ28" s="281">
        <v>1</v>
      </c>
      <c r="AR28" s="281">
        <v>3</v>
      </c>
      <c r="AS28" s="278">
        <v>13</v>
      </c>
      <c r="AT28" s="283">
        <v>13</v>
      </c>
      <c r="AU28" s="277">
        <v>1</v>
      </c>
      <c r="AV28" s="281">
        <v>0</v>
      </c>
      <c r="AW28" s="278">
        <v>1</v>
      </c>
      <c r="AX28" s="280">
        <v>0</v>
      </c>
      <c r="AY28" s="281">
        <v>7</v>
      </c>
      <c r="AZ28" s="281">
        <v>6</v>
      </c>
      <c r="BA28" s="281">
        <v>5</v>
      </c>
      <c r="BB28" s="281">
        <v>3</v>
      </c>
      <c r="BC28" s="281">
        <v>3</v>
      </c>
      <c r="BD28" s="278">
        <v>24</v>
      </c>
      <c r="BE28" s="283">
        <v>25</v>
      </c>
      <c r="BF28" s="277">
        <v>0</v>
      </c>
      <c r="BG28" s="281">
        <v>0</v>
      </c>
      <c r="BH28" s="278">
        <v>0</v>
      </c>
      <c r="BI28" s="280">
        <v>0</v>
      </c>
      <c r="BJ28" s="281">
        <v>10</v>
      </c>
      <c r="BK28" s="281">
        <v>10</v>
      </c>
      <c r="BL28" s="281">
        <v>19</v>
      </c>
      <c r="BM28" s="281">
        <v>9</v>
      </c>
      <c r="BN28" s="281">
        <v>5</v>
      </c>
      <c r="BO28" s="282">
        <v>53</v>
      </c>
      <c r="BP28" s="283">
        <v>53</v>
      </c>
      <c r="BQ28" s="277">
        <v>0</v>
      </c>
      <c r="BR28" s="281">
        <v>0</v>
      </c>
      <c r="BS28" s="278">
        <v>0</v>
      </c>
      <c r="BT28" s="280">
        <v>0</v>
      </c>
      <c r="BU28" s="281">
        <v>0</v>
      </c>
      <c r="BV28" s="281">
        <v>0</v>
      </c>
      <c r="BW28" s="281">
        <v>0</v>
      </c>
      <c r="BX28" s="281">
        <v>0</v>
      </c>
      <c r="BY28" s="281">
        <v>0</v>
      </c>
      <c r="BZ28" s="278">
        <v>0</v>
      </c>
      <c r="CA28" s="283">
        <v>0</v>
      </c>
      <c r="CB28" s="277">
        <v>0</v>
      </c>
      <c r="CC28" s="281">
        <v>0</v>
      </c>
      <c r="CD28" s="278">
        <v>0</v>
      </c>
      <c r="CE28" s="280">
        <v>0</v>
      </c>
      <c r="CF28" s="281">
        <v>0</v>
      </c>
      <c r="CG28" s="281">
        <v>1</v>
      </c>
      <c r="CH28" s="281">
        <v>0</v>
      </c>
      <c r="CI28" s="281">
        <v>0</v>
      </c>
      <c r="CJ28" s="281">
        <v>0</v>
      </c>
      <c r="CK28" s="278">
        <v>1</v>
      </c>
      <c r="CL28" s="283">
        <v>1</v>
      </c>
      <c r="CM28" s="277">
        <v>0</v>
      </c>
      <c r="CN28" s="281">
        <v>0</v>
      </c>
      <c r="CO28" s="278">
        <v>0</v>
      </c>
      <c r="CP28" s="280">
        <v>0</v>
      </c>
      <c r="CQ28" s="281">
        <v>0</v>
      </c>
      <c r="CR28" s="281">
        <v>0</v>
      </c>
      <c r="CS28" s="281">
        <v>0</v>
      </c>
      <c r="CT28" s="281">
        <v>0</v>
      </c>
      <c r="CU28" s="281">
        <v>0</v>
      </c>
      <c r="CV28" s="278">
        <v>0</v>
      </c>
      <c r="CW28" s="283">
        <v>0</v>
      </c>
    </row>
    <row r="29" spans="2:101" ht="21" customHeight="1" x14ac:dyDescent="0.2">
      <c r="B29" s="262" t="s">
        <v>27</v>
      </c>
      <c r="C29" s="277">
        <v>0</v>
      </c>
      <c r="D29" s="278">
        <v>0</v>
      </c>
      <c r="E29" s="279">
        <v>0</v>
      </c>
      <c r="F29" s="280">
        <v>0</v>
      </c>
      <c r="G29" s="281">
        <v>0</v>
      </c>
      <c r="H29" s="281">
        <v>2</v>
      </c>
      <c r="I29" s="281">
        <v>0</v>
      </c>
      <c r="J29" s="281">
        <v>0</v>
      </c>
      <c r="K29" s="281">
        <v>0</v>
      </c>
      <c r="L29" s="282">
        <v>2</v>
      </c>
      <c r="M29" s="283">
        <v>2</v>
      </c>
      <c r="N29" s="277">
        <v>0</v>
      </c>
      <c r="O29" s="281">
        <v>0</v>
      </c>
      <c r="P29" s="278">
        <v>0</v>
      </c>
      <c r="Q29" s="280">
        <v>0</v>
      </c>
      <c r="R29" s="281">
        <v>0</v>
      </c>
      <c r="S29" s="281">
        <v>0</v>
      </c>
      <c r="T29" s="281">
        <v>0</v>
      </c>
      <c r="U29" s="281">
        <v>0</v>
      </c>
      <c r="V29" s="281">
        <v>0</v>
      </c>
      <c r="W29" s="278">
        <v>0</v>
      </c>
      <c r="X29" s="283">
        <v>0</v>
      </c>
      <c r="Y29" s="277">
        <v>0</v>
      </c>
      <c r="Z29" s="281">
        <v>0</v>
      </c>
      <c r="AA29" s="278">
        <v>0</v>
      </c>
      <c r="AB29" s="280">
        <v>0</v>
      </c>
      <c r="AC29" s="281">
        <v>34</v>
      </c>
      <c r="AD29" s="281">
        <v>20</v>
      </c>
      <c r="AE29" s="281">
        <v>9</v>
      </c>
      <c r="AF29" s="281">
        <v>2</v>
      </c>
      <c r="AG29" s="281">
        <v>1</v>
      </c>
      <c r="AH29" s="278">
        <v>66</v>
      </c>
      <c r="AI29" s="283">
        <v>66</v>
      </c>
      <c r="AJ29" s="277">
        <v>0</v>
      </c>
      <c r="AK29" s="281">
        <v>0</v>
      </c>
      <c r="AL29" s="278">
        <v>0</v>
      </c>
      <c r="AM29" s="280">
        <v>0</v>
      </c>
      <c r="AN29" s="281">
        <v>1</v>
      </c>
      <c r="AO29" s="281">
        <v>1</v>
      </c>
      <c r="AP29" s="281">
        <v>2</v>
      </c>
      <c r="AQ29" s="281">
        <v>1</v>
      </c>
      <c r="AR29" s="281">
        <v>1</v>
      </c>
      <c r="AS29" s="278">
        <v>6</v>
      </c>
      <c r="AT29" s="283">
        <v>6</v>
      </c>
      <c r="AU29" s="277">
        <v>0</v>
      </c>
      <c r="AV29" s="281">
        <v>0</v>
      </c>
      <c r="AW29" s="278">
        <v>0</v>
      </c>
      <c r="AX29" s="280">
        <v>0</v>
      </c>
      <c r="AY29" s="281">
        <v>0</v>
      </c>
      <c r="AZ29" s="281">
        <v>1</v>
      </c>
      <c r="BA29" s="281">
        <v>0</v>
      </c>
      <c r="BB29" s="281">
        <v>0</v>
      </c>
      <c r="BC29" s="281">
        <v>0</v>
      </c>
      <c r="BD29" s="278">
        <v>1</v>
      </c>
      <c r="BE29" s="283">
        <v>1</v>
      </c>
      <c r="BF29" s="277">
        <v>0</v>
      </c>
      <c r="BG29" s="281">
        <v>0</v>
      </c>
      <c r="BH29" s="278">
        <v>0</v>
      </c>
      <c r="BI29" s="280">
        <v>0</v>
      </c>
      <c r="BJ29" s="281">
        <v>18</v>
      </c>
      <c r="BK29" s="281">
        <v>5</v>
      </c>
      <c r="BL29" s="281">
        <v>9</v>
      </c>
      <c r="BM29" s="281">
        <v>0</v>
      </c>
      <c r="BN29" s="281">
        <v>5</v>
      </c>
      <c r="BO29" s="282">
        <v>37</v>
      </c>
      <c r="BP29" s="283">
        <v>37</v>
      </c>
      <c r="BQ29" s="277">
        <v>0</v>
      </c>
      <c r="BR29" s="281">
        <v>0</v>
      </c>
      <c r="BS29" s="278">
        <v>0</v>
      </c>
      <c r="BT29" s="280">
        <v>0</v>
      </c>
      <c r="BU29" s="281">
        <v>0</v>
      </c>
      <c r="BV29" s="281">
        <v>0</v>
      </c>
      <c r="BW29" s="281">
        <v>0</v>
      </c>
      <c r="BX29" s="281">
        <v>0</v>
      </c>
      <c r="BY29" s="281">
        <v>0</v>
      </c>
      <c r="BZ29" s="278">
        <v>0</v>
      </c>
      <c r="CA29" s="283">
        <v>0</v>
      </c>
      <c r="CB29" s="277">
        <v>0</v>
      </c>
      <c r="CC29" s="281">
        <v>0</v>
      </c>
      <c r="CD29" s="278">
        <v>0</v>
      </c>
      <c r="CE29" s="280">
        <v>0</v>
      </c>
      <c r="CF29" s="281">
        <v>0</v>
      </c>
      <c r="CG29" s="281">
        <v>0</v>
      </c>
      <c r="CH29" s="281">
        <v>10</v>
      </c>
      <c r="CI29" s="281">
        <v>9</v>
      </c>
      <c r="CJ29" s="281">
        <v>3</v>
      </c>
      <c r="CK29" s="278">
        <v>22</v>
      </c>
      <c r="CL29" s="283">
        <v>22</v>
      </c>
      <c r="CM29" s="277">
        <v>0</v>
      </c>
      <c r="CN29" s="281">
        <v>0</v>
      </c>
      <c r="CO29" s="278">
        <v>0</v>
      </c>
      <c r="CP29" s="280">
        <v>0</v>
      </c>
      <c r="CQ29" s="281">
        <v>0</v>
      </c>
      <c r="CR29" s="281">
        <v>0</v>
      </c>
      <c r="CS29" s="281">
        <v>1</v>
      </c>
      <c r="CT29" s="281">
        <v>0</v>
      </c>
      <c r="CU29" s="281">
        <v>0</v>
      </c>
      <c r="CV29" s="278">
        <v>1</v>
      </c>
      <c r="CW29" s="283">
        <v>1</v>
      </c>
    </row>
    <row r="30" spans="2:101" ht="21" customHeight="1" x14ac:dyDescent="0.2">
      <c r="B30" s="262" t="s">
        <v>28</v>
      </c>
      <c r="C30" s="277">
        <v>0</v>
      </c>
      <c r="D30" s="278">
        <v>0</v>
      </c>
      <c r="E30" s="279">
        <v>0</v>
      </c>
      <c r="F30" s="280">
        <v>0</v>
      </c>
      <c r="G30" s="281">
        <v>0</v>
      </c>
      <c r="H30" s="281">
        <v>0</v>
      </c>
      <c r="I30" s="281">
        <v>0</v>
      </c>
      <c r="J30" s="281">
        <v>0</v>
      </c>
      <c r="K30" s="281">
        <v>0</v>
      </c>
      <c r="L30" s="282">
        <v>0</v>
      </c>
      <c r="M30" s="283">
        <v>0</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23</v>
      </c>
      <c r="AD30" s="281">
        <v>14</v>
      </c>
      <c r="AE30" s="281">
        <v>1</v>
      </c>
      <c r="AF30" s="281">
        <v>4</v>
      </c>
      <c r="AG30" s="281">
        <v>1</v>
      </c>
      <c r="AH30" s="278">
        <v>43</v>
      </c>
      <c r="AI30" s="283">
        <v>43</v>
      </c>
      <c r="AJ30" s="277">
        <v>0</v>
      </c>
      <c r="AK30" s="281">
        <v>0</v>
      </c>
      <c r="AL30" s="278">
        <v>0</v>
      </c>
      <c r="AM30" s="280">
        <v>0</v>
      </c>
      <c r="AN30" s="281">
        <v>1</v>
      </c>
      <c r="AO30" s="281">
        <v>1</v>
      </c>
      <c r="AP30" s="281">
        <v>2</v>
      </c>
      <c r="AQ30" s="281">
        <v>0</v>
      </c>
      <c r="AR30" s="281">
        <v>1</v>
      </c>
      <c r="AS30" s="278">
        <v>5</v>
      </c>
      <c r="AT30" s="283">
        <v>5</v>
      </c>
      <c r="AU30" s="277">
        <v>0</v>
      </c>
      <c r="AV30" s="281">
        <v>0</v>
      </c>
      <c r="AW30" s="278">
        <v>0</v>
      </c>
      <c r="AX30" s="280">
        <v>0</v>
      </c>
      <c r="AY30" s="281">
        <v>0</v>
      </c>
      <c r="AZ30" s="281">
        <v>0</v>
      </c>
      <c r="BA30" s="281">
        <v>0</v>
      </c>
      <c r="BB30" s="281">
        <v>0</v>
      </c>
      <c r="BC30" s="281">
        <v>0</v>
      </c>
      <c r="BD30" s="278">
        <v>0</v>
      </c>
      <c r="BE30" s="283">
        <v>0</v>
      </c>
      <c r="BF30" s="277">
        <v>0</v>
      </c>
      <c r="BG30" s="281">
        <v>0</v>
      </c>
      <c r="BH30" s="278">
        <v>0</v>
      </c>
      <c r="BI30" s="280">
        <v>0</v>
      </c>
      <c r="BJ30" s="281">
        <v>0</v>
      </c>
      <c r="BK30" s="281">
        <v>4</v>
      </c>
      <c r="BL30" s="281">
        <v>6</v>
      </c>
      <c r="BM30" s="281">
        <v>1</v>
      </c>
      <c r="BN30" s="281">
        <v>4</v>
      </c>
      <c r="BO30" s="282">
        <v>15</v>
      </c>
      <c r="BP30" s="283">
        <v>15</v>
      </c>
      <c r="BQ30" s="277">
        <v>0</v>
      </c>
      <c r="BR30" s="281">
        <v>0</v>
      </c>
      <c r="BS30" s="278">
        <v>0</v>
      </c>
      <c r="BT30" s="280">
        <v>0</v>
      </c>
      <c r="BU30" s="281">
        <v>0</v>
      </c>
      <c r="BV30" s="281">
        <v>0</v>
      </c>
      <c r="BW30" s="281">
        <v>0</v>
      </c>
      <c r="BX30" s="281">
        <v>0</v>
      </c>
      <c r="BY30" s="281">
        <v>0</v>
      </c>
      <c r="BZ30" s="278">
        <v>0</v>
      </c>
      <c r="CA30" s="283">
        <v>0</v>
      </c>
      <c r="CB30" s="277">
        <v>0</v>
      </c>
      <c r="CC30" s="281">
        <v>0</v>
      </c>
      <c r="CD30" s="278">
        <v>0</v>
      </c>
      <c r="CE30" s="280">
        <v>0</v>
      </c>
      <c r="CF30" s="281">
        <v>0</v>
      </c>
      <c r="CG30" s="281">
        <v>0</v>
      </c>
      <c r="CH30" s="281">
        <v>1</v>
      </c>
      <c r="CI30" s="281">
        <v>0</v>
      </c>
      <c r="CJ30" s="281">
        <v>0</v>
      </c>
      <c r="CK30" s="278">
        <v>1</v>
      </c>
      <c r="CL30" s="283">
        <v>1</v>
      </c>
      <c r="CM30" s="277">
        <v>0</v>
      </c>
      <c r="CN30" s="281">
        <v>0</v>
      </c>
      <c r="CO30" s="278">
        <v>0</v>
      </c>
      <c r="CP30" s="280">
        <v>0</v>
      </c>
      <c r="CQ30" s="281">
        <v>0</v>
      </c>
      <c r="CR30" s="281">
        <v>0</v>
      </c>
      <c r="CS30" s="281">
        <v>0</v>
      </c>
      <c r="CT30" s="281">
        <v>0</v>
      </c>
      <c r="CU30" s="281">
        <v>0</v>
      </c>
      <c r="CV30" s="278">
        <v>0</v>
      </c>
      <c r="CW30" s="283">
        <v>0</v>
      </c>
    </row>
    <row r="31" spans="2:101" ht="21" customHeight="1" x14ac:dyDescent="0.2">
      <c r="B31" s="262" t="s">
        <v>29</v>
      </c>
      <c r="C31" s="277">
        <v>0</v>
      </c>
      <c r="D31" s="278">
        <v>0</v>
      </c>
      <c r="E31" s="279">
        <v>0</v>
      </c>
      <c r="F31" s="280">
        <v>0</v>
      </c>
      <c r="G31" s="281">
        <v>0</v>
      </c>
      <c r="H31" s="281">
        <v>0</v>
      </c>
      <c r="I31" s="281">
        <v>0</v>
      </c>
      <c r="J31" s="281">
        <v>0</v>
      </c>
      <c r="K31" s="281">
        <v>0</v>
      </c>
      <c r="L31" s="282">
        <v>0</v>
      </c>
      <c r="M31" s="283">
        <v>0</v>
      </c>
      <c r="N31" s="277">
        <v>0</v>
      </c>
      <c r="O31" s="281">
        <v>0</v>
      </c>
      <c r="P31" s="278">
        <v>0</v>
      </c>
      <c r="Q31" s="280">
        <v>0</v>
      </c>
      <c r="R31" s="281">
        <v>0</v>
      </c>
      <c r="S31" s="281">
        <v>0</v>
      </c>
      <c r="T31" s="281">
        <v>0</v>
      </c>
      <c r="U31" s="281">
        <v>0</v>
      </c>
      <c r="V31" s="281">
        <v>0</v>
      </c>
      <c r="W31" s="278">
        <v>0</v>
      </c>
      <c r="X31" s="283">
        <v>0</v>
      </c>
      <c r="Y31" s="277">
        <v>0</v>
      </c>
      <c r="Z31" s="281">
        <v>0</v>
      </c>
      <c r="AA31" s="278">
        <v>0</v>
      </c>
      <c r="AB31" s="280">
        <v>0</v>
      </c>
      <c r="AC31" s="281">
        <v>15</v>
      </c>
      <c r="AD31" s="281">
        <v>20</v>
      </c>
      <c r="AE31" s="281">
        <v>3</v>
      </c>
      <c r="AF31" s="281">
        <v>2</v>
      </c>
      <c r="AG31" s="281">
        <v>0</v>
      </c>
      <c r="AH31" s="278">
        <v>40</v>
      </c>
      <c r="AI31" s="283">
        <v>40</v>
      </c>
      <c r="AJ31" s="277">
        <v>0</v>
      </c>
      <c r="AK31" s="281">
        <v>0</v>
      </c>
      <c r="AL31" s="278">
        <v>0</v>
      </c>
      <c r="AM31" s="280">
        <v>0</v>
      </c>
      <c r="AN31" s="281">
        <v>0</v>
      </c>
      <c r="AO31" s="281">
        <v>1</v>
      </c>
      <c r="AP31" s="281">
        <v>3</v>
      </c>
      <c r="AQ31" s="281">
        <v>0</v>
      </c>
      <c r="AR31" s="281">
        <v>0</v>
      </c>
      <c r="AS31" s="278">
        <v>4</v>
      </c>
      <c r="AT31" s="283">
        <v>4</v>
      </c>
      <c r="AU31" s="277">
        <v>1</v>
      </c>
      <c r="AV31" s="281">
        <v>3</v>
      </c>
      <c r="AW31" s="278">
        <v>4</v>
      </c>
      <c r="AX31" s="280">
        <v>0</v>
      </c>
      <c r="AY31" s="281">
        <v>3</v>
      </c>
      <c r="AZ31" s="281">
        <v>2</v>
      </c>
      <c r="BA31" s="281">
        <v>3</v>
      </c>
      <c r="BB31" s="281">
        <v>5</v>
      </c>
      <c r="BC31" s="281">
        <v>0</v>
      </c>
      <c r="BD31" s="278">
        <v>13</v>
      </c>
      <c r="BE31" s="283">
        <v>17</v>
      </c>
      <c r="BF31" s="277">
        <v>0</v>
      </c>
      <c r="BG31" s="281">
        <v>0</v>
      </c>
      <c r="BH31" s="278">
        <v>0</v>
      </c>
      <c r="BI31" s="280">
        <v>0</v>
      </c>
      <c r="BJ31" s="281">
        <v>3</v>
      </c>
      <c r="BK31" s="281">
        <v>3</v>
      </c>
      <c r="BL31" s="281">
        <v>2</v>
      </c>
      <c r="BM31" s="281">
        <v>1</v>
      </c>
      <c r="BN31" s="281">
        <v>2</v>
      </c>
      <c r="BO31" s="282">
        <v>11</v>
      </c>
      <c r="BP31" s="283">
        <v>11</v>
      </c>
      <c r="BQ31" s="277">
        <v>0</v>
      </c>
      <c r="BR31" s="281">
        <v>0</v>
      </c>
      <c r="BS31" s="278">
        <v>0</v>
      </c>
      <c r="BT31" s="280">
        <v>0</v>
      </c>
      <c r="BU31" s="281">
        <v>0</v>
      </c>
      <c r="BV31" s="281">
        <v>0</v>
      </c>
      <c r="BW31" s="281">
        <v>0</v>
      </c>
      <c r="BX31" s="281">
        <v>0</v>
      </c>
      <c r="BY31" s="281">
        <v>0</v>
      </c>
      <c r="BZ31" s="278">
        <v>0</v>
      </c>
      <c r="CA31" s="283">
        <v>0</v>
      </c>
      <c r="CB31" s="277">
        <v>0</v>
      </c>
      <c r="CC31" s="281">
        <v>0</v>
      </c>
      <c r="CD31" s="278">
        <v>0</v>
      </c>
      <c r="CE31" s="280">
        <v>0</v>
      </c>
      <c r="CF31" s="281">
        <v>0</v>
      </c>
      <c r="CG31" s="281">
        <v>3</v>
      </c>
      <c r="CH31" s="281">
        <v>8</v>
      </c>
      <c r="CI31" s="281">
        <v>7</v>
      </c>
      <c r="CJ31" s="281">
        <v>6</v>
      </c>
      <c r="CK31" s="278">
        <v>24</v>
      </c>
      <c r="CL31" s="283">
        <v>24</v>
      </c>
      <c r="CM31" s="277">
        <v>0</v>
      </c>
      <c r="CN31" s="281">
        <v>0</v>
      </c>
      <c r="CO31" s="278">
        <v>0</v>
      </c>
      <c r="CP31" s="280">
        <v>0</v>
      </c>
      <c r="CQ31" s="281">
        <v>0</v>
      </c>
      <c r="CR31" s="281">
        <v>0</v>
      </c>
      <c r="CS31" s="281">
        <v>0</v>
      </c>
      <c r="CT31" s="281">
        <v>0</v>
      </c>
      <c r="CU31" s="281">
        <v>0</v>
      </c>
      <c r="CV31" s="278">
        <v>0</v>
      </c>
      <c r="CW31" s="283">
        <v>0</v>
      </c>
    </row>
    <row r="32" spans="2:101" ht="21" customHeight="1" x14ac:dyDescent="0.2">
      <c r="B32" s="262" t="s">
        <v>30</v>
      </c>
      <c r="C32" s="277">
        <v>0</v>
      </c>
      <c r="D32" s="278">
        <v>0</v>
      </c>
      <c r="E32" s="279">
        <v>0</v>
      </c>
      <c r="F32" s="280">
        <v>0</v>
      </c>
      <c r="G32" s="281">
        <v>1</v>
      </c>
      <c r="H32" s="281">
        <v>0</v>
      </c>
      <c r="I32" s="281">
        <v>1</v>
      </c>
      <c r="J32" s="281">
        <v>0</v>
      </c>
      <c r="K32" s="281">
        <v>0</v>
      </c>
      <c r="L32" s="282">
        <v>2</v>
      </c>
      <c r="M32" s="283">
        <v>2</v>
      </c>
      <c r="N32" s="277">
        <v>0</v>
      </c>
      <c r="O32" s="281">
        <v>0</v>
      </c>
      <c r="P32" s="278">
        <v>0</v>
      </c>
      <c r="Q32" s="280">
        <v>0</v>
      </c>
      <c r="R32" s="281">
        <v>0</v>
      </c>
      <c r="S32" s="281">
        <v>0</v>
      </c>
      <c r="T32" s="281">
        <v>0</v>
      </c>
      <c r="U32" s="281">
        <v>0</v>
      </c>
      <c r="V32" s="281">
        <v>0</v>
      </c>
      <c r="W32" s="278">
        <v>0</v>
      </c>
      <c r="X32" s="283">
        <v>0</v>
      </c>
      <c r="Y32" s="277">
        <v>0</v>
      </c>
      <c r="Z32" s="281">
        <v>0</v>
      </c>
      <c r="AA32" s="278">
        <v>0</v>
      </c>
      <c r="AB32" s="280">
        <v>0</v>
      </c>
      <c r="AC32" s="281">
        <v>23</v>
      </c>
      <c r="AD32" s="281">
        <v>13</v>
      </c>
      <c r="AE32" s="281">
        <v>10</v>
      </c>
      <c r="AF32" s="281">
        <v>5</v>
      </c>
      <c r="AG32" s="281">
        <v>0</v>
      </c>
      <c r="AH32" s="278">
        <v>51</v>
      </c>
      <c r="AI32" s="283">
        <v>51</v>
      </c>
      <c r="AJ32" s="277">
        <v>1</v>
      </c>
      <c r="AK32" s="281">
        <v>0</v>
      </c>
      <c r="AL32" s="278">
        <v>1</v>
      </c>
      <c r="AM32" s="280">
        <v>0</v>
      </c>
      <c r="AN32" s="281">
        <v>1</v>
      </c>
      <c r="AO32" s="281">
        <v>2</v>
      </c>
      <c r="AP32" s="281">
        <v>2</v>
      </c>
      <c r="AQ32" s="281">
        <v>0</v>
      </c>
      <c r="AR32" s="281">
        <v>0</v>
      </c>
      <c r="AS32" s="278">
        <v>5</v>
      </c>
      <c r="AT32" s="283">
        <v>6</v>
      </c>
      <c r="AU32" s="277">
        <v>0</v>
      </c>
      <c r="AV32" s="281">
        <v>0</v>
      </c>
      <c r="AW32" s="278">
        <v>0</v>
      </c>
      <c r="AX32" s="280">
        <v>0</v>
      </c>
      <c r="AY32" s="281">
        <v>0</v>
      </c>
      <c r="AZ32" s="281">
        <v>0</v>
      </c>
      <c r="BA32" s="281">
        <v>0</v>
      </c>
      <c r="BB32" s="281">
        <v>2</v>
      </c>
      <c r="BC32" s="281">
        <v>0</v>
      </c>
      <c r="BD32" s="278">
        <v>2</v>
      </c>
      <c r="BE32" s="283">
        <v>2</v>
      </c>
      <c r="BF32" s="277">
        <v>0</v>
      </c>
      <c r="BG32" s="281">
        <v>0</v>
      </c>
      <c r="BH32" s="278">
        <v>0</v>
      </c>
      <c r="BI32" s="280">
        <v>0</v>
      </c>
      <c r="BJ32" s="281">
        <v>8</v>
      </c>
      <c r="BK32" s="281">
        <v>3</v>
      </c>
      <c r="BL32" s="281">
        <v>7</v>
      </c>
      <c r="BM32" s="281">
        <v>3</v>
      </c>
      <c r="BN32" s="281">
        <v>2</v>
      </c>
      <c r="BO32" s="282">
        <v>23</v>
      </c>
      <c r="BP32" s="283">
        <v>23</v>
      </c>
      <c r="BQ32" s="277">
        <v>0</v>
      </c>
      <c r="BR32" s="281">
        <v>0</v>
      </c>
      <c r="BS32" s="278">
        <v>0</v>
      </c>
      <c r="BT32" s="280">
        <v>0</v>
      </c>
      <c r="BU32" s="281">
        <v>0</v>
      </c>
      <c r="BV32" s="281">
        <v>0</v>
      </c>
      <c r="BW32" s="281">
        <v>0</v>
      </c>
      <c r="BX32" s="281">
        <v>0</v>
      </c>
      <c r="BY32" s="281">
        <v>0</v>
      </c>
      <c r="BZ32" s="278">
        <v>0</v>
      </c>
      <c r="CA32" s="283">
        <v>0</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row>
    <row r="33" spans="2:101" ht="21" customHeight="1" x14ac:dyDescent="0.2">
      <c r="B33" s="262" t="s">
        <v>31</v>
      </c>
      <c r="C33" s="277">
        <v>0</v>
      </c>
      <c r="D33" s="278">
        <v>0</v>
      </c>
      <c r="E33" s="279">
        <v>0</v>
      </c>
      <c r="F33" s="280">
        <v>0</v>
      </c>
      <c r="G33" s="281">
        <v>0</v>
      </c>
      <c r="H33" s="281">
        <v>2</v>
      </c>
      <c r="I33" s="281">
        <v>0</v>
      </c>
      <c r="J33" s="281">
        <v>1</v>
      </c>
      <c r="K33" s="281">
        <v>0</v>
      </c>
      <c r="L33" s="282">
        <v>3</v>
      </c>
      <c r="M33" s="283">
        <v>3</v>
      </c>
      <c r="N33" s="277">
        <v>0</v>
      </c>
      <c r="O33" s="281">
        <v>0</v>
      </c>
      <c r="P33" s="278">
        <v>0</v>
      </c>
      <c r="Q33" s="280">
        <v>0</v>
      </c>
      <c r="R33" s="281">
        <v>0</v>
      </c>
      <c r="S33" s="281">
        <v>0</v>
      </c>
      <c r="T33" s="281">
        <v>0</v>
      </c>
      <c r="U33" s="281">
        <v>0</v>
      </c>
      <c r="V33" s="281">
        <v>0</v>
      </c>
      <c r="W33" s="278">
        <v>0</v>
      </c>
      <c r="X33" s="283">
        <v>0</v>
      </c>
      <c r="Y33" s="277">
        <v>0</v>
      </c>
      <c r="Z33" s="281">
        <v>0</v>
      </c>
      <c r="AA33" s="278">
        <v>0</v>
      </c>
      <c r="AB33" s="280">
        <v>0</v>
      </c>
      <c r="AC33" s="281">
        <v>32</v>
      </c>
      <c r="AD33" s="281">
        <v>19</v>
      </c>
      <c r="AE33" s="281">
        <v>7</v>
      </c>
      <c r="AF33" s="281">
        <v>1</v>
      </c>
      <c r="AG33" s="281">
        <v>1</v>
      </c>
      <c r="AH33" s="278">
        <v>60</v>
      </c>
      <c r="AI33" s="283">
        <v>60</v>
      </c>
      <c r="AJ33" s="277">
        <v>0</v>
      </c>
      <c r="AK33" s="281">
        <v>0</v>
      </c>
      <c r="AL33" s="278">
        <v>0</v>
      </c>
      <c r="AM33" s="280">
        <v>0</v>
      </c>
      <c r="AN33" s="281">
        <v>0</v>
      </c>
      <c r="AO33" s="281">
        <v>1</v>
      </c>
      <c r="AP33" s="281">
        <v>1</v>
      </c>
      <c r="AQ33" s="281">
        <v>0</v>
      </c>
      <c r="AR33" s="281">
        <v>0</v>
      </c>
      <c r="AS33" s="278">
        <v>2</v>
      </c>
      <c r="AT33" s="283">
        <v>2</v>
      </c>
      <c r="AU33" s="277">
        <v>0</v>
      </c>
      <c r="AV33" s="281">
        <v>2</v>
      </c>
      <c r="AW33" s="278">
        <v>2</v>
      </c>
      <c r="AX33" s="280">
        <v>0</v>
      </c>
      <c r="AY33" s="281">
        <v>7</v>
      </c>
      <c r="AZ33" s="281">
        <v>9</v>
      </c>
      <c r="BA33" s="281">
        <v>5</v>
      </c>
      <c r="BB33" s="281">
        <v>1</v>
      </c>
      <c r="BC33" s="281">
        <v>1</v>
      </c>
      <c r="BD33" s="278">
        <v>23</v>
      </c>
      <c r="BE33" s="283">
        <v>25</v>
      </c>
      <c r="BF33" s="277">
        <v>0</v>
      </c>
      <c r="BG33" s="281">
        <v>0</v>
      </c>
      <c r="BH33" s="278">
        <v>0</v>
      </c>
      <c r="BI33" s="280">
        <v>0</v>
      </c>
      <c r="BJ33" s="281">
        <v>7</v>
      </c>
      <c r="BK33" s="281">
        <v>9</v>
      </c>
      <c r="BL33" s="281">
        <v>12</v>
      </c>
      <c r="BM33" s="281">
        <v>10</v>
      </c>
      <c r="BN33" s="281">
        <v>3</v>
      </c>
      <c r="BO33" s="282">
        <v>41</v>
      </c>
      <c r="BP33" s="283">
        <v>41</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row>
    <row r="34" spans="2:101" ht="21" customHeight="1" x14ac:dyDescent="0.2">
      <c r="B34" s="262" t="s">
        <v>32</v>
      </c>
      <c r="C34" s="277">
        <v>0</v>
      </c>
      <c r="D34" s="278">
        <v>0</v>
      </c>
      <c r="E34" s="279">
        <v>0</v>
      </c>
      <c r="F34" s="280">
        <v>0</v>
      </c>
      <c r="G34" s="281">
        <v>2</v>
      </c>
      <c r="H34" s="281">
        <v>2</v>
      </c>
      <c r="I34" s="281">
        <v>0</v>
      </c>
      <c r="J34" s="281">
        <v>4</v>
      </c>
      <c r="K34" s="281">
        <v>0</v>
      </c>
      <c r="L34" s="282">
        <v>8</v>
      </c>
      <c r="M34" s="283">
        <v>8</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41</v>
      </c>
      <c r="AD34" s="281">
        <v>25</v>
      </c>
      <c r="AE34" s="281">
        <v>9</v>
      </c>
      <c r="AF34" s="281">
        <v>4</v>
      </c>
      <c r="AG34" s="281">
        <v>3</v>
      </c>
      <c r="AH34" s="278">
        <v>82</v>
      </c>
      <c r="AI34" s="283">
        <v>82</v>
      </c>
      <c r="AJ34" s="277">
        <v>0</v>
      </c>
      <c r="AK34" s="281">
        <v>0</v>
      </c>
      <c r="AL34" s="278">
        <v>0</v>
      </c>
      <c r="AM34" s="280">
        <v>0</v>
      </c>
      <c r="AN34" s="281">
        <v>2</v>
      </c>
      <c r="AO34" s="281">
        <v>0</v>
      </c>
      <c r="AP34" s="281">
        <v>2</v>
      </c>
      <c r="AQ34" s="281">
        <v>1</v>
      </c>
      <c r="AR34" s="281">
        <v>1</v>
      </c>
      <c r="AS34" s="278">
        <v>6</v>
      </c>
      <c r="AT34" s="283">
        <v>6</v>
      </c>
      <c r="AU34" s="277">
        <v>0</v>
      </c>
      <c r="AV34" s="281">
        <v>0</v>
      </c>
      <c r="AW34" s="278">
        <v>0</v>
      </c>
      <c r="AX34" s="280">
        <v>0</v>
      </c>
      <c r="AY34" s="281">
        <v>1</v>
      </c>
      <c r="AZ34" s="281">
        <v>0</v>
      </c>
      <c r="BA34" s="281">
        <v>0</v>
      </c>
      <c r="BB34" s="281">
        <v>1</v>
      </c>
      <c r="BC34" s="281">
        <v>0</v>
      </c>
      <c r="BD34" s="278">
        <v>2</v>
      </c>
      <c r="BE34" s="283">
        <v>2</v>
      </c>
      <c r="BF34" s="277">
        <v>0</v>
      </c>
      <c r="BG34" s="281">
        <v>0</v>
      </c>
      <c r="BH34" s="278">
        <v>0</v>
      </c>
      <c r="BI34" s="280">
        <v>0</v>
      </c>
      <c r="BJ34" s="281">
        <v>2</v>
      </c>
      <c r="BK34" s="281">
        <v>7</v>
      </c>
      <c r="BL34" s="281">
        <v>11</v>
      </c>
      <c r="BM34" s="281">
        <v>8</v>
      </c>
      <c r="BN34" s="281">
        <v>5</v>
      </c>
      <c r="BO34" s="282">
        <v>33</v>
      </c>
      <c r="BP34" s="283">
        <v>33</v>
      </c>
      <c r="BQ34" s="277">
        <v>0</v>
      </c>
      <c r="BR34" s="281">
        <v>0</v>
      </c>
      <c r="BS34" s="278">
        <v>0</v>
      </c>
      <c r="BT34" s="280">
        <v>0</v>
      </c>
      <c r="BU34" s="281">
        <v>0</v>
      </c>
      <c r="BV34" s="281">
        <v>0</v>
      </c>
      <c r="BW34" s="281">
        <v>0</v>
      </c>
      <c r="BX34" s="281">
        <v>0</v>
      </c>
      <c r="BY34" s="281">
        <v>0</v>
      </c>
      <c r="BZ34" s="278">
        <v>0</v>
      </c>
      <c r="CA34" s="283">
        <v>0</v>
      </c>
      <c r="CB34" s="277">
        <v>0</v>
      </c>
      <c r="CC34" s="281">
        <v>0</v>
      </c>
      <c r="CD34" s="278">
        <v>0</v>
      </c>
      <c r="CE34" s="280">
        <v>0</v>
      </c>
      <c r="CF34" s="281">
        <v>1</v>
      </c>
      <c r="CG34" s="281">
        <v>1</v>
      </c>
      <c r="CH34" s="281">
        <v>14</v>
      </c>
      <c r="CI34" s="281">
        <v>10</v>
      </c>
      <c r="CJ34" s="281">
        <v>2</v>
      </c>
      <c r="CK34" s="278">
        <v>28</v>
      </c>
      <c r="CL34" s="283">
        <v>28</v>
      </c>
      <c r="CM34" s="277">
        <v>0</v>
      </c>
      <c r="CN34" s="281">
        <v>0</v>
      </c>
      <c r="CO34" s="278">
        <v>0</v>
      </c>
      <c r="CP34" s="280">
        <v>0</v>
      </c>
      <c r="CQ34" s="281">
        <v>0</v>
      </c>
      <c r="CR34" s="281">
        <v>0</v>
      </c>
      <c r="CS34" s="281">
        <v>0</v>
      </c>
      <c r="CT34" s="281">
        <v>0</v>
      </c>
      <c r="CU34" s="281">
        <v>0</v>
      </c>
      <c r="CV34" s="278">
        <v>0</v>
      </c>
      <c r="CW34" s="283">
        <v>0</v>
      </c>
    </row>
    <row r="35" spans="2:101" ht="21" customHeight="1" x14ac:dyDescent="0.2">
      <c r="B35" s="262" t="s">
        <v>33</v>
      </c>
      <c r="C35" s="277">
        <v>0</v>
      </c>
      <c r="D35" s="278">
        <v>0</v>
      </c>
      <c r="E35" s="279">
        <v>0</v>
      </c>
      <c r="F35" s="280">
        <v>0</v>
      </c>
      <c r="G35" s="281">
        <v>0</v>
      </c>
      <c r="H35" s="281">
        <v>0</v>
      </c>
      <c r="I35" s="281">
        <v>0</v>
      </c>
      <c r="J35" s="281">
        <v>0</v>
      </c>
      <c r="K35" s="281">
        <v>0</v>
      </c>
      <c r="L35" s="282">
        <v>0</v>
      </c>
      <c r="M35" s="283">
        <v>0</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29</v>
      </c>
      <c r="AD35" s="281">
        <v>10</v>
      </c>
      <c r="AE35" s="281">
        <v>7</v>
      </c>
      <c r="AF35" s="281">
        <v>4</v>
      </c>
      <c r="AG35" s="281">
        <v>2</v>
      </c>
      <c r="AH35" s="278">
        <v>52</v>
      </c>
      <c r="AI35" s="283">
        <v>52</v>
      </c>
      <c r="AJ35" s="277">
        <v>0</v>
      </c>
      <c r="AK35" s="281">
        <v>0</v>
      </c>
      <c r="AL35" s="278">
        <v>0</v>
      </c>
      <c r="AM35" s="280">
        <v>0</v>
      </c>
      <c r="AN35" s="281">
        <v>1</v>
      </c>
      <c r="AO35" s="281">
        <v>0</v>
      </c>
      <c r="AP35" s="281">
        <v>0</v>
      </c>
      <c r="AQ35" s="281">
        <v>0</v>
      </c>
      <c r="AR35" s="281">
        <v>0</v>
      </c>
      <c r="AS35" s="278">
        <v>1</v>
      </c>
      <c r="AT35" s="283">
        <v>1</v>
      </c>
      <c r="AU35" s="277">
        <v>0</v>
      </c>
      <c r="AV35" s="281">
        <v>0</v>
      </c>
      <c r="AW35" s="278">
        <v>0</v>
      </c>
      <c r="AX35" s="280">
        <v>0</v>
      </c>
      <c r="AY35" s="281">
        <v>0</v>
      </c>
      <c r="AZ35" s="281">
        <v>0</v>
      </c>
      <c r="BA35" s="281">
        <v>0</v>
      </c>
      <c r="BB35" s="281">
        <v>0</v>
      </c>
      <c r="BC35" s="281">
        <v>0</v>
      </c>
      <c r="BD35" s="278">
        <v>0</v>
      </c>
      <c r="BE35" s="283">
        <v>0</v>
      </c>
      <c r="BF35" s="277">
        <v>0</v>
      </c>
      <c r="BG35" s="281">
        <v>2</v>
      </c>
      <c r="BH35" s="278">
        <v>2</v>
      </c>
      <c r="BI35" s="280">
        <v>0</v>
      </c>
      <c r="BJ35" s="281">
        <v>2</v>
      </c>
      <c r="BK35" s="281">
        <v>3</v>
      </c>
      <c r="BL35" s="281">
        <v>9</v>
      </c>
      <c r="BM35" s="281">
        <v>1</v>
      </c>
      <c r="BN35" s="281">
        <v>1</v>
      </c>
      <c r="BO35" s="282">
        <v>16</v>
      </c>
      <c r="BP35" s="283">
        <v>18</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5</v>
      </c>
      <c r="CR35" s="281">
        <v>7</v>
      </c>
      <c r="CS35" s="281">
        <v>6</v>
      </c>
      <c r="CT35" s="281">
        <v>2</v>
      </c>
      <c r="CU35" s="281">
        <v>3</v>
      </c>
      <c r="CV35" s="278">
        <v>23</v>
      </c>
      <c r="CW35" s="283">
        <v>23</v>
      </c>
    </row>
    <row r="36" spans="2:101" ht="21" customHeight="1" x14ac:dyDescent="0.2">
      <c r="B36" s="262" t="s">
        <v>34</v>
      </c>
      <c r="C36" s="277">
        <v>0</v>
      </c>
      <c r="D36" s="278">
        <v>0</v>
      </c>
      <c r="E36" s="279">
        <v>0</v>
      </c>
      <c r="F36" s="280">
        <v>0</v>
      </c>
      <c r="G36" s="281">
        <v>0</v>
      </c>
      <c r="H36" s="281">
        <v>0</v>
      </c>
      <c r="I36" s="281">
        <v>0</v>
      </c>
      <c r="J36" s="281">
        <v>0</v>
      </c>
      <c r="K36" s="281">
        <v>0</v>
      </c>
      <c r="L36" s="282">
        <v>0</v>
      </c>
      <c r="M36" s="283">
        <v>0</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19</v>
      </c>
      <c r="AD36" s="281">
        <v>4</v>
      </c>
      <c r="AE36" s="281">
        <v>5</v>
      </c>
      <c r="AF36" s="281">
        <v>0</v>
      </c>
      <c r="AG36" s="281">
        <v>0</v>
      </c>
      <c r="AH36" s="278">
        <v>28</v>
      </c>
      <c r="AI36" s="283">
        <v>28</v>
      </c>
      <c r="AJ36" s="277">
        <v>0</v>
      </c>
      <c r="AK36" s="281">
        <v>0</v>
      </c>
      <c r="AL36" s="278">
        <v>0</v>
      </c>
      <c r="AM36" s="280">
        <v>0</v>
      </c>
      <c r="AN36" s="281">
        <v>0</v>
      </c>
      <c r="AO36" s="281">
        <v>0</v>
      </c>
      <c r="AP36" s="281">
        <v>0</v>
      </c>
      <c r="AQ36" s="281">
        <v>1</v>
      </c>
      <c r="AR36" s="281">
        <v>0</v>
      </c>
      <c r="AS36" s="278">
        <v>1</v>
      </c>
      <c r="AT36" s="283">
        <v>1</v>
      </c>
      <c r="AU36" s="277">
        <v>1</v>
      </c>
      <c r="AV36" s="281">
        <v>2</v>
      </c>
      <c r="AW36" s="278">
        <v>3</v>
      </c>
      <c r="AX36" s="280">
        <v>0</v>
      </c>
      <c r="AY36" s="281">
        <v>7</v>
      </c>
      <c r="AZ36" s="281">
        <v>7</v>
      </c>
      <c r="BA36" s="281">
        <v>4</v>
      </c>
      <c r="BB36" s="281">
        <v>2</v>
      </c>
      <c r="BC36" s="281">
        <v>1</v>
      </c>
      <c r="BD36" s="278">
        <v>21</v>
      </c>
      <c r="BE36" s="283">
        <v>24</v>
      </c>
      <c r="BF36" s="277">
        <v>0</v>
      </c>
      <c r="BG36" s="281">
        <v>0</v>
      </c>
      <c r="BH36" s="278">
        <v>0</v>
      </c>
      <c r="BI36" s="280">
        <v>0</v>
      </c>
      <c r="BJ36" s="281">
        <v>2</v>
      </c>
      <c r="BK36" s="281">
        <v>3</v>
      </c>
      <c r="BL36" s="281">
        <v>2</v>
      </c>
      <c r="BM36" s="281">
        <v>2</v>
      </c>
      <c r="BN36" s="281">
        <v>4</v>
      </c>
      <c r="BO36" s="282">
        <v>13</v>
      </c>
      <c r="BP36" s="283">
        <v>13</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4</v>
      </c>
      <c r="CR36" s="281">
        <v>13</v>
      </c>
      <c r="CS36" s="281">
        <v>4</v>
      </c>
      <c r="CT36" s="281">
        <v>4</v>
      </c>
      <c r="CU36" s="281">
        <v>0</v>
      </c>
      <c r="CV36" s="278">
        <v>25</v>
      </c>
      <c r="CW36" s="283">
        <v>25</v>
      </c>
    </row>
    <row r="37" spans="2:101" ht="21" customHeight="1" x14ac:dyDescent="0.2">
      <c r="B37" s="262" t="s">
        <v>35</v>
      </c>
      <c r="C37" s="277">
        <v>0</v>
      </c>
      <c r="D37" s="278">
        <v>0</v>
      </c>
      <c r="E37" s="279">
        <v>0</v>
      </c>
      <c r="F37" s="280">
        <v>0</v>
      </c>
      <c r="G37" s="281">
        <v>0</v>
      </c>
      <c r="H37" s="281">
        <v>1</v>
      </c>
      <c r="I37" s="281">
        <v>1</v>
      </c>
      <c r="J37" s="281">
        <v>1</v>
      </c>
      <c r="K37" s="281">
        <v>0</v>
      </c>
      <c r="L37" s="282">
        <v>3</v>
      </c>
      <c r="M37" s="283">
        <v>3</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6</v>
      </c>
      <c r="AD37" s="281">
        <v>14</v>
      </c>
      <c r="AE37" s="281">
        <v>9</v>
      </c>
      <c r="AF37" s="281">
        <v>9</v>
      </c>
      <c r="AG37" s="281">
        <v>1</v>
      </c>
      <c r="AH37" s="278">
        <v>49</v>
      </c>
      <c r="AI37" s="283">
        <v>49</v>
      </c>
      <c r="AJ37" s="277">
        <v>0</v>
      </c>
      <c r="AK37" s="281">
        <v>0</v>
      </c>
      <c r="AL37" s="278">
        <v>0</v>
      </c>
      <c r="AM37" s="280">
        <v>0</v>
      </c>
      <c r="AN37" s="281">
        <v>0</v>
      </c>
      <c r="AO37" s="281">
        <v>0</v>
      </c>
      <c r="AP37" s="281">
        <v>0</v>
      </c>
      <c r="AQ37" s="281">
        <v>0</v>
      </c>
      <c r="AR37" s="281">
        <v>0</v>
      </c>
      <c r="AS37" s="278">
        <v>0</v>
      </c>
      <c r="AT37" s="283">
        <v>0</v>
      </c>
      <c r="AU37" s="277">
        <v>1</v>
      </c>
      <c r="AV37" s="281">
        <v>3</v>
      </c>
      <c r="AW37" s="278">
        <v>4</v>
      </c>
      <c r="AX37" s="280">
        <v>0</v>
      </c>
      <c r="AY37" s="281">
        <v>11</v>
      </c>
      <c r="AZ37" s="281">
        <v>11</v>
      </c>
      <c r="BA37" s="281">
        <v>9</v>
      </c>
      <c r="BB37" s="281">
        <v>1</v>
      </c>
      <c r="BC37" s="281">
        <v>3</v>
      </c>
      <c r="BD37" s="278">
        <v>35</v>
      </c>
      <c r="BE37" s="283">
        <v>39</v>
      </c>
      <c r="BF37" s="277">
        <v>0</v>
      </c>
      <c r="BG37" s="281">
        <v>0</v>
      </c>
      <c r="BH37" s="278">
        <v>0</v>
      </c>
      <c r="BI37" s="280">
        <v>0</v>
      </c>
      <c r="BJ37" s="281">
        <v>10</v>
      </c>
      <c r="BK37" s="281">
        <v>15</v>
      </c>
      <c r="BL37" s="281">
        <v>18</v>
      </c>
      <c r="BM37" s="281">
        <v>14</v>
      </c>
      <c r="BN37" s="281">
        <v>6</v>
      </c>
      <c r="BO37" s="282">
        <v>63</v>
      </c>
      <c r="BP37" s="283">
        <v>63</v>
      </c>
      <c r="BQ37" s="277">
        <v>0</v>
      </c>
      <c r="BR37" s="281">
        <v>0</v>
      </c>
      <c r="BS37" s="278">
        <v>0</v>
      </c>
      <c r="BT37" s="280">
        <v>0</v>
      </c>
      <c r="BU37" s="281">
        <v>0</v>
      </c>
      <c r="BV37" s="281">
        <v>0</v>
      </c>
      <c r="BW37" s="281">
        <v>0</v>
      </c>
      <c r="BX37" s="281">
        <v>0</v>
      </c>
      <c r="BY37" s="281">
        <v>0</v>
      </c>
      <c r="BZ37" s="278">
        <v>0</v>
      </c>
      <c r="CA37" s="283">
        <v>0</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row>
    <row r="38" spans="2:101" ht="21" customHeight="1" x14ac:dyDescent="0.2">
      <c r="B38" s="262" t="s">
        <v>36</v>
      </c>
      <c r="C38" s="277">
        <v>0</v>
      </c>
      <c r="D38" s="278">
        <v>0</v>
      </c>
      <c r="E38" s="279">
        <v>0</v>
      </c>
      <c r="F38" s="280">
        <v>0</v>
      </c>
      <c r="G38" s="281">
        <v>0</v>
      </c>
      <c r="H38" s="281">
        <v>0</v>
      </c>
      <c r="I38" s="281">
        <v>0</v>
      </c>
      <c r="J38" s="281">
        <v>0</v>
      </c>
      <c r="K38" s="281">
        <v>0</v>
      </c>
      <c r="L38" s="282">
        <v>0</v>
      </c>
      <c r="M38" s="283">
        <v>0</v>
      </c>
      <c r="N38" s="277">
        <v>0</v>
      </c>
      <c r="O38" s="281">
        <v>0</v>
      </c>
      <c r="P38" s="278">
        <v>0</v>
      </c>
      <c r="Q38" s="280">
        <v>0</v>
      </c>
      <c r="R38" s="281">
        <v>0</v>
      </c>
      <c r="S38" s="281">
        <v>0</v>
      </c>
      <c r="T38" s="281">
        <v>0</v>
      </c>
      <c r="U38" s="281">
        <v>0</v>
      </c>
      <c r="V38" s="281">
        <v>0</v>
      </c>
      <c r="W38" s="278">
        <v>0</v>
      </c>
      <c r="X38" s="283">
        <v>0</v>
      </c>
      <c r="Y38" s="277">
        <v>0</v>
      </c>
      <c r="Z38" s="281">
        <v>0</v>
      </c>
      <c r="AA38" s="278">
        <v>0</v>
      </c>
      <c r="AB38" s="280">
        <v>0</v>
      </c>
      <c r="AC38" s="281">
        <v>59</v>
      </c>
      <c r="AD38" s="281">
        <v>48</v>
      </c>
      <c r="AE38" s="281">
        <v>31</v>
      </c>
      <c r="AF38" s="281">
        <v>10</v>
      </c>
      <c r="AG38" s="281">
        <v>10</v>
      </c>
      <c r="AH38" s="278">
        <v>158</v>
      </c>
      <c r="AI38" s="283">
        <v>158</v>
      </c>
      <c r="AJ38" s="277">
        <v>0</v>
      </c>
      <c r="AK38" s="281">
        <v>0</v>
      </c>
      <c r="AL38" s="278">
        <v>0</v>
      </c>
      <c r="AM38" s="280">
        <v>0</v>
      </c>
      <c r="AN38" s="281">
        <v>0</v>
      </c>
      <c r="AO38" s="281">
        <v>0</v>
      </c>
      <c r="AP38" s="281">
        <v>0</v>
      </c>
      <c r="AQ38" s="281">
        <v>0</v>
      </c>
      <c r="AR38" s="281">
        <v>0</v>
      </c>
      <c r="AS38" s="278">
        <v>0</v>
      </c>
      <c r="AT38" s="283">
        <v>0</v>
      </c>
      <c r="AU38" s="277">
        <v>0</v>
      </c>
      <c r="AV38" s="281">
        <v>1</v>
      </c>
      <c r="AW38" s="278">
        <v>1</v>
      </c>
      <c r="AX38" s="280">
        <v>0</v>
      </c>
      <c r="AY38" s="281">
        <v>9</v>
      </c>
      <c r="AZ38" s="281">
        <v>9</v>
      </c>
      <c r="BA38" s="281">
        <v>6</v>
      </c>
      <c r="BB38" s="281">
        <v>2</v>
      </c>
      <c r="BC38" s="281">
        <v>1</v>
      </c>
      <c r="BD38" s="278">
        <v>27</v>
      </c>
      <c r="BE38" s="283">
        <v>28</v>
      </c>
      <c r="BF38" s="277">
        <v>0</v>
      </c>
      <c r="BG38" s="281">
        <v>0</v>
      </c>
      <c r="BH38" s="278">
        <v>0</v>
      </c>
      <c r="BI38" s="280">
        <v>0</v>
      </c>
      <c r="BJ38" s="281">
        <v>5</v>
      </c>
      <c r="BK38" s="281">
        <v>6</v>
      </c>
      <c r="BL38" s="281">
        <v>14</v>
      </c>
      <c r="BM38" s="281">
        <v>10</v>
      </c>
      <c r="BN38" s="281">
        <v>1</v>
      </c>
      <c r="BO38" s="282">
        <v>36</v>
      </c>
      <c r="BP38" s="283">
        <v>36</v>
      </c>
      <c r="BQ38" s="277">
        <v>0</v>
      </c>
      <c r="BR38" s="281">
        <v>0</v>
      </c>
      <c r="BS38" s="278">
        <v>0</v>
      </c>
      <c r="BT38" s="280">
        <v>0</v>
      </c>
      <c r="BU38" s="281">
        <v>0</v>
      </c>
      <c r="BV38" s="281">
        <v>0</v>
      </c>
      <c r="BW38" s="281">
        <v>0</v>
      </c>
      <c r="BX38" s="281">
        <v>0</v>
      </c>
      <c r="BY38" s="281">
        <v>0</v>
      </c>
      <c r="BZ38" s="278">
        <v>0</v>
      </c>
      <c r="CA38" s="283">
        <v>0</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row>
    <row r="39" spans="2:101" ht="21" customHeight="1" thickBot="1" x14ac:dyDescent="0.25">
      <c r="B39" s="263" t="s">
        <v>37</v>
      </c>
      <c r="C39" s="284">
        <v>0</v>
      </c>
      <c r="D39" s="285">
        <v>0</v>
      </c>
      <c r="E39" s="286">
        <v>0</v>
      </c>
      <c r="F39" s="287">
        <v>0</v>
      </c>
      <c r="G39" s="288">
        <v>0</v>
      </c>
      <c r="H39" s="288">
        <v>0</v>
      </c>
      <c r="I39" s="288">
        <v>1</v>
      </c>
      <c r="J39" s="288">
        <v>0</v>
      </c>
      <c r="K39" s="288">
        <v>0</v>
      </c>
      <c r="L39" s="289">
        <v>1</v>
      </c>
      <c r="M39" s="290">
        <v>1</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18</v>
      </c>
      <c r="AD39" s="288">
        <v>8</v>
      </c>
      <c r="AE39" s="288">
        <v>6</v>
      </c>
      <c r="AF39" s="288">
        <v>0</v>
      </c>
      <c r="AG39" s="288">
        <v>2</v>
      </c>
      <c r="AH39" s="285">
        <v>34</v>
      </c>
      <c r="AI39" s="290">
        <v>34</v>
      </c>
      <c r="AJ39" s="284">
        <v>0</v>
      </c>
      <c r="AK39" s="288">
        <v>0</v>
      </c>
      <c r="AL39" s="285">
        <v>0</v>
      </c>
      <c r="AM39" s="287">
        <v>0</v>
      </c>
      <c r="AN39" s="288">
        <v>1</v>
      </c>
      <c r="AO39" s="288">
        <v>0</v>
      </c>
      <c r="AP39" s="288">
        <v>1</v>
      </c>
      <c r="AQ39" s="288">
        <v>0</v>
      </c>
      <c r="AR39" s="288">
        <v>1</v>
      </c>
      <c r="AS39" s="285">
        <v>3</v>
      </c>
      <c r="AT39" s="290">
        <v>3</v>
      </c>
      <c r="AU39" s="284">
        <v>0</v>
      </c>
      <c r="AV39" s="288">
        <v>0</v>
      </c>
      <c r="AW39" s="285">
        <v>0</v>
      </c>
      <c r="AX39" s="287">
        <v>0</v>
      </c>
      <c r="AY39" s="288">
        <v>0</v>
      </c>
      <c r="AZ39" s="288">
        <v>0</v>
      </c>
      <c r="BA39" s="288">
        <v>0</v>
      </c>
      <c r="BB39" s="288">
        <v>0</v>
      </c>
      <c r="BC39" s="288">
        <v>0</v>
      </c>
      <c r="BD39" s="285">
        <v>0</v>
      </c>
      <c r="BE39" s="290">
        <v>0</v>
      </c>
      <c r="BF39" s="284">
        <v>0</v>
      </c>
      <c r="BG39" s="288">
        <v>0</v>
      </c>
      <c r="BH39" s="285">
        <v>0</v>
      </c>
      <c r="BI39" s="287">
        <v>0</v>
      </c>
      <c r="BJ39" s="288">
        <v>2</v>
      </c>
      <c r="BK39" s="288">
        <v>1</v>
      </c>
      <c r="BL39" s="288">
        <v>3</v>
      </c>
      <c r="BM39" s="288">
        <v>0</v>
      </c>
      <c r="BN39" s="288">
        <v>0</v>
      </c>
      <c r="BO39" s="289">
        <v>6</v>
      </c>
      <c r="BP39" s="290">
        <v>6</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8.44140625" style="256" customWidth="1"/>
    <col min="8" max="8" width="8.77734375" style="256" customWidth="1"/>
    <col min="9" max="16" width="9" style="256"/>
    <col min="17" max="17" width="7.21875" style="256" customWidth="1"/>
    <col min="18" max="27" width="9" style="256"/>
    <col min="28" max="28" width="7.6640625" style="256" customWidth="1"/>
    <col min="29" max="38" width="9" style="256"/>
    <col min="39" max="39" width="8.5546875" style="256" customWidth="1"/>
    <col min="40" max="49" width="9" style="256"/>
    <col min="50" max="50" width="7.6640625" style="256" customWidth="1"/>
    <col min="51" max="60" width="9" style="256"/>
    <col min="61" max="61" width="7.21875" style="256" customWidth="1"/>
    <col min="62" max="71" width="9" style="256"/>
    <col min="72" max="72" width="7.21875" style="256" customWidth="1"/>
    <col min="73" max="82" width="9" style="256"/>
    <col min="83" max="83" width="7.33203125" style="256" customWidth="1"/>
    <col min="84" max="93" width="9" style="256"/>
    <col min="94" max="94" width="7.44140625" style="256" customWidth="1"/>
    <col min="95" max="16384" width="9" style="256"/>
  </cols>
  <sheetData>
    <row r="1" spans="1:101" ht="24" customHeight="1" x14ac:dyDescent="0.2">
      <c r="B1" s="291" t="s">
        <v>124</v>
      </c>
      <c r="I1" s="528">
        <f>第１表!F2</f>
        <v>4</v>
      </c>
      <c r="J1" s="528"/>
      <c r="K1" s="248">
        <f>第１表!G2</f>
        <v>7</v>
      </c>
      <c r="L1" s="529">
        <f>IF(K1&lt;3,K1+12-2,K1-2)</f>
        <v>5</v>
      </c>
      <c r="M1" s="529"/>
    </row>
    <row r="2" spans="1:101" s="292" customFormat="1" ht="24" customHeight="1" thickBot="1" x14ac:dyDescent="0.25">
      <c r="A2" s="44"/>
      <c r="B2" s="291" t="s">
        <v>131</v>
      </c>
    </row>
    <row r="3" spans="1:101" ht="23.25" customHeight="1" thickBot="1" x14ac:dyDescent="0.25">
      <c r="B3" s="542"/>
      <c r="C3" s="533" t="s">
        <v>94</v>
      </c>
      <c r="D3" s="534"/>
      <c r="E3" s="534"/>
      <c r="F3" s="534"/>
      <c r="G3" s="534"/>
      <c r="H3" s="534"/>
      <c r="I3" s="534"/>
      <c r="J3" s="534"/>
      <c r="K3" s="534"/>
      <c r="L3" s="534"/>
      <c r="M3" s="535"/>
      <c r="N3" s="533" t="s">
        <v>88</v>
      </c>
      <c r="O3" s="534"/>
      <c r="P3" s="534"/>
      <c r="Q3" s="534"/>
      <c r="R3" s="534"/>
      <c r="S3" s="534"/>
      <c r="T3" s="534"/>
      <c r="U3" s="534"/>
      <c r="V3" s="534"/>
      <c r="W3" s="534"/>
      <c r="X3" s="535"/>
      <c r="Y3" s="533" t="s">
        <v>142</v>
      </c>
      <c r="Z3" s="534"/>
      <c r="AA3" s="534"/>
      <c r="AB3" s="534"/>
      <c r="AC3" s="534"/>
      <c r="AD3" s="534"/>
      <c r="AE3" s="534"/>
      <c r="AF3" s="534"/>
      <c r="AG3" s="534"/>
      <c r="AH3" s="534"/>
      <c r="AI3" s="535"/>
      <c r="AJ3" s="533" t="s">
        <v>90</v>
      </c>
      <c r="AK3" s="534"/>
      <c r="AL3" s="534"/>
      <c r="AM3" s="534"/>
      <c r="AN3" s="534"/>
      <c r="AO3" s="534"/>
      <c r="AP3" s="534"/>
      <c r="AQ3" s="534"/>
      <c r="AR3" s="534"/>
      <c r="AS3" s="534"/>
      <c r="AT3" s="535"/>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64" t="s">
        <v>61</v>
      </c>
      <c r="AV4" s="562"/>
      <c r="AW4" s="563"/>
      <c r="AX4" s="561" t="s">
        <v>62</v>
      </c>
      <c r="AY4" s="562"/>
      <c r="AZ4" s="562"/>
      <c r="BA4" s="562"/>
      <c r="BB4" s="562"/>
      <c r="BC4" s="562"/>
      <c r="BD4" s="563"/>
      <c r="BE4" s="559" t="s">
        <v>52</v>
      </c>
      <c r="BF4" s="564" t="s">
        <v>61</v>
      </c>
      <c r="BG4" s="562"/>
      <c r="BH4" s="563"/>
      <c r="BI4" s="561" t="s">
        <v>62</v>
      </c>
      <c r="BJ4" s="562"/>
      <c r="BK4" s="562"/>
      <c r="BL4" s="562"/>
      <c r="BM4" s="562"/>
      <c r="BN4" s="562"/>
      <c r="BO4" s="563"/>
      <c r="BP4" s="559" t="s">
        <v>52</v>
      </c>
      <c r="BQ4" s="564" t="s">
        <v>61</v>
      </c>
      <c r="BR4" s="562"/>
      <c r="BS4" s="563"/>
      <c r="BT4" s="561" t="s">
        <v>62</v>
      </c>
      <c r="BU4" s="562"/>
      <c r="BV4" s="562"/>
      <c r="BW4" s="562"/>
      <c r="BX4" s="562"/>
      <c r="BY4" s="562"/>
      <c r="BZ4" s="563"/>
      <c r="CA4" s="559" t="s">
        <v>52</v>
      </c>
      <c r="CB4" s="564" t="s">
        <v>61</v>
      </c>
      <c r="CC4" s="562"/>
      <c r="CD4" s="563"/>
      <c r="CE4" s="561" t="s">
        <v>62</v>
      </c>
      <c r="CF4" s="562"/>
      <c r="CG4" s="562"/>
      <c r="CH4" s="562"/>
      <c r="CI4" s="562"/>
      <c r="CJ4" s="562"/>
      <c r="CK4" s="563"/>
      <c r="CL4" s="559" t="s">
        <v>52</v>
      </c>
      <c r="CM4" s="564" t="s">
        <v>61</v>
      </c>
      <c r="CN4" s="562"/>
      <c r="CO4" s="563"/>
      <c r="CP4" s="561" t="s">
        <v>62</v>
      </c>
      <c r="CQ4" s="562"/>
      <c r="CR4" s="562"/>
      <c r="CS4" s="562"/>
      <c r="CT4" s="562"/>
      <c r="CU4" s="562"/>
      <c r="CV4" s="563"/>
      <c r="CW4" s="559" t="s">
        <v>52</v>
      </c>
    </row>
    <row r="5" spans="1:101" ht="34.5" customHeight="1" thickBot="1" x14ac:dyDescent="0.25">
      <c r="B5" s="544"/>
      <c r="C5" s="324" t="s">
        <v>43</v>
      </c>
      <c r="D5" s="266" t="s">
        <v>44</v>
      </c>
      <c r="E5" s="267" t="s">
        <v>45</v>
      </c>
      <c r="F5" s="268" t="s">
        <v>83</v>
      </c>
      <c r="G5" s="260" t="s">
        <v>47</v>
      </c>
      <c r="H5" s="260" t="s">
        <v>48</v>
      </c>
      <c r="I5" s="260" t="s">
        <v>49</v>
      </c>
      <c r="J5" s="260" t="s">
        <v>50</v>
      </c>
      <c r="K5" s="260" t="s">
        <v>51</v>
      </c>
      <c r="L5" s="269" t="s">
        <v>45</v>
      </c>
      <c r="M5" s="540"/>
      <c r="N5" s="324" t="s">
        <v>43</v>
      </c>
      <c r="O5" s="260" t="s">
        <v>44</v>
      </c>
      <c r="P5" s="266" t="s">
        <v>45</v>
      </c>
      <c r="Q5" s="268" t="s">
        <v>83</v>
      </c>
      <c r="R5" s="260" t="s">
        <v>47</v>
      </c>
      <c r="S5" s="260" t="s">
        <v>48</v>
      </c>
      <c r="T5" s="260" t="s">
        <v>49</v>
      </c>
      <c r="U5" s="260" t="s">
        <v>50</v>
      </c>
      <c r="V5" s="260" t="s">
        <v>51</v>
      </c>
      <c r="W5" s="266" t="s">
        <v>45</v>
      </c>
      <c r="X5" s="540"/>
      <c r="Y5" s="324" t="s">
        <v>43</v>
      </c>
      <c r="Z5" s="260" t="s">
        <v>44</v>
      </c>
      <c r="AA5" s="266" t="s">
        <v>45</v>
      </c>
      <c r="AB5" s="268" t="s">
        <v>83</v>
      </c>
      <c r="AC5" s="260" t="s">
        <v>47</v>
      </c>
      <c r="AD5" s="260" t="s">
        <v>48</v>
      </c>
      <c r="AE5" s="260" t="s">
        <v>49</v>
      </c>
      <c r="AF5" s="260" t="s">
        <v>50</v>
      </c>
      <c r="AG5" s="260" t="s">
        <v>51</v>
      </c>
      <c r="AH5" s="266" t="s">
        <v>45</v>
      </c>
      <c r="AI5" s="540"/>
      <c r="AJ5" s="341" t="s">
        <v>43</v>
      </c>
      <c r="AK5" s="260" t="s">
        <v>44</v>
      </c>
      <c r="AL5" s="266" t="s">
        <v>45</v>
      </c>
      <c r="AM5" s="268" t="s">
        <v>83</v>
      </c>
      <c r="AN5" s="260" t="s">
        <v>47</v>
      </c>
      <c r="AO5" s="260" t="s">
        <v>48</v>
      </c>
      <c r="AP5" s="260" t="s">
        <v>49</v>
      </c>
      <c r="AQ5" s="260" t="s">
        <v>50</v>
      </c>
      <c r="AR5" s="260" t="s">
        <v>51</v>
      </c>
      <c r="AS5" s="266" t="s">
        <v>45</v>
      </c>
      <c r="AT5" s="540"/>
      <c r="AU5" s="341" t="s">
        <v>43</v>
      </c>
      <c r="AV5" s="260" t="s">
        <v>44</v>
      </c>
      <c r="AW5" s="266" t="s">
        <v>45</v>
      </c>
      <c r="AX5" s="268" t="s">
        <v>83</v>
      </c>
      <c r="AY5" s="260" t="s">
        <v>47</v>
      </c>
      <c r="AZ5" s="260" t="s">
        <v>48</v>
      </c>
      <c r="BA5" s="260" t="s">
        <v>49</v>
      </c>
      <c r="BB5" s="260" t="s">
        <v>50</v>
      </c>
      <c r="BC5" s="260" t="s">
        <v>51</v>
      </c>
      <c r="BD5" s="266" t="s">
        <v>45</v>
      </c>
      <c r="BE5" s="560"/>
      <c r="BF5" s="341" t="s">
        <v>43</v>
      </c>
      <c r="BG5" s="260" t="s">
        <v>44</v>
      </c>
      <c r="BH5" s="266" t="s">
        <v>45</v>
      </c>
      <c r="BI5" s="268" t="s">
        <v>83</v>
      </c>
      <c r="BJ5" s="260" t="s">
        <v>47</v>
      </c>
      <c r="BK5" s="260" t="s">
        <v>48</v>
      </c>
      <c r="BL5" s="260" t="s">
        <v>49</v>
      </c>
      <c r="BM5" s="260" t="s">
        <v>50</v>
      </c>
      <c r="BN5" s="260" t="s">
        <v>51</v>
      </c>
      <c r="BO5" s="266" t="s">
        <v>45</v>
      </c>
      <c r="BP5" s="560"/>
      <c r="BQ5" s="341" t="s">
        <v>43</v>
      </c>
      <c r="BR5" s="260" t="s">
        <v>44</v>
      </c>
      <c r="BS5" s="266" t="s">
        <v>45</v>
      </c>
      <c r="BT5" s="268" t="s">
        <v>83</v>
      </c>
      <c r="BU5" s="260" t="s">
        <v>47</v>
      </c>
      <c r="BV5" s="260" t="s">
        <v>48</v>
      </c>
      <c r="BW5" s="260" t="s">
        <v>49</v>
      </c>
      <c r="BX5" s="260" t="s">
        <v>50</v>
      </c>
      <c r="BY5" s="260" t="s">
        <v>51</v>
      </c>
      <c r="BZ5" s="266" t="s">
        <v>45</v>
      </c>
      <c r="CA5" s="560"/>
      <c r="CB5" s="341" t="s">
        <v>43</v>
      </c>
      <c r="CC5" s="260" t="s">
        <v>44</v>
      </c>
      <c r="CD5" s="266" t="s">
        <v>45</v>
      </c>
      <c r="CE5" s="268" t="s">
        <v>83</v>
      </c>
      <c r="CF5" s="260" t="s">
        <v>47</v>
      </c>
      <c r="CG5" s="260" t="s">
        <v>48</v>
      </c>
      <c r="CH5" s="260" t="s">
        <v>49</v>
      </c>
      <c r="CI5" s="260" t="s">
        <v>50</v>
      </c>
      <c r="CJ5" s="260" t="s">
        <v>51</v>
      </c>
      <c r="CK5" s="266" t="s">
        <v>45</v>
      </c>
      <c r="CL5" s="560"/>
      <c r="CM5" s="341" t="s">
        <v>43</v>
      </c>
      <c r="CN5" s="260" t="s">
        <v>44</v>
      </c>
      <c r="CO5" s="266" t="s">
        <v>45</v>
      </c>
      <c r="CP5" s="268" t="s">
        <v>83</v>
      </c>
      <c r="CQ5" s="260" t="s">
        <v>47</v>
      </c>
      <c r="CR5" s="260" t="s">
        <v>48</v>
      </c>
      <c r="CS5" s="260" t="s">
        <v>49</v>
      </c>
      <c r="CT5" s="260" t="s">
        <v>50</v>
      </c>
      <c r="CU5" s="260" t="s">
        <v>51</v>
      </c>
      <c r="CV5" s="266" t="s">
        <v>45</v>
      </c>
      <c r="CW5" s="560"/>
    </row>
    <row r="6" spans="1:101" ht="21" customHeight="1" x14ac:dyDescent="0.2">
      <c r="B6" s="261" t="s">
        <v>4</v>
      </c>
      <c r="C6" s="270">
        <v>0</v>
      </c>
      <c r="D6" s="271">
        <v>0</v>
      </c>
      <c r="E6" s="272">
        <v>0</v>
      </c>
      <c r="F6" s="273">
        <v>0</v>
      </c>
      <c r="G6" s="274">
        <v>18</v>
      </c>
      <c r="H6" s="274">
        <v>28</v>
      </c>
      <c r="I6" s="274">
        <v>23</v>
      </c>
      <c r="J6" s="274">
        <v>27</v>
      </c>
      <c r="K6" s="274">
        <v>20</v>
      </c>
      <c r="L6" s="275">
        <v>116</v>
      </c>
      <c r="M6" s="276">
        <v>116</v>
      </c>
      <c r="N6" s="270">
        <v>0</v>
      </c>
      <c r="O6" s="274">
        <v>0</v>
      </c>
      <c r="P6" s="271">
        <v>0</v>
      </c>
      <c r="Q6" s="273">
        <v>0</v>
      </c>
      <c r="R6" s="274">
        <v>16</v>
      </c>
      <c r="S6" s="274">
        <v>38</v>
      </c>
      <c r="T6" s="274">
        <v>38</v>
      </c>
      <c r="U6" s="274">
        <v>28</v>
      </c>
      <c r="V6" s="274">
        <v>29</v>
      </c>
      <c r="W6" s="271">
        <v>149</v>
      </c>
      <c r="X6" s="276">
        <v>149</v>
      </c>
      <c r="Y6" s="270">
        <v>0</v>
      </c>
      <c r="Z6" s="274">
        <v>0</v>
      </c>
      <c r="AA6" s="271">
        <v>0</v>
      </c>
      <c r="AB6" s="273">
        <v>0</v>
      </c>
      <c r="AC6" s="274">
        <v>966</v>
      </c>
      <c r="AD6" s="274">
        <v>760</v>
      </c>
      <c r="AE6" s="274">
        <v>377</v>
      </c>
      <c r="AF6" s="274">
        <v>174</v>
      </c>
      <c r="AG6" s="274">
        <v>66</v>
      </c>
      <c r="AH6" s="271">
        <v>2343</v>
      </c>
      <c r="AI6" s="276">
        <v>2343</v>
      </c>
      <c r="AJ6" s="270">
        <v>1</v>
      </c>
      <c r="AK6" s="274">
        <v>1</v>
      </c>
      <c r="AL6" s="271">
        <v>2</v>
      </c>
      <c r="AM6" s="273">
        <v>0</v>
      </c>
      <c r="AN6" s="274">
        <v>77</v>
      </c>
      <c r="AO6" s="274">
        <v>74</v>
      </c>
      <c r="AP6" s="274">
        <v>74</v>
      </c>
      <c r="AQ6" s="274">
        <v>36</v>
      </c>
      <c r="AR6" s="274">
        <v>22</v>
      </c>
      <c r="AS6" s="271">
        <v>283</v>
      </c>
      <c r="AT6" s="276">
        <v>285</v>
      </c>
      <c r="AU6" s="270">
        <v>15</v>
      </c>
      <c r="AV6" s="274">
        <v>10</v>
      </c>
      <c r="AW6" s="271">
        <v>25</v>
      </c>
      <c r="AX6" s="273">
        <v>0</v>
      </c>
      <c r="AY6" s="274">
        <v>95</v>
      </c>
      <c r="AZ6" s="274">
        <v>81</v>
      </c>
      <c r="BA6" s="274">
        <v>73</v>
      </c>
      <c r="BB6" s="274">
        <v>56</v>
      </c>
      <c r="BC6" s="274">
        <v>18</v>
      </c>
      <c r="BD6" s="271">
        <v>323</v>
      </c>
      <c r="BE6" s="276">
        <v>348</v>
      </c>
      <c r="BF6" s="270">
        <v>0</v>
      </c>
      <c r="BG6" s="274">
        <v>0</v>
      </c>
      <c r="BH6" s="271">
        <v>0</v>
      </c>
      <c r="BI6" s="273">
        <v>0</v>
      </c>
      <c r="BJ6" s="274">
        <v>109</v>
      </c>
      <c r="BK6" s="274">
        <v>151</v>
      </c>
      <c r="BL6" s="274">
        <v>169</v>
      </c>
      <c r="BM6" s="274">
        <v>117</v>
      </c>
      <c r="BN6" s="274">
        <v>46</v>
      </c>
      <c r="BO6" s="275">
        <v>592</v>
      </c>
      <c r="BP6" s="276">
        <v>592</v>
      </c>
      <c r="BQ6" s="270">
        <v>0</v>
      </c>
      <c r="BR6" s="274">
        <v>0</v>
      </c>
      <c r="BS6" s="271">
        <v>0</v>
      </c>
      <c r="BT6" s="273">
        <v>0</v>
      </c>
      <c r="BU6" s="274">
        <v>2</v>
      </c>
      <c r="BV6" s="274">
        <v>6</v>
      </c>
      <c r="BW6" s="274">
        <v>4</v>
      </c>
      <c r="BX6" s="274">
        <v>11</v>
      </c>
      <c r="BY6" s="274">
        <v>3</v>
      </c>
      <c r="BZ6" s="271">
        <v>26</v>
      </c>
      <c r="CA6" s="276">
        <v>26</v>
      </c>
      <c r="CB6" s="270">
        <v>0</v>
      </c>
      <c r="CC6" s="274">
        <v>0</v>
      </c>
      <c r="CD6" s="271">
        <v>0</v>
      </c>
      <c r="CE6" s="273">
        <v>0</v>
      </c>
      <c r="CF6" s="274">
        <v>0</v>
      </c>
      <c r="CG6" s="274">
        <v>1</v>
      </c>
      <c r="CH6" s="274">
        <v>18</v>
      </c>
      <c r="CI6" s="274">
        <v>14</v>
      </c>
      <c r="CJ6" s="274">
        <v>9</v>
      </c>
      <c r="CK6" s="271">
        <v>42</v>
      </c>
      <c r="CL6" s="276">
        <v>42</v>
      </c>
      <c r="CM6" s="270">
        <v>0</v>
      </c>
      <c r="CN6" s="274">
        <v>0</v>
      </c>
      <c r="CO6" s="271">
        <v>0</v>
      </c>
      <c r="CP6" s="273">
        <v>0</v>
      </c>
      <c r="CQ6" s="274">
        <v>19</v>
      </c>
      <c r="CR6" s="274">
        <v>16</v>
      </c>
      <c r="CS6" s="274">
        <v>20</v>
      </c>
      <c r="CT6" s="274">
        <v>20</v>
      </c>
      <c r="CU6" s="274">
        <v>33</v>
      </c>
      <c r="CV6" s="271">
        <v>108</v>
      </c>
      <c r="CW6" s="276">
        <v>108</v>
      </c>
    </row>
    <row r="7" spans="1:101" ht="21" customHeight="1" x14ac:dyDescent="0.2">
      <c r="B7" s="262" t="s">
        <v>5</v>
      </c>
      <c r="C7" s="277">
        <v>0</v>
      </c>
      <c r="D7" s="278">
        <v>0</v>
      </c>
      <c r="E7" s="279">
        <v>0</v>
      </c>
      <c r="F7" s="280">
        <v>0</v>
      </c>
      <c r="G7" s="281">
        <v>4</v>
      </c>
      <c r="H7" s="281">
        <v>13</v>
      </c>
      <c r="I7" s="281">
        <v>11</v>
      </c>
      <c r="J7" s="281">
        <v>9</v>
      </c>
      <c r="K7" s="281">
        <v>11</v>
      </c>
      <c r="L7" s="282">
        <v>48</v>
      </c>
      <c r="M7" s="283">
        <v>48</v>
      </c>
      <c r="N7" s="277">
        <v>0</v>
      </c>
      <c r="O7" s="281">
        <v>0</v>
      </c>
      <c r="P7" s="278">
        <v>0</v>
      </c>
      <c r="Q7" s="280">
        <v>0</v>
      </c>
      <c r="R7" s="281">
        <v>9</v>
      </c>
      <c r="S7" s="281">
        <v>27</v>
      </c>
      <c r="T7" s="281">
        <v>29</v>
      </c>
      <c r="U7" s="281">
        <v>21</v>
      </c>
      <c r="V7" s="281">
        <v>22</v>
      </c>
      <c r="W7" s="278">
        <v>108</v>
      </c>
      <c r="X7" s="283">
        <v>108</v>
      </c>
      <c r="Y7" s="277">
        <v>0</v>
      </c>
      <c r="Z7" s="281">
        <v>0</v>
      </c>
      <c r="AA7" s="278">
        <v>0</v>
      </c>
      <c r="AB7" s="280">
        <v>0</v>
      </c>
      <c r="AC7" s="281">
        <v>370</v>
      </c>
      <c r="AD7" s="281">
        <v>366</v>
      </c>
      <c r="AE7" s="281">
        <v>193</v>
      </c>
      <c r="AF7" s="281">
        <v>86</v>
      </c>
      <c r="AG7" s="281">
        <v>31</v>
      </c>
      <c r="AH7" s="278">
        <v>1046</v>
      </c>
      <c r="AI7" s="283">
        <v>1046</v>
      </c>
      <c r="AJ7" s="277">
        <v>0</v>
      </c>
      <c r="AK7" s="281">
        <v>1</v>
      </c>
      <c r="AL7" s="278">
        <v>1</v>
      </c>
      <c r="AM7" s="280">
        <v>0</v>
      </c>
      <c r="AN7" s="281">
        <v>36</v>
      </c>
      <c r="AO7" s="281">
        <v>37</v>
      </c>
      <c r="AP7" s="281">
        <v>39</v>
      </c>
      <c r="AQ7" s="281">
        <v>23</v>
      </c>
      <c r="AR7" s="281">
        <v>12</v>
      </c>
      <c r="AS7" s="278">
        <v>147</v>
      </c>
      <c r="AT7" s="283">
        <v>148</v>
      </c>
      <c r="AU7" s="277">
        <v>6</v>
      </c>
      <c r="AV7" s="281">
        <v>7</v>
      </c>
      <c r="AW7" s="278">
        <v>13</v>
      </c>
      <c r="AX7" s="280">
        <v>0</v>
      </c>
      <c r="AY7" s="281">
        <v>31</v>
      </c>
      <c r="AZ7" s="281">
        <v>29</v>
      </c>
      <c r="BA7" s="281">
        <v>27</v>
      </c>
      <c r="BB7" s="281">
        <v>21</v>
      </c>
      <c r="BC7" s="281">
        <v>7</v>
      </c>
      <c r="BD7" s="278">
        <v>115</v>
      </c>
      <c r="BE7" s="283">
        <v>128</v>
      </c>
      <c r="BF7" s="277">
        <v>0</v>
      </c>
      <c r="BG7" s="281">
        <v>0</v>
      </c>
      <c r="BH7" s="278">
        <v>0</v>
      </c>
      <c r="BI7" s="280">
        <v>0</v>
      </c>
      <c r="BJ7" s="281">
        <v>37</v>
      </c>
      <c r="BK7" s="281">
        <v>64</v>
      </c>
      <c r="BL7" s="281">
        <v>68</v>
      </c>
      <c r="BM7" s="281">
        <v>41</v>
      </c>
      <c r="BN7" s="281">
        <v>13</v>
      </c>
      <c r="BO7" s="282">
        <v>223</v>
      </c>
      <c r="BP7" s="283">
        <v>223</v>
      </c>
      <c r="BQ7" s="277">
        <v>0</v>
      </c>
      <c r="BR7" s="281">
        <v>0</v>
      </c>
      <c r="BS7" s="278">
        <v>0</v>
      </c>
      <c r="BT7" s="280">
        <v>0</v>
      </c>
      <c r="BU7" s="281">
        <v>0</v>
      </c>
      <c r="BV7" s="281">
        <v>0</v>
      </c>
      <c r="BW7" s="281">
        <v>0</v>
      </c>
      <c r="BX7" s="281">
        <v>0</v>
      </c>
      <c r="BY7" s="281">
        <v>0</v>
      </c>
      <c r="BZ7" s="278">
        <v>0</v>
      </c>
      <c r="CA7" s="283">
        <v>0</v>
      </c>
      <c r="CB7" s="277">
        <v>0</v>
      </c>
      <c r="CC7" s="281">
        <v>0</v>
      </c>
      <c r="CD7" s="278">
        <v>0</v>
      </c>
      <c r="CE7" s="280">
        <v>0</v>
      </c>
      <c r="CF7" s="281">
        <v>0</v>
      </c>
      <c r="CG7" s="281">
        <v>1</v>
      </c>
      <c r="CH7" s="281">
        <v>3</v>
      </c>
      <c r="CI7" s="281">
        <v>2</v>
      </c>
      <c r="CJ7" s="281">
        <v>2</v>
      </c>
      <c r="CK7" s="278">
        <v>8</v>
      </c>
      <c r="CL7" s="283">
        <v>8</v>
      </c>
      <c r="CM7" s="277">
        <v>0</v>
      </c>
      <c r="CN7" s="281">
        <v>0</v>
      </c>
      <c r="CO7" s="278">
        <v>0</v>
      </c>
      <c r="CP7" s="280">
        <v>0</v>
      </c>
      <c r="CQ7" s="281">
        <v>6</v>
      </c>
      <c r="CR7" s="281">
        <v>5</v>
      </c>
      <c r="CS7" s="281">
        <v>1</v>
      </c>
      <c r="CT7" s="281">
        <v>3</v>
      </c>
      <c r="CU7" s="281">
        <v>22</v>
      </c>
      <c r="CV7" s="278">
        <v>37</v>
      </c>
      <c r="CW7" s="283">
        <v>37</v>
      </c>
    </row>
    <row r="8" spans="1:101" ht="21" customHeight="1" x14ac:dyDescent="0.2">
      <c r="B8" s="262" t="s">
        <v>6</v>
      </c>
      <c r="C8" s="277">
        <v>0</v>
      </c>
      <c r="D8" s="278">
        <v>0</v>
      </c>
      <c r="E8" s="279">
        <v>0</v>
      </c>
      <c r="F8" s="280">
        <v>0</v>
      </c>
      <c r="G8" s="281">
        <v>4</v>
      </c>
      <c r="H8" s="281">
        <v>6</v>
      </c>
      <c r="I8" s="281">
        <v>6</v>
      </c>
      <c r="J8" s="281">
        <v>14</v>
      </c>
      <c r="K8" s="281">
        <v>5</v>
      </c>
      <c r="L8" s="282">
        <v>35</v>
      </c>
      <c r="M8" s="283">
        <v>35</v>
      </c>
      <c r="N8" s="277">
        <v>0</v>
      </c>
      <c r="O8" s="281">
        <v>0</v>
      </c>
      <c r="P8" s="278">
        <v>0</v>
      </c>
      <c r="Q8" s="280">
        <v>0</v>
      </c>
      <c r="R8" s="281">
        <v>5</v>
      </c>
      <c r="S8" s="281">
        <v>9</v>
      </c>
      <c r="T8" s="281">
        <v>7</v>
      </c>
      <c r="U8" s="281">
        <v>7</v>
      </c>
      <c r="V8" s="281">
        <v>6</v>
      </c>
      <c r="W8" s="278">
        <v>34</v>
      </c>
      <c r="X8" s="283">
        <v>34</v>
      </c>
      <c r="Y8" s="277">
        <v>0</v>
      </c>
      <c r="Z8" s="281">
        <v>0</v>
      </c>
      <c r="AA8" s="278">
        <v>0</v>
      </c>
      <c r="AB8" s="280">
        <v>0</v>
      </c>
      <c r="AC8" s="281">
        <v>112</v>
      </c>
      <c r="AD8" s="281">
        <v>69</v>
      </c>
      <c r="AE8" s="281">
        <v>43</v>
      </c>
      <c r="AF8" s="281">
        <v>26</v>
      </c>
      <c r="AG8" s="281">
        <v>6</v>
      </c>
      <c r="AH8" s="278">
        <v>256</v>
      </c>
      <c r="AI8" s="283">
        <v>256</v>
      </c>
      <c r="AJ8" s="277">
        <v>0</v>
      </c>
      <c r="AK8" s="281">
        <v>0</v>
      </c>
      <c r="AL8" s="278">
        <v>0</v>
      </c>
      <c r="AM8" s="280">
        <v>0</v>
      </c>
      <c r="AN8" s="281">
        <v>16</v>
      </c>
      <c r="AO8" s="281">
        <v>12</v>
      </c>
      <c r="AP8" s="281">
        <v>13</v>
      </c>
      <c r="AQ8" s="281">
        <v>4</v>
      </c>
      <c r="AR8" s="281">
        <v>3</v>
      </c>
      <c r="AS8" s="278">
        <v>48</v>
      </c>
      <c r="AT8" s="283">
        <v>48</v>
      </c>
      <c r="AU8" s="277">
        <v>1</v>
      </c>
      <c r="AV8" s="281">
        <v>1</v>
      </c>
      <c r="AW8" s="278">
        <v>2</v>
      </c>
      <c r="AX8" s="280">
        <v>0</v>
      </c>
      <c r="AY8" s="281">
        <v>11</v>
      </c>
      <c r="AZ8" s="281">
        <v>15</v>
      </c>
      <c r="BA8" s="281">
        <v>11</v>
      </c>
      <c r="BB8" s="281">
        <v>8</v>
      </c>
      <c r="BC8" s="281">
        <v>2</v>
      </c>
      <c r="BD8" s="278">
        <v>47</v>
      </c>
      <c r="BE8" s="283">
        <v>49</v>
      </c>
      <c r="BF8" s="277">
        <v>0</v>
      </c>
      <c r="BG8" s="281">
        <v>0</v>
      </c>
      <c r="BH8" s="278">
        <v>0</v>
      </c>
      <c r="BI8" s="280">
        <v>0</v>
      </c>
      <c r="BJ8" s="281">
        <v>18</v>
      </c>
      <c r="BK8" s="281">
        <v>24</v>
      </c>
      <c r="BL8" s="281">
        <v>30</v>
      </c>
      <c r="BM8" s="281">
        <v>19</v>
      </c>
      <c r="BN8" s="281">
        <v>10</v>
      </c>
      <c r="BO8" s="282">
        <v>101</v>
      </c>
      <c r="BP8" s="283">
        <v>101</v>
      </c>
      <c r="BQ8" s="277">
        <v>0</v>
      </c>
      <c r="BR8" s="281">
        <v>0</v>
      </c>
      <c r="BS8" s="278">
        <v>0</v>
      </c>
      <c r="BT8" s="280">
        <v>0</v>
      </c>
      <c r="BU8" s="281">
        <v>0</v>
      </c>
      <c r="BV8" s="281">
        <v>0</v>
      </c>
      <c r="BW8" s="281">
        <v>0</v>
      </c>
      <c r="BX8" s="281">
        <v>0</v>
      </c>
      <c r="BY8" s="281">
        <v>0</v>
      </c>
      <c r="BZ8" s="278">
        <v>0</v>
      </c>
      <c r="CA8" s="283">
        <v>0</v>
      </c>
      <c r="CB8" s="277">
        <v>0</v>
      </c>
      <c r="CC8" s="281">
        <v>0</v>
      </c>
      <c r="CD8" s="278">
        <v>0</v>
      </c>
      <c r="CE8" s="280">
        <v>0</v>
      </c>
      <c r="CF8" s="281">
        <v>0</v>
      </c>
      <c r="CG8" s="281">
        <v>0</v>
      </c>
      <c r="CH8" s="281">
        <v>7</v>
      </c>
      <c r="CI8" s="281">
        <v>3</v>
      </c>
      <c r="CJ8" s="281">
        <v>2</v>
      </c>
      <c r="CK8" s="278">
        <v>12</v>
      </c>
      <c r="CL8" s="283">
        <v>12</v>
      </c>
      <c r="CM8" s="277">
        <v>0</v>
      </c>
      <c r="CN8" s="281">
        <v>0</v>
      </c>
      <c r="CO8" s="278">
        <v>0</v>
      </c>
      <c r="CP8" s="280">
        <v>0</v>
      </c>
      <c r="CQ8" s="281">
        <v>4</v>
      </c>
      <c r="CR8" s="281">
        <v>3</v>
      </c>
      <c r="CS8" s="281">
        <v>2</v>
      </c>
      <c r="CT8" s="281">
        <v>5</v>
      </c>
      <c r="CU8" s="281">
        <v>5</v>
      </c>
      <c r="CV8" s="278">
        <v>19</v>
      </c>
      <c r="CW8" s="283">
        <v>19</v>
      </c>
    </row>
    <row r="9" spans="1:101" ht="21" customHeight="1" x14ac:dyDescent="0.2">
      <c r="B9" s="262" t="s">
        <v>14</v>
      </c>
      <c r="C9" s="277">
        <v>0</v>
      </c>
      <c r="D9" s="278">
        <v>0</v>
      </c>
      <c r="E9" s="279">
        <v>0</v>
      </c>
      <c r="F9" s="280">
        <v>0</v>
      </c>
      <c r="G9" s="281">
        <v>2</v>
      </c>
      <c r="H9" s="281">
        <v>2</v>
      </c>
      <c r="I9" s="281">
        <v>0</v>
      </c>
      <c r="J9" s="281">
        <v>1</v>
      </c>
      <c r="K9" s="281">
        <v>1</v>
      </c>
      <c r="L9" s="282">
        <v>6</v>
      </c>
      <c r="M9" s="283">
        <v>6</v>
      </c>
      <c r="N9" s="277">
        <v>0</v>
      </c>
      <c r="O9" s="281">
        <v>0</v>
      </c>
      <c r="P9" s="278">
        <v>0</v>
      </c>
      <c r="Q9" s="280">
        <v>0</v>
      </c>
      <c r="R9" s="281">
        <v>0</v>
      </c>
      <c r="S9" s="281">
        <v>0</v>
      </c>
      <c r="T9" s="281">
        <v>0</v>
      </c>
      <c r="U9" s="281">
        <v>0</v>
      </c>
      <c r="V9" s="281">
        <v>0</v>
      </c>
      <c r="W9" s="278">
        <v>0</v>
      </c>
      <c r="X9" s="283">
        <v>0</v>
      </c>
      <c r="Y9" s="277">
        <v>0</v>
      </c>
      <c r="Z9" s="281">
        <v>0</v>
      </c>
      <c r="AA9" s="278">
        <v>0</v>
      </c>
      <c r="AB9" s="280">
        <v>0</v>
      </c>
      <c r="AC9" s="281">
        <v>76</v>
      </c>
      <c r="AD9" s="281">
        <v>61</v>
      </c>
      <c r="AE9" s="281">
        <v>35</v>
      </c>
      <c r="AF9" s="281">
        <v>13</v>
      </c>
      <c r="AG9" s="281">
        <v>4</v>
      </c>
      <c r="AH9" s="278">
        <v>189</v>
      </c>
      <c r="AI9" s="283">
        <v>189</v>
      </c>
      <c r="AJ9" s="277">
        <v>0</v>
      </c>
      <c r="AK9" s="281">
        <v>0</v>
      </c>
      <c r="AL9" s="278">
        <v>0</v>
      </c>
      <c r="AM9" s="280">
        <v>0</v>
      </c>
      <c r="AN9" s="281">
        <v>1</v>
      </c>
      <c r="AO9" s="281">
        <v>1</v>
      </c>
      <c r="AP9" s="281">
        <v>0</v>
      </c>
      <c r="AQ9" s="281">
        <v>1</v>
      </c>
      <c r="AR9" s="281">
        <v>0</v>
      </c>
      <c r="AS9" s="278">
        <v>3</v>
      </c>
      <c r="AT9" s="283">
        <v>3</v>
      </c>
      <c r="AU9" s="277">
        <v>1</v>
      </c>
      <c r="AV9" s="281">
        <v>1</v>
      </c>
      <c r="AW9" s="278">
        <v>2</v>
      </c>
      <c r="AX9" s="280">
        <v>0</v>
      </c>
      <c r="AY9" s="281">
        <v>12</v>
      </c>
      <c r="AZ9" s="281">
        <v>4</v>
      </c>
      <c r="BA9" s="281">
        <v>7</v>
      </c>
      <c r="BB9" s="281">
        <v>3</v>
      </c>
      <c r="BC9" s="281">
        <v>1</v>
      </c>
      <c r="BD9" s="278">
        <v>27</v>
      </c>
      <c r="BE9" s="283">
        <v>29</v>
      </c>
      <c r="BF9" s="277">
        <v>0</v>
      </c>
      <c r="BG9" s="281">
        <v>0</v>
      </c>
      <c r="BH9" s="278">
        <v>0</v>
      </c>
      <c r="BI9" s="280">
        <v>0</v>
      </c>
      <c r="BJ9" s="281">
        <v>5</v>
      </c>
      <c r="BK9" s="281">
        <v>10</v>
      </c>
      <c r="BL9" s="281">
        <v>14</v>
      </c>
      <c r="BM9" s="281">
        <v>14</v>
      </c>
      <c r="BN9" s="281">
        <v>4</v>
      </c>
      <c r="BO9" s="282">
        <v>47</v>
      </c>
      <c r="BP9" s="283">
        <v>47</v>
      </c>
      <c r="BQ9" s="277">
        <v>0</v>
      </c>
      <c r="BR9" s="281">
        <v>0</v>
      </c>
      <c r="BS9" s="278">
        <v>0</v>
      </c>
      <c r="BT9" s="280">
        <v>0</v>
      </c>
      <c r="BU9" s="281">
        <v>0</v>
      </c>
      <c r="BV9" s="281">
        <v>0</v>
      </c>
      <c r="BW9" s="281">
        <v>0</v>
      </c>
      <c r="BX9" s="281">
        <v>0</v>
      </c>
      <c r="BY9" s="281">
        <v>0</v>
      </c>
      <c r="BZ9" s="278">
        <v>0</v>
      </c>
      <c r="CA9" s="283">
        <v>0</v>
      </c>
      <c r="CB9" s="277">
        <v>0</v>
      </c>
      <c r="CC9" s="281">
        <v>0</v>
      </c>
      <c r="CD9" s="278">
        <v>0</v>
      </c>
      <c r="CE9" s="280">
        <v>0</v>
      </c>
      <c r="CF9" s="281">
        <v>0</v>
      </c>
      <c r="CG9" s="281">
        <v>0</v>
      </c>
      <c r="CH9" s="281">
        <v>1</v>
      </c>
      <c r="CI9" s="281">
        <v>1</v>
      </c>
      <c r="CJ9" s="281">
        <v>0</v>
      </c>
      <c r="CK9" s="278">
        <v>2</v>
      </c>
      <c r="CL9" s="283">
        <v>2</v>
      </c>
      <c r="CM9" s="277">
        <v>0</v>
      </c>
      <c r="CN9" s="281">
        <v>0</v>
      </c>
      <c r="CO9" s="278">
        <v>0</v>
      </c>
      <c r="CP9" s="280">
        <v>0</v>
      </c>
      <c r="CQ9" s="281">
        <v>1</v>
      </c>
      <c r="CR9" s="281">
        <v>1</v>
      </c>
      <c r="CS9" s="281">
        <v>2</v>
      </c>
      <c r="CT9" s="281">
        <v>0</v>
      </c>
      <c r="CU9" s="281">
        <v>2</v>
      </c>
      <c r="CV9" s="278">
        <v>6</v>
      </c>
      <c r="CW9" s="283">
        <v>6</v>
      </c>
    </row>
    <row r="10" spans="1:101" ht="21" customHeight="1" x14ac:dyDescent="0.2">
      <c r="B10" s="262" t="s">
        <v>7</v>
      </c>
      <c r="C10" s="277">
        <v>0</v>
      </c>
      <c r="D10" s="278">
        <v>0</v>
      </c>
      <c r="E10" s="279">
        <v>0</v>
      </c>
      <c r="F10" s="280">
        <v>0</v>
      </c>
      <c r="G10" s="281">
        <v>0</v>
      </c>
      <c r="H10" s="281">
        <v>0</v>
      </c>
      <c r="I10" s="281">
        <v>0</v>
      </c>
      <c r="J10" s="281">
        <v>0</v>
      </c>
      <c r="K10" s="281">
        <v>0</v>
      </c>
      <c r="L10" s="282">
        <v>0</v>
      </c>
      <c r="M10" s="283">
        <v>0</v>
      </c>
      <c r="N10" s="277">
        <v>0</v>
      </c>
      <c r="O10" s="281">
        <v>0</v>
      </c>
      <c r="P10" s="278">
        <v>0</v>
      </c>
      <c r="Q10" s="280">
        <v>0</v>
      </c>
      <c r="R10" s="281">
        <v>0</v>
      </c>
      <c r="S10" s="281">
        <v>0</v>
      </c>
      <c r="T10" s="281">
        <v>0</v>
      </c>
      <c r="U10" s="281">
        <v>0</v>
      </c>
      <c r="V10" s="281">
        <v>0</v>
      </c>
      <c r="W10" s="278">
        <v>0</v>
      </c>
      <c r="X10" s="283">
        <v>0</v>
      </c>
      <c r="Y10" s="277">
        <v>0</v>
      </c>
      <c r="Z10" s="281">
        <v>0</v>
      </c>
      <c r="AA10" s="278">
        <v>0</v>
      </c>
      <c r="AB10" s="280">
        <v>0</v>
      </c>
      <c r="AC10" s="281">
        <v>91</v>
      </c>
      <c r="AD10" s="281">
        <v>46</v>
      </c>
      <c r="AE10" s="281">
        <v>14</v>
      </c>
      <c r="AF10" s="281">
        <v>8</v>
      </c>
      <c r="AG10" s="281">
        <v>4</v>
      </c>
      <c r="AH10" s="278">
        <v>163</v>
      </c>
      <c r="AI10" s="283">
        <v>163</v>
      </c>
      <c r="AJ10" s="277">
        <v>0</v>
      </c>
      <c r="AK10" s="281">
        <v>0</v>
      </c>
      <c r="AL10" s="278">
        <v>0</v>
      </c>
      <c r="AM10" s="280">
        <v>0</v>
      </c>
      <c r="AN10" s="281">
        <v>11</v>
      </c>
      <c r="AO10" s="281">
        <v>11</v>
      </c>
      <c r="AP10" s="281">
        <v>4</v>
      </c>
      <c r="AQ10" s="281">
        <v>4</v>
      </c>
      <c r="AR10" s="281">
        <v>1</v>
      </c>
      <c r="AS10" s="278">
        <v>31</v>
      </c>
      <c r="AT10" s="283">
        <v>31</v>
      </c>
      <c r="AU10" s="277">
        <v>2</v>
      </c>
      <c r="AV10" s="281">
        <v>1</v>
      </c>
      <c r="AW10" s="278">
        <v>3</v>
      </c>
      <c r="AX10" s="280">
        <v>0</v>
      </c>
      <c r="AY10" s="281">
        <v>6</v>
      </c>
      <c r="AZ10" s="281">
        <v>5</v>
      </c>
      <c r="BA10" s="281">
        <v>0</v>
      </c>
      <c r="BB10" s="281">
        <v>2</v>
      </c>
      <c r="BC10" s="281">
        <v>0</v>
      </c>
      <c r="BD10" s="278">
        <v>13</v>
      </c>
      <c r="BE10" s="283">
        <v>16</v>
      </c>
      <c r="BF10" s="277">
        <v>0</v>
      </c>
      <c r="BG10" s="281">
        <v>0</v>
      </c>
      <c r="BH10" s="278">
        <v>0</v>
      </c>
      <c r="BI10" s="280">
        <v>0</v>
      </c>
      <c r="BJ10" s="281">
        <v>13</v>
      </c>
      <c r="BK10" s="281">
        <v>3</v>
      </c>
      <c r="BL10" s="281">
        <v>16</v>
      </c>
      <c r="BM10" s="281">
        <v>9</v>
      </c>
      <c r="BN10" s="281">
        <v>2</v>
      </c>
      <c r="BO10" s="282">
        <v>43</v>
      </c>
      <c r="BP10" s="283">
        <v>43</v>
      </c>
      <c r="BQ10" s="277">
        <v>0</v>
      </c>
      <c r="BR10" s="281">
        <v>0</v>
      </c>
      <c r="BS10" s="278">
        <v>0</v>
      </c>
      <c r="BT10" s="280">
        <v>0</v>
      </c>
      <c r="BU10" s="281">
        <v>0</v>
      </c>
      <c r="BV10" s="281">
        <v>0</v>
      </c>
      <c r="BW10" s="281">
        <v>0</v>
      </c>
      <c r="BX10" s="281">
        <v>0</v>
      </c>
      <c r="BY10" s="281">
        <v>0</v>
      </c>
      <c r="BZ10" s="278">
        <v>0</v>
      </c>
      <c r="CA10" s="283">
        <v>0</v>
      </c>
      <c r="CB10" s="277">
        <v>0</v>
      </c>
      <c r="CC10" s="281">
        <v>0</v>
      </c>
      <c r="CD10" s="278">
        <v>0</v>
      </c>
      <c r="CE10" s="280">
        <v>0</v>
      </c>
      <c r="CF10" s="281">
        <v>0</v>
      </c>
      <c r="CG10" s="281">
        <v>0</v>
      </c>
      <c r="CH10" s="281">
        <v>0</v>
      </c>
      <c r="CI10" s="281">
        <v>0</v>
      </c>
      <c r="CJ10" s="281">
        <v>0</v>
      </c>
      <c r="CK10" s="278">
        <v>0</v>
      </c>
      <c r="CL10" s="283">
        <v>0</v>
      </c>
      <c r="CM10" s="277">
        <v>0</v>
      </c>
      <c r="CN10" s="281">
        <v>0</v>
      </c>
      <c r="CO10" s="278">
        <v>0</v>
      </c>
      <c r="CP10" s="280">
        <v>0</v>
      </c>
      <c r="CQ10" s="281">
        <v>1</v>
      </c>
      <c r="CR10" s="281">
        <v>1</v>
      </c>
      <c r="CS10" s="281">
        <v>0</v>
      </c>
      <c r="CT10" s="281">
        <v>3</v>
      </c>
      <c r="CU10" s="281">
        <v>1</v>
      </c>
      <c r="CV10" s="278">
        <v>6</v>
      </c>
      <c r="CW10" s="283">
        <v>6</v>
      </c>
    </row>
    <row r="11" spans="1:101" ht="21" customHeight="1" x14ac:dyDescent="0.2">
      <c r="B11" s="262" t="s">
        <v>8</v>
      </c>
      <c r="C11" s="277">
        <v>0</v>
      </c>
      <c r="D11" s="278">
        <v>0</v>
      </c>
      <c r="E11" s="279">
        <v>0</v>
      </c>
      <c r="F11" s="280">
        <v>0</v>
      </c>
      <c r="G11" s="281">
        <v>0</v>
      </c>
      <c r="H11" s="281">
        <v>0</v>
      </c>
      <c r="I11" s="281">
        <v>0</v>
      </c>
      <c r="J11" s="281">
        <v>1</v>
      </c>
      <c r="K11" s="281">
        <v>0</v>
      </c>
      <c r="L11" s="282">
        <v>1</v>
      </c>
      <c r="M11" s="283">
        <v>1</v>
      </c>
      <c r="N11" s="277">
        <v>0</v>
      </c>
      <c r="O11" s="281">
        <v>0</v>
      </c>
      <c r="P11" s="278">
        <v>0</v>
      </c>
      <c r="Q11" s="280">
        <v>0</v>
      </c>
      <c r="R11" s="281">
        <v>0</v>
      </c>
      <c r="S11" s="281">
        <v>0</v>
      </c>
      <c r="T11" s="281">
        <v>0</v>
      </c>
      <c r="U11" s="281">
        <v>0</v>
      </c>
      <c r="V11" s="281">
        <v>1</v>
      </c>
      <c r="W11" s="278">
        <v>1</v>
      </c>
      <c r="X11" s="283">
        <v>1</v>
      </c>
      <c r="Y11" s="277">
        <v>0</v>
      </c>
      <c r="Z11" s="281">
        <v>0</v>
      </c>
      <c r="AA11" s="278">
        <v>0</v>
      </c>
      <c r="AB11" s="280">
        <v>0</v>
      </c>
      <c r="AC11" s="281">
        <v>37</v>
      </c>
      <c r="AD11" s="281">
        <v>32</v>
      </c>
      <c r="AE11" s="281">
        <v>11</v>
      </c>
      <c r="AF11" s="281">
        <v>5</v>
      </c>
      <c r="AG11" s="281">
        <v>1</v>
      </c>
      <c r="AH11" s="278">
        <v>86</v>
      </c>
      <c r="AI11" s="283">
        <v>86</v>
      </c>
      <c r="AJ11" s="277">
        <v>0</v>
      </c>
      <c r="AK11" s="281">
        <v>0</v>
      </c>
      <c r="AL11" s="278">
        <v>0</v>
      </c>
      <c r="AM11" s="280">
        <v>0</v>
      </c>
      <c r="AN11" s="281">
        <v>1</v>
      </c>
      <c r="AO11" s="281">
        <v>0</v>
      </c>
      <c r="AP11" s="281">
        <v>0</v>
      </c>
      <c r="AQ11" s="281">
        <v>0</v>
      </c>
      <c r="AR11" s="281">
        <v>1</v>
      </c>
      <c r="AS11" s="278">
        <v>2</v>
      </c>
      <c r="AT11" s="283">
        <v>2</v>
      </c>
      <c r="AU11" s="277">
        <v>2</v>
      </c>
      <c r="AV11" s="281">
        <v>0</v>
      </c>
      <c r="AW11" s="278">
        <v>2</v>
      </c>
      <c r="AX11" s="280">
        <v>0</v>
      </c>
      <c r="AY11" s="281">
        <v>5</v>
      </c>
      <c r="AZ11" s="281">
        <v>2</v>
      </c>
      <c r="BA11" s="281">
        <v>2</v>
      </c>
      <c r="BB11" s="281">
        <v>2</v>
      </c>
      <c r="BC11" s="281">
        <v>0</v>
      </c>
      <c r="BD11" s="278">
        <v>11</v>
      </c>
      <c r="BE11" s="283">
        <v>13</v>
      </c>
      <c r="BF11" s="277">
        <v>0</v>
      </c>
      <c r="BG11" s="281">
        <v>0</v>
      </c>
      <c r="BH11" s="278">
        <v>0</v>
      </c>
      <c r="BI11" s="280">
        <v>0</v>
      </c>
      <c r="BJ11" s="281">
        <v>3</v>
      </c>
      <c r="BK11" s="281">
        <v>3</v>
      </c>
      <c r="BL11" s="281">
        <v>6</v>
      </c>
      <c r="BM11" s="281">
        <v>3</v>
      </c>
      <c r="BN11" s="281">
        <v>1</v>
      </c>
      <c r="BO11" s="282">
        <v>16</v>
      </c>
      <c r="BP11" s="283">
        <v>16</v>
      </c>
      <c r="BQ11" s="277">
        <v>0</v>
      </c>
      <c r="BR11" s="281">
        <v>0</v>
      </c>
      <c r="BS11" s="278">
        <v>0</v>
      </c>
      <c r="BT11" s="280">
        <v>0</v>
      </c>
      <c r="BU11" s="281">
        <v>0</v>
      </c>
      <c r="BV11" s="281">
        <v>0</v>
      </c>
      <c r="BW11" s="281">
        <v>1</v>
      </c>
      <c r="BX11" s="281">
        <v>3</v>
      </c>
      <c r="BY11" s="281">
        <v>0</v>
      </c>
      <c r="BZ11" s="278">
        <v>4</v>
      </c>
      <c r="CA11" s="283">
        <v>4</v>
      </c>
      <c r="CB11" s="277">
        <v>0</v>
      </c>
      <c r="CC11" s="281">
        <v>0</v>
      </c>
      <c r="CD11" s="278">
        <v>0</v>
      </c>
      <c r="CE11" s="280">
        <v>0</v>
      </c>
      <c r="CF11" s="281">
        <v>0</v>
      </c>
      <c r="CG11" s="281">
        <v>0</v>
      </c>
      <c r="CH11" s="281">
        <v>0</v>
      </c>
      <c r="CI11" s="281">
        <v>0</v>
      </c>
      <c r="CJ11" s="281">
        <v>0</v>
      </c>
      <c r="CK11" s="278">
        <v>0</v>
      </c>
      <c r="CL11" s="283">
        <v>0</v>
      </c>
      <c r="CM11" s="277">
        <v>0</v>
      </c>
      <c r="CN11" s="281">
        <v>0</v>
      </c>
      <c r="CO11" s="278">
        <v>0</v>
      </c>
      <c r="CP11" s="280">
        <v>0</v>
      </c>
      <c r="CQ11" s="281">
        <v>3</v>
      </c>
      <c r="CR11" s="281">
        <v>0</v>
      </c>
      <c r="CS11" s="281">
        <v>1</v>
      </c>
      <c r="CT11" s="281">
        <v>1</v>
      </c>
      <c r="CU11" s="281">
        <v>1</v>
      </c>
      <c r="CV11" s="278">
        <v>6</v>
      </c>
      <c r="CW11" s="283">
        <v>6</v>
      </c>
    </row>
    <row r="12" spans="1:101" ht="21" customHeight="1" x14ac:dyDescent="0.2">
      <c r="B12" s="262" t="s">
        <v>9</v>
      </c>
      <c r="C12" s="277">
        <v>0</v>
      </c>
      <c r="D12" s="278">
        <v>0</v>
      </c>
      <c r="E12" s="279">
        <v>0</v>
      </c>
      <c r="F12" s="280">
        <v>0</v>
      </c>
      <c r="G12" s="281">
        <v>1</v>
      </c>
      <c r="H12" s="281">
        <v>0</v>
      </c>
      <c r="I12" s="281">
        <v>0</v>
      </c>
      <c r="J12" s="281">
        <v>0</v>
      </c>
      <c r="K12" s="281">
        <v>1</v>
      </c>
      <c r="L12" s="282">
        <v>2</v>
      </c>
      <c r="M12" s="283">
        <v>2</v>
      </c>
      <c r="N12" s="277">
        <v>0</v>
      </c>
      <c r="O12" s="281">
        <v>0</v>
      </c>
      <c r="P12" s="278">
        <v>0</v>
      </c>
      <c r="Q12" s="280">
        <v>0</v>
      </c>
      <c r="R12" s="281">
        <v>0</v>
      </c>
      <c r="S12" s="281">
        <v>0</v>
      </c>
      <c r="T12" s="281">
        <v>0</v>
      </c>
      <c r="U12" s="281">
        <v>0</v>
      </c>
      <c r="V12" s="281">
        <v>0</v>
      </c>
      <c r="W12" s="278">
        <v>0</v>
      </c>
      <c r="X12" s="283">
        <v>0</v>
      </c>
      <c r="Y12" s="277">
        <v>0</v>
      </c>
      <c r="Z12" s="281">
        <v>0</v>
      </c>
      <c r="AA12" s="278">
        <v>0</v>
      </c>
      <c r="AB12" s="280">
        <v>0</v>
      </c>
      <c r="AC12" s="281">
        <v>36</v>
      </c>
      <c r="AD12" s="281">
        <v>27</v>
      </c>
      <c r="AE12" s="281">
        <v>15</v>
      </c>
      <c r="AF12" s="281">
        <v>10</v>
      </c>
      <c r="AG12" s="281">
        <v>2</v>
      </c>
      <c r="AH12" s="278">
        <v>90</v>
      </c>
      <c r="AI12" s="283">
        <v>90</v>
      </c>
      <c r="AJ12" s="277">
        <v>0</v>
      </c>
      <c r="AK12" s="281">
        <v>0</v>
      </c>
      <c r="AL12" s="278">
        <v>0</v>
      </c>
      <c r="AM12" s="280">
        <v>0</v>
      </c>
      <c r="AN12" s="281">
        <v>0</v>
      </c>
      <c r="AO12" s="281">
        <v>2</v>
      </c>
      <c r="AP12" s="281">
        <v>2</v>
      </c>
      <c r="AQ12" s="281">
        <v>0</v>
      </c>
      <c r="AR12" s="281">
        <v>0</v>
      </c>
      <c r="AS12" s="278">
        <v>4</v>
      </c>
      <c r="AT12" s="283">
        <v>4</v>
      </c>
      <c r="AU12" s="277">
        <v>1</v>
      </c>
      <c r="AV12" s="281">
        <v>0</v>
      </c>
      <c r="AW12" s="278">
        <v>1</v>
      </c>
      <c r="AX12" s="280">
        <v>0</v>
      </c>
      <c r="AY12" s="281">
        <v>5</v>
      </c>
      <c r="AZ12" s="281">
        <v>2</v>
      </c>
      <c r="BA12" s="281">
        <v>2</v>
      </c>
      <c r="BB12" s="281">
        <v>1</v>
      </c>
      <c r="BC12" s="281">
        <v>1</v>
      </c>
      <c r="BD12" s="278">
        <v>11</v>
      </c>
      <c r="BE12" s="283">
        <v>12</v>
      </c>
      <c r="BF12" s="277">
        <v>0</v>
      </c>
      <c r="BG12" s="281">
        <v>0</v>
      </c>
      <c r="BH12" s="278">
        <v>0</v>
      </c>
      <c r="BI12" s="280">
        <v>0</v>
      </c>
      <c r="BJ12" s="281">
        <v>3</v>
      </c>
      <c r="BK12" s="281">
        <v>4</v>
      </c>
      <c r="BL12" s="281">
        <v>3</v>
      </c>
      <c r="BM12" s="281">
        <v>1</v>
      </c>
      <c r="BN12" s="281">
        <v>3</v>
      </c>
      <c r="BO12" s="282">
        <v>14</v>
      </c>
      <c r="BP12" s="283">
        <v>14</v>
      </c>
      <c r="BQ12" s="277">
        <v>0</v>
      </c>
      <c r="BR12" s="281">
        <v>0</v>
      </c>
      <c r="BS12" s="278">
        <v>0</v>
      </c>
      <c r="BT12" s="280">
        <v>0</v>
      </c>
      <c r="BU12" s="281">
        <v>1</v>
      </c>
      <c r="BV12" s="281">
        <v>1</v>
      </c>
      <c r="BW12" s="281">
        <v>0</v>
      </c>
      <c r="BX12" s="281">
        <v>0</v>
      </c>
      <c r="BY12" s="281">
        <v>0</v>
      </c>
      <c r="BZ12" s="278">
        <v>2</v>
      </c>
      <c r="CA12" s="283">
        <v>2</v>
      </c>
      <c r="CB12" s="277">
        <v>0</v>
      </c>
      <c r="CC12" s="281">
        <v>0</v>
      </c>
      <c r="CD12" s="278">
        <v>0</v>
      </c>
      <c r="CE12" s="280">
        <v>0</v>
      </c>
      <c r="CF12" s="281">
        <v>0</v>
      </c>
      <c r="CG12" s="281">
        <v>0</v>
      </c>
      <c r="CH12" s="281">
        <v>0</v>
      </c>
      <c r="CI12" s="281">
        <v>0</v>
      </c>
      <c r="CJ12" s="281">
        <v>0</v>
      </c>
      <c r="CK12" s="278">
        <v>0</v>
      </c>
      <c r="CL12" s="283">
        <v>0</v>
      </c>
      <c r="CM12" s="277">
        <v>0</v>
      </c>
      <c r="CN12" s="281">
        <v>0</v>
      </c>
      <c r="CO12" s="278">
        <v>0</v>
      </c>
      <c r="CP12" s="280">
        <v>0</v>
      </c>
      <c r="CQ12" s="281">
        <v>0</v>
      </c>
      <c r="CR12" s="281">
        <v>1</v>
      </c>
      <c r="CS12" s="281">
        <v>3</v>
      </c>
      <c r="CT12" s="281">
        <v>0</v>
      </c>
      <c r="CU12" s="281">
        <v>0</v>
      </c>
      <c r="CV12" s="278">
        <v>4</v>
      </c>
      <c r="CW12" s="283">
        <v>4</v>
      </c>
    </row>
    <row r="13" spans="1:101" ht="21" customHeight="1" x14ac:dyDescent="0.2">
      <c r="B13" s="262" t="s">
        <v>10</v>
      </c>
      <c r="C13" s="277">
        <v>0</v>
      </c>
      <c r="D13" s="278">
        <v>0</v>
      </c>
      <c r="E13" s="279">
        <v>0</v>
      </c>
      <c r="F13" s="280">
        <v>0</v>
      </c>
      <c r="G13" s="281">
        <v>4</v>
      </c>
      <c r="H13" s="281">
        <v>2</v>
      </c>
      <c r="I13" s="281">
        <v>0</v>
      </c>
      <c r="J13" s="281">
        <v>1</v>
      </c>
      <c r="K13" s="281">
        <v>1</v>
      </c>
      <c r="L13" s="282">
        <v>8</v>
      </c>
      <c r="M13" s="283">
        <v>8</v>
      </c>
      <c r="N13" s="277">
        <v>0</v>
      </c>
      <c r="O13" s="281">
        <v>0</v>
      </c>
      <c r="P13" s="278">
        <v>0</v>
      </c>
      <c r="Q13" s="280">
        <v>0</v>
      </c>
      <c r="R13" s="281">
        <v>1</v>
      </c>
      <c r="S13" s="281">
        <v>2</v>
      </c>
      <c r="T13" s="281">
        <v>2</v>
      </c>
      <c r="U13" s="281">
        <v>0</v>
      </c>
      <c r="V13" s="281">
        <v>0</v>
      </c>
      <c r="W13" s="278">
        <v>5</v>
      </c>
      <c r="X13" s="283">
        <v>5</v>
      </c>
      <c r="Y13" s="277">
        <v>0</v>
      </c>
      <c r="Z13" s="281">
        <v>0</v>
      </c>
      <c r="AA13" s="278">
        <v>0</v>
      </c>
      <c r="AB13" s="280">
        <v>0</v>
      </c>
      <c r="AC13" s="281">
        <v>51</v>
      </c>
      <c r="AD13" s="281">
        <v>27</v>
      </c>
      <c r="AE13" s="281">
        <v>3</v>
      </c>
      <c r="AF13" s="281">
        <v>2</v>
      </c>
      <c r="AG13" s="281">
        <v>1</v>
      </c>
      <c r="AH13" s="278">
        <v>84</v>
      </c>
      <c r="AI13" s="283">
        <v>84</v>
      </c>
      <c r="AJ13" s="277">
        <v>0</v>
      </c>
      <c r="AK13" s="281">
        <v>0</v>
      </c>
      <c r="AL13" s="278">
        <v>0</v>
      </c>
      <c r="AM13" s="280">
        <v>0</v>
      </c>
      <c r="AN13" s="281">
        <v>1</v>
      </c>
      <c r="AO13" s="281">
        <v>1</v>
      </c>
      <c r="AP13" s="281">
        <v>5</v>
      </c>
      <c r="AQ13" s="281">
        <v>0</v>
      </c>
      <c r="AR13" s="281">
        <v>2</v>
      </c>
      <c r="AS13" s="278">
        <v>9</v>
      </c>
      <c r="AT13" s="283">
        <v>9</v>
      </c>
      <c r="AU13" s="277">
        <v>0</v>
      </c>
      <c r="AV13" s="281">
        <v>0</v>
      </c>
      <c r="AW13" s="278">
        <v>0</v>
      </c>
      <c r="AX13" s="280">
        <v>0</v>
      </c>
      <c r="AY13" s="281">
        <v>3</v>
      </c>
      <c r="AZ13" s="281">
        <v>4</v>
      </c>
      <c r="BA13" s="281">
        <v>3</v>
      </c>
      <c r="BB13" s="281">
        <v>5</v>
      </c>
      <c r="BC13" s="281">
        <v>1</v>
      </c>
      <c r="BD13" s="278">
        <v>16</v>
      </c>
      <c r="BE13" s="283">
        <v>16</v>
      </c>
      <c r="BF13" s="277">
        <v>0</v>
      </c>
      <c r="BG13" s="281">
        <v>0</v>
      </c>
      <c r="BH13" s="278">
        <v>0</v>
      </c>
      <c r="BI13" s="280">
        <v>0</v>
      </c>
      <c r="BJ13" s="281">
        <v>6</v>
      </c>
      <c r="BK13" s="281">
        <v>10</v>
      </c>
      <c r="BL13" s="281">
        <v>6</v>
      </c>
      <c r="BM13" s="281">
        <v>5</v>
      </c>
      <c r="BN13" s="281">
        <v>6</v>
      </c>
      <c r="BO13" s="282">
        <v>33</v>
      </c>
      <c r="BP13" s="283">
        <v>33</v>
      </c>
      <c r="BQ13" s="277">
        <v>0</v>
      </c>
      <c r="BR13" s="281">
        <v>0</v>
      </c>
      <c r="BS13" s="278">
        <v>0</v>
      </c>
      <c r="BT13" s="280">
        <v>0</v>
      </c>
      <c r="BU13" s="281">
        <v>1</v>
      </c>
      <c r="BV13" s="281">
        <v>3</v>
      </c>
      <c r="BW13" s="281">
        <v>3</v>
      </c>
      <c r="BX13" s="281">
        <v>3</v>
      </c>
      <c r="BY13" s="281">
        <v>3</v>
      </c>
      <c r="BZ13" s="278">
        <v>13</v>
      </c>
      <c r="CA13" s="283">
        <v>13</v>
      </c>
      <c r="CB13" s="277">
        <v>0</v>
      </c>
      <c r="CC13" s="281">
        <v>0</v>
      </c>
      <c r="CD13" s="278">
        <v>0</v>
      </c>
      <c r="CE13" s="280">
        <v>0</v>
      </c>
      <c r="CF13" s="281">
        <v>0</v>
      </c>
      <c r="CG13" s="281">
        <v>0</v>
      </c>
      <c r="CH13" s="281">
        <v>1</v>
      </c>
      <c r="CI13" s="281">
        <v>1</v>
      </c>
      <c r="CJ13" s="281">
        <v>3</v>
      </c>
      <c r="CK13" s="278">
        <v>5</v>
      </c>
      <c r="CL13" s="283">
        <v>5</v>
      </c>
      <c r="CM13" s="277">
        <v>0</v>
      </c>
      <c r="CN13" s="281">
        <v>0</v>
      </c>
      <c r="CO13" s="278">
        <v>0</v>
      </c>
      <c r="CP13" s="280">
        <v>0</v>
      </c>
      <c r="CQ13" s="281">
        <v>0</v>
      </c>
      <c r="CR13" s="281">
        <v>1</v>
      </c>
      <c r="CS13" s="281">
        <v>3</v>
      </c>
      <c r="CT13" s="281">
        <v>0</v>
      </c>
      <c r="CU13" s="281">
        <v>0</v>
      </c>
      <c r="CV13" s="278">
        <v>4</v>
      </c>
      <c r="CW13" s="283">
        <v>4</v>
      </c>
    </row>
    <row r="14" spans="1:101" ht="21" customHeight="1" x14ac:dyDescent="0.2">
      <c r="B14" s="262" t="s">
        <v>11</v>
      </c>
      <c r="C14" s="277">
        <v>0</v>
      </c>
      <c r="D14" s="278">
        <v>0</v>
      </c>
      <c r="E14" s="279">
        <v>0</v>
      </c>
      <c r="F14" s="280">
        <v>0</v>
      </c>
      <c r="G14" s="281">
        <v>2</v>
      </c>
      <c r="H14" s="281">
        <v>0</v>
      </c>
      <c r="I14" s="281">
        <v>2</v>
      </c>
      <c r="J14" s="281">
        <v>0</v>
      </c>
      <c r="K14" s="281">
        <v>1</v>
      </c>
      <c r="L14" s="282">
        <v>5</v>
      </c>
      <c r="M14" s="283">
        <v>5</v>
      </c>
      <c r="N14" s="277">
        <v>0</v>
      </c>
      <c r="O14" s="281">
        <v>0</v>
      </c>
      <c r="P14" s="278">
        <v>0</v>
      </c>
      <c r="Q14" s="280">
        <v>0</v>
      </c>
      <c r="R14" s="281">
        <v>1</v>
      </c>
      <c r="S14" s="281">
        <v>0</v>
      </c>
      <c r="T14" s="281">
        <v>0</v>
      </c>
      <c r="U14" s="281">
        <v>0</v>
      </c>
      <c r="V14" s="281">
        <v>0</v>
      </c>
      <c r="W14" s="278">
        <v>1</v>
      </c>
      <c r="X14" s="283">
        <v>1</v>
      </c>
      <c r="Y14" s="277">
        <v>0</v>
      </c>
      <c r="Z14" s="281">
        <v>0</v>
      </c>
      <c r="AA14" s="278">
        <v>0</v>
      </c>
      <c r="AB14" s="280">
        <v>0</v>
      </c>
      <c r="AC14" s="281">
        <v>28</v>
      </c>
      <c r="AD14" s="281">
        <v>6</v>
      </c>
      <c r="AE14" s="281">
        <v>10</v>
      </c>
      <c r="AF14" s="281">
        <v>3</v>
      </c>
      <c r="AG14" s="281">
        <v>2</v>
      </c>
      <c r="AH14" s="278">
        <v>49</v>
      </c>
      <c r="AI14" s="283">
        <v>49</v>
      </c>
      <c r="AJ14" s="277">
        <v>0</v>
      </c>
      <c r="AK14" s="281">
        <v>0</v>
      </c>
      <c r="AL14" s="278">
        <v>0</v>
      </c>
      <c r="AM14" s="280">
        <v>0</v>
      </c>
      <c r="AN14" s="281">
        <v>4</v>
      </c>
      <c r="AO14" s="281">
        <v>3</v>
      </c>
      <c r="AP14" s="281">
        <v>2</v>
      </c>
      <c r="AQ14" s="281">
        <v>0</v>
      </c>
      <c r="AR14" s="281">
        <v>0</v>
      </c>
      <c r="AS14" s="278">
        <v>9</v>
      </c>
      <c r="AT14" s="283">
        <v>9</v>
      </c>
      <c r="AU14" s="277">
        <v>0</v>
      </c>
      <c r="AV14" s="281">
        <v>0</v>
      </c>
      <c r="AW14" s="278">
        <v>0</v>
      </c>
      <c r="AX14" s="280">
        <v>0</v>
      </c>
      <c r="AY14" s="281">
        <v>1</v>
      </c>
      <c r="AZ14" s="281">
        <v>2</v>
      </c>
      <c r="BA14" s="281">
        <v>4</v>
      </c>
      <c r="BB14" s="281">
        <v>1</v>
      </c>
      <c r="BC14" s="281">
        <v>0</v>
      </c>
      <c r="BD14" s="278">
        <v>8</v>
      </c>
      <c r="BE14" s="283">
        <v>8</v>
      </c>
      <c r="BF14" s="277">
        <v>0</v>
      </c>
      <c r="BG14" s="281">
        <v>0</v>
      </c>
      <c r="BH14" s="278">
        <v>0</v>
      </c>
      <c r="BI14" s="280">
        <v>0</v>
      </c>
      <c r="BJ14" s="281">
        <v>2</v>
      </c>
      <c r="BK14" s="281">
        <v>1</v>
      </c>
      <c r="BL14" s="281">
        <v>1</v>
      </c>
      <c r="BM14" s="281">
        <v>3</v>
      </c>
      <c r="BN14" s="281">
        <v>0</v>
      </c>
      <c r="BO14" s="282">
        <v>7</v>
      </c>
      <c r="BP14" s="283">
        <v>7</v>
      </c>
      <c r="BQ14" s="277">
        <v>0</v>
      </c>
      <c r="BR14" s="281">
        <v>0</v>
      </c>
      <c r="BS14" s="278">
        <v>0</v>
      </c>
      <c r="BT14" s="280">
        <v>0</v>
      </c>
      <c r="BU14" s="281">
        <v>0</v>
      </c>
      <c r="BV14" s="281">
        <v>0</v>
      </c>
      <c r="BW14" s="281">
        <v>0</v>
      </c>
      <c r="BX14" s="281">
        <v>0</v>
      </c>
      <c r="BY14" s="281">
        <v>0</v>
      </c>
      <c r="BZ14" s="278">
        <v>0</v>
      </c>
      <c r="CA14" s="283">
        <v>0</v>
      </c>
      <c r="CB14" s="277">
        <v>0</v>
      </c>
      <c r="CC14" s="281">
        <v>0</v>
      </c>
      <c r="CD14" s="278">
        <v>0</v>
      </c>
      <c r="CE14" s="280">
        <v>0</v>
      </c>
      <c r="CF14" s="281">
        <v>0</v>
      </c>
      <c r="CG14" s="281">
        <v>0</v>
      </c>
      <c r="CH14" s="281">
        <v>0</v>
      </c>
      <c r="CI14" s="281">
        <v>0</v>
      </c>
      <c r="CJ14" s="281">
        <v>0</v>
      </c>
      <c r="CK14" s="278">
        <v>0</v>
      </c>
      <c r="CL14" s="283">
        <v>0</v>
      </c>
      <c r="CM14" s="277">
        <v>0</v>
      </c>
      <c r="CN14" s="281">
        <v>0</v>
      </c>
      <c r="CO14" s="278">
        <v>0</v>
      </c>
      <c r="CP14" s="280">
        <v>0</v>
      </c>
      <c r="CQ14" s="281">
        <v>0</v>
      </c>
      <c r="CR14" s="281">
        <v>1</v>
      </c>
      <c r="CS14" s="281">
        <v>0</v>
      </c>
      <c r="CT14" s="281">
        <v>0</v>
      </c>
      <c r="CU14" s="281">
        <v>0</v>
      </c>
      <c r="CV14" s="278">
        <v>1</v>
      </c>
      <c r="CW14" s="283">
        <v>1</v>
      </c>
    </row>
    <row r="15" spans="1:101" ht="21" customHeight="1" x14ac:dyDescent="0.2">
      <c r="B15" s="262" t="s">
        <v>12</v>
      </c>
      <c r="C15" s="277">
        <v>0</v>
      </c>
      <c r="D15" s="278">
        <v>0</v>
      </c>
      <c r="E15" s="279">
        <v>0</v>
      </c>
      <c r="F15" s="280">
        <v>0</v>
      </c>
      <c r="G15" s="281">
        <v>0</v>
      </c>
      <c r="H15" s="281">
        <v>1</v>
      </c>
      <c r="I15" s="281">
        <v>0</v>
      </c>
      <c r="J15" s="281">
        <v>0</v>
      </c>
      <c r="K15" s="281">
        <v>0</v>
      </c>
      <c r="L15" s="282">
        <v>1</v>
      </c>
      <c r="M15" s="283">
        <v>1</v>
      </c>
      <c r="N15" s="277">
        <v>0</v>
      </c>
      <c r="O15" s="281">
        <v>0</v>
      </c>
      <c r="P15" s="278">
        <v>0</v>
      </c>
      <c r="Q15" s="280">
        <v>0</v>
      </c>
      <c r="R15" s="281">
        <v>0</v>
      </c>
      <c r="S15" s="281">
        <v>0</v>
      </c>
      <c r="T15" s="281">
        <v>0</v>
      </c>
      <c r="U15" s="281">
        <v>0</v>
      </c>
      <c r="V15" s="281">
        <v>0</v>
      </c>
      <c r="W15" s="278">
        <v>0</v>
      </c>
      <c r="X15" s="283">
        <v>0</v>
      </c>
      <c r="Y15" s="277">
        <v>0</v>
      </c>
      <c r="Z15" s="281">
        <v>0</v>
      </c>
      <c r="AA15" s="278">
        <v>0</v>
      </c>
      <c r="AB15" s="280">
        <v>0</v>
      </c>
      <c r="AC15" s="281">
        <v>30</v>
      </c>
      <c r="AD15" s="281">
        <v>17</v>
      </c>
      <c r="AE15" s="281">
        <v>16</v>
      </c>
      <c r="AF15" s="281">
        <v>1</v>
      </c>
      <c r="AG15" s="281">
        <v>3</v>
      </c>
      <c r="AH15" s="278">
        <v>67</v>
      </c>
      <c r="AI15" s="283">
        <v>67</v>
      </c>
      <c r="AJ15" s="277">
        <v>0</v>
      </c>
      <c r="AK15" s="281">
        <v>0</v>
      </c>
      <c r="AL15" s="278">
        <v>0</v>
      </c>
      <c r="AM15" s="280">
        <v>0</v>
      </c>
      <c r="AN15" s="281">
        <v>0</v>
      </c>
      <c r="AO15" s="281">
        <v>0</v>
      </c>
      <c r="AP15" s="281">
        <v>0</v>
      </c>
      <c r="AQ15" s="281">
        <v>0</v>
      </c>
      <c r="AR15" s="281">
        <v>0</v>
      </c>
      <c r="AS15" s="278">
        <v>0</v>
      </c>
      <c r="AT15" s="283">
        <v>0</v>
      </c>
      <c r="AU15" s="277">
        <v>0</v>
      </c>
      <c r="AV15" s="281">
        <v>0</v>
      </c>
      <c r="AW15" s="278">
        <v>0</v>
      </c>
      <c r="AX15" s="280">
        <v>0</v>
      </c>
      <c r="AY15" s="281">
        <v>3</v>
      </c>
      <c r="AZ15" s="281">
        <v>1</v>
      </c>
      <c r="BA15" s="281">
        <v>4</v>
      </c>
      <c r="BB15" s="281">
        <v>6</v>
      </c>
      <c r="BC15" s="281">
        <v>2</v>
      </c>
      <c r="BD15" s="278">
        <v>16</v>
      </c>
      <c r="BE15" s="283">
        <v>16</v>
      </c>
      <c r="BF15" s="277">
        <v>0</v>
      </c>
      <c r="BG15" s="281">
        <v>0</v>
      </c>
      <c r="BH15" s="278">
        <v>0</v>
      </c>
      <c r="BI15" s="280">
        <v>0</v>
      </c>
      <c r="BJ15" s="281">
        <v>6</v>
      </c>
      <c r="BK15" s="281">
        <v>3</v>
      </c>
      <c r="BL15" s="281">
        <v>2</v>
      </c>
      <c r="BM15" s="281">
        <v>5</v>
      </c>
      <c r="BN15" s="281">
        <v>1</v>
      </c>
      <c r="BO15" s="282">
        <v>17</v>
      </c>
      <c r="BP15" s="283">
        <v>17</v>
      </c>
      <c r="BQ15" s="277">
        <v>0</v>
      </c>
      <c r="BR15" s="281">
        <v>0</v>
      </c>
      <c r="BS15" s="278">
        <v>0</v>
      </c>
      <c r="BT15" s="280">
        <v>0</v>
      </c>
      <c r="BU15" s="281">
        <v>0</v>
      </c>
      <c r="BV15" s="281">
        <v>2</v>
      </c>
      <c r="BW15" s="281">
        <v>0</v>
      </c>
      <c r="BX15" s="281">
        <v>4</v>
      </c>
      <c r="BY15" s="281">
        <v>0</v>
      </c>
      <c r="BZ15" s="278">
        <v>6</v>
      </c>
      <c r="CA15" s="283">
        <v>6</v>
      </c>
      <c r="CB15" s="277">
        <v>0</v>
      </c>
      <c r="CC15" s="281">
        <v>0</v>
      </c>
      <c r="CD15" s="278">
        <v>0</v>
      </c>
      <c r="CE15" s="280">
        <v>0</v>
      </c>
      <c r="CF15" s="281">
        <v>0</v>
      </c>
      <c r="CG15" s="281">
        <v>0</v>
      </c>
      <c r="CH15" s="281">
        <v>0</v>
      </c>
      <c r="CI15" s="281">
        <v>1</v>
      </c>
      <c r="CJ15" s="281">
        <v>1</v>
      </c>
      <c r="CK15" s="278">
        <v>2</v>
      </c>
      <c r="CL15" s="283">
        <v>2</v>
      </c>
      <c r="CM15" s="277">
        <v>0</v>
      </c>
      <c r="CN15" s="281">
        <v>0</v>
      </c>
      <c r="CO15" s="278">
        <v>0</v>
      </c>
      <c r="CP15" s="280">
        <v>0</v>
      </c>
      <c r="CQ15" s="281">
        <v>2</v>
      </c>
      <c r="CR15" s="281">
        <v>1</v>
      </c>
      <c r="CS15" s="281">
        <v>2</v>
      </c>
      <c r="CT15" s="281">
        <v>3</v>
      </c>
      <c r="CU15" s="281">
        <v>1</v>
      </c>
      <c r="CV15" s="278">
        <v>9</v>
      </c>
      <c r="CW15" s="283">
        <v>9</v>
      </c>
    </row>
    <row r="16" spans="1:101" ht="21" customHeight="1" x14ac:dyDescent="0.2">
      <c r="B16" s="262" t="s">
        <v>13</v>
      </c>
      <c r="C16" s="277">
        <v>0</v>
      </c>
      <c r="D16" s="278">
        <v>0</v>
      </c>
      <c r="E16" s="279">
        <v>0</v>
      </c>
      <c r="F16" s="280">
        <v>0</v>
      </c>
      <c r="G16" s="281">
        <v>0</v>
      </c>
      <c r="H16" s="281">
        <v>0</v>
      </c>
      <c r="I16" s="281">
        <v>0</v>
      </c>
      <c r="J16" s="281">
        <v>0</v>
      </c>
      <c r="K16" s="281">
        <v>0</v>
      </c>
      <c r="L16" s="282">
        <v>0</v>
      </c>
      <c r="M16" s="283">
        <v>0</v>
      </c>
      <c r="N16" s="277">
        <v>0</v>
      </c>
      <c r="O16" s="281">
        <v>0</v>
      </c>
      <c r="P16" s="278">
        <v>0</v>
      </c>
      <c r="Q16" s="280">
        <v>0</v>
      </c>
      <c r="R16" s="281">
        <v>0</v>
      </c>
      <c r="S16" s="281">
        <v>0</v>
      </c>
      <c r="T16" s="281">
        <v>0</v>
      </c>
      <c r="U16" s="281">
        <v>0</v>
      </c>
      <c r="V16" s="281">
        <v>0</v>
      </c>
      <c r="W16" s="278">
        <v>0</v>
      </c>
      <c r="X16" s="283">
        <v>0</v>
      </c>
      <c r="Y16" s="277">
        <v>0</v>
      </c>
      <c r="Z16" s="281">
        <v>0</v>
      </c>
      <c r="AA16" s="278">
        <v>0</v>
      </c>
      <c r="AB16" s="280">
        <v>0</v>
      </c>
      <c r="AC16" s="281">
        <v>11</v>
      </c>
      <c r="AD16" s="281">
        <v>10</v>
      </c>
      <c r="AE16" s="281">
        <v>4</v>
      </c>
      <c r="AF16" s="281">
        <v>1</v>
      </c>
      <c r="AG16" s="281">
        <v>2</v>
      </c>
      <c r="AH16" s="278">
        <v>28</v>
      </c>
      <c r="AI16" s="283">
        <v>28</v>
      </c>
      <c r="AJ16" s="277">
        <v>0</v>
      </c>
      <c r="AK16" s="281">
        <v>0</v>
      </c>
      <c r="AL16" s="278">
        <v>0</v>
      </c>
      <c r="AM16" s="280">
        <v>0</v>
      </c>
      <c r="AN16" s="281">
        <v>0</v>
      </c>
      <c r="AO16" s="281">
        <v>1</v>
      </c>
      <c r="AP16" s="281">
        <v>1</v>
      </c>
      <c r="AQ16" s="281">
        <v>1</v>
      </c>
      <c r="AR16" s="281">
        <v>0</v>
      </c>
      <c r="AS16" s="278">
        <v>3</v>
      </c>
      <c r="AT16" s="283">
        <v>3</v>
      </c>
      <c r="AU16" s="277">
        <v>0</v>
      </c>
      <c r="AV16" s="281">
        <v>0</v>
      </c>
      <c r="AW16" s="278">
        <v>0</v>
      </c>
      <c r="AX16" s="280">
        <v>0</v>
      </c>
      <c r="AY16" s="281">
        <v>2</v>
      </c>
      <c r="AZ16" s="281">
        <v>1</v>
      </c>
      <c r="BA16" s="281">
        <v>0</v>
      </c>
      <c r="BB16" s="281">
        <v>2</v>
      </c>
      <c r="BC16" s="281">
        <v>0</v>
      </c>
      <c r="BD16" s="278">
        <v>5</v>
      </c>
      <c r="BE16" s="283">
        <v>5</v>
      </c>
      <c r="BF16" s="277">
        <v>0</v>
      </c>
      <c r="BG16" s="281">
        <v>0</v>
      </c>
      <c r="BH16" s="278">
        <v>0</v>
      </c>
      <c r="BI16" s="280">
        <v>0</v>
      </c>
      <c r="BJ16" s="281">
        <v>1</v>
      </c>
      <c r="BK16" s="281">
        <v>0</v>
      </c>
      <c r="BL16" s="281">
        <v>2</v>
      </c>
      <c r="BM16" s="281">
        <v>2</v>
      </c>
      <c r="BN16" s="281">
        <v>0</v>
      </c>
      <c r="BO16" s="282">
        <v>5</v>
      </c>
      <c r="BP16" s="283">
        <v>5</v>
      </c>
      <c r="BQ16" s="277">
        <v>0</v>
      </c>
      <c r="BR16" s="281">
        <v>0</v>
      </c>
      <c r="BS16" s="278">
        <v>0</v>
      </c>
      <c r="BT16" s="280">
        <v>0</v>
      </c>
      <c r="BU16" s="281">
        <v>0</v>
      </c>
      <c r="BV16" s="281">
        <v>0</v>
      </c>
      <c r="BW16" s="281">
        <v>0</v>
      </c>
      <c r="BX16" s="281">
        <v>1</v>
      </c>
      <c r="BY16" s="281">
        <v>0</v>
      </c>
      <c r="BZ16" s="278">
        <v>1</v>
      </c>
      <c r="CA16" s="283">
        <v>1</v>
      </c>
      <c r="CB16" s="277">
        <v>0</v>
      </c>
      <c r="CC16" s="281">
        <v>0</v>
      </c>
      <c r="CD16" s="278">
        <v>0</v>
      </c>
      <c r="CE16" s="280">
        <v>0</v>
      </c>
      <c r="CF16" s="281">
        <v>0</v>
      </c>
      <c r="CG16" s="281">
        <v>0</v>
      </c>
      <c r="CH16" s="281">
        <v>0</v>
      </c>
      <c r="CI16" s="281">
        <v>0</v>
      </c>
      <c r="CJ16" s="281">
        <v>0</v>
      </c>
      <c r="CK16" s="278">
        <v>0</v>
      </c>
      <c r="CL16" s="283">
        <v>0</v>
      </c>
      <c r="CM16" s="277">
        <v>0</v>
      </c>
      <c r="CN16" s="281">
        <v>0</v>
      </c>
      <c r="CO16" s="278">
        <v>0</v>
      </c>
      <c r="CP16" s="280">
        <v>0</v>
      </c>
      <c r="CQ16" s="281">
        <v>0</v>
      </c>
      <c r="CR16" s="281">
        <v>0</v>
      </c>
      <c r="CS16" s="281">
        <v>0</v>
      </c>
      <c r="CT16" s="281">
        <v>0</v>
      </c>
      <c r="CU16" s="281">
        <v>0</v>
      </c>
      <c r="CV16" s="278">
        <v>0</v>
      </c>
      <c r="CW16" s="283">
        <v>0</v>
      </c>
    </row>
    <row r="17" spans="2:101" ht="21" customHeight="1" x14ac:dyDescent="0.2">
      <c r="B17" s="262" t="s">
        <v>15</v>
      </c>
      <c r="C17" s="277">
        <v>0</v>
      </c>
      <c r="D17" s="278">
        <v>0</v>
      </c>
      <c r="E17" s="279">
        <v>0</v>
      </c>
      <c r="F17" s="280">
        <v>0</v>
      </c>
      <c r="G17" s="281">
        <v>0</v>
      </c>
      <c r="H17" s="281">
        <v>0</v>
      </c>
      <c r="I17" s="281">
        <v>0</v>
      </c>
      <c r="J17" s="281">
        <v>0</v>
      </c>
      <c r="K17" s="281">
        <v>0</v>
      </c>
      <c r="L17" s="282">
        <v>0</v>
      </c>
      <c r="M17" s="283">
        <v>0</v>
      </c>
      <c r="N17" s="277">
        <v>0</v>
      </c>
      <c r="O17" s="281">
        <v>0</v>
      </c>
      <c r="P17" s="278">
        <v>0</v>
      </c>
      <c r="Q17" s="280">
        <v>0</v>
      </c>
      <c r="R17" s="281">
        <v>0</v>
      </c>
      <c r="S17" s="281">
        <v>0</v>
      </c>
      <c r="T17" s="281">
        <v>0</v>
      </c>
      <c r="U17" s="281">
        <v>0</v>
      </c>
      <c r="V17" s="281">
        <v>0</v>
      </c>
      <c r="W17" s="278">
        <v>0</v>
      </c>
      <c r="X17" s="283">
        <v>0</v>
      </c>
      <c r="Y17" s="277">
        <v>0</v>
      </c>
      <c r="Z17" s="281">
        <v>0</v>
      </c>
      <c r="AA17" s="278">
        <v>0</v>
      </c>
      <c r="AB17" s="280">
        <v>0</v>
      </c>
      <c r="AC17" s="281">
        <v>5</v>
      </c>
      <c r="AD17" s="281">
        <v>9</v>
      </c>
      <c r="AE17" s="281">
        <v>2</v>
      </c>
      <c r="AF17" s="281">
        <v>1</v>
      </c>
      <c r="AG17" s="281">
        <v>1</v>
      </c>
      <c r="AH17" s="278">
        <v>18</v>
      </c>
      <c r="AI17" s="283">
        <v>18</v>
      </c>
      <c r="AJ17" s="277">
        <v>0</v>
      </c>
      <c r="AK17" s="281">
        <v>0</v>
      </c>
      <c r="AL17" s="278">
        <v>0</v>
      </c>
      <c r="AM17" s="280">
        <v>0</v>
      </c>
      <c r="AN17" s="281">
        <v>0</v>
      </c>
      <c r="AO17" s="281">
        <v>1</v>
      </c>
      <c r="AP17" s="281">
        <v>0</v>
      </c>
      <c r="AQ17" s="281">
        <v>0</v>
      </c>
      <c r="AR17" s="281">
        <v>0</v>
      </c>
      <c r="AS17" s="278">
        <v>1</v>
      </c>
      <c r="AT17" s="283">
        <v>1</v>
      </c>
      <c r="AU17" s="277">
        <v>0</v>
      </c>
      <c r="AV17" s="281">
        <v>0</v>
      </c>
      <c r="AW17" s="278">
        <v>0</v>
      </c>
      <c r="AX17" s="280">
        <v>0</v>
      </c>
      <c r="AY17" s="281">
        <v>0</v>
      </c>
      <c r="AZ17" s="281">
        <v>1</v>
      </c>
      <c r="BA17" s="281">
        <v>0</v>
      </c>
      <c r="BB17" s="281">
        <v>2</v>
      </c>
      <c r="BC17" s="281">
        <v>0</v>
      </c>
      <c r="BD17" s="278">
        <v>3</v>
      </c>
      <c r="BE17" s="283">
        <v>3</v>
      </c>
      <c r="BF17" s="277">
        <v>0</v>
      </c>
      <c r="BG17" s="281">
        <v>0</v>
      </c>
      <c r="BH17" s="278">
        <v>0</v>
      </c>
      <c r="BI17" s="280">
        <v>0</v>
      </c>
      <c r="BJ17" s="281">
        <v>2</v>
      </c>
      <c r="BK17" s="281">
        <v>2</v>
      </c>
      <c r="BL17" s="281">
        <v>0</v>
      </c>
      <c r="BM17" s="281">
        <v>1</v>
      </c>
      <c r="BN17" s="281">
        <v>0</v>
      </c>
      <c r="BO17" s="282">
        <v>5</v>
      </c>
      <c r="BP17" s="283">
        <v>5</v>
      </c>
      <c r="BQ17" s="277">
        <v>0</v>
      </c>
      <c r="BR17" s="281">
        <v>0</v>
      </c>
      <c r="BS17" s="278">
        <v>0</v>
      </c>
      <c r="BT17" s="280">
        <v>0</v>
      </c>
      <c r="BU17" s="281">
        <v>0</v>
      </c>
      <c r="BV17" s="281">
        <v>0</v>
      </c>
      <c r="BW17" s="281">
        <v>0</v>
      </c>
      <c r="BX17" s="281">
        <v>0</v>
      </c>
      <c r="BY17" s="281">
        <v>0</v>
      </c>
      <c r="BZ17" s="278">
        <v>0</v>
      </c>
      <c r="CA17" s="283">
        <v>0</v>
      </c>
      <c r="CB17" s="277">
        <v>0</v>
      </c>
      <c r="CC17" s="281">
        <v>0</v>
      </c>
      <c r="CD17" s="278">
        <v>0</v>
      </c>
      <c r="CE17" s="280">
        <v>0</v>
      </c>
      <c r="CF17" s="281">
        <v>0</v>
      </c>
      <c r="CG17" s="281">
        <v>0</v>
      </c>
      <c r="CH17" s="281">
        <v>0</v>
      </c>
      <c r="CI17" s="281">
        <v>0</v>
      </c>
      <c r="CJ17" s="281">
        <v>0</v>
      </c>
      <c r="CK17" s="278">
        <v>0</v>
      </c>
      <c r="CL17" s="283">
        <v>0</v>
      </c>
      <c r="CM17" s="277">
        <v>0</v>
      </c>
      <c r="CN17" s="281">
        <v>0</v>
      </c>
      <c r="CO17" s="278">
        <v>0</v>
      </c>
      <c r="CP17" s="280">
        <v>0</v>
      </c>
      <c r="CQ17" s="281">
        <v>0</v>
      </c>
      <c r="CR17" s="281">
        <v>0</v>
      </c>
      <c r="CS17" s="281">
        <v>0</v>
      </c>
      <c r="CT17" s="281">
        <v>0</v>
      </c>
      <c r="CU17" s="281">
        <v>0</v>
      </c>
      <c r="CV17" s="278">
        <v>0</v>
      </c>
      <c r="CW17" s="283">
        <v>0</v>
      </c>
    </row>
    <row r="18" spans="2:101" ht="21" customHeight="1" x14ac:dyDescent="0.2">
      <c r="B18" s="262" t="s">
        <v>16</v>
      </c>
      <c r="C18" s="277">
        <v>0</v>
      </c>
      <c r="D18" s="278">
        <v>0</v>
      </c>
      <c r="E18" s="279">
        <v>0</v>
      </c>
      <c r="F18" s="280">
        <v>0</v>
      </c>
      <c r="G18" s="281">
        <v>0</v>
      </c>
      <c r="H18" s="281">
        <v>0</v>
      </c>
      <c r="I18" s="281">
        <v>2</v>
      </c>
      <c r="J18" s="281">
        <v>1</v>
      </c>
      <c r="K18" s="281">
        <v>0</v>
      </c>
      <c r="L18" s="282">
        <v>3</v>
      </c>
      <c r="M18" s="283">
        <v>3</v>
      </c>
      <c r="N18" s="277">
        <v>0</v>
      </c>
      <c r="O18" s="281">
        <v>0</v>
      </c>
      <c r="P18" s="278">
        <v>0</v>
      </c>
      <c r="Q18" s="280">
        <v>0</v>
      </c>
      <c r="R18" s="281">
        <v>0</v>
      </c>
      <c r="S18" s="281">
        <v>0</v>
      </c>
      <c r="T18" s="281">
        <v>0</v>
      </c>
      <c r="U18" s="281">
        <v>0</v>
      </c>
      <c r="V18" s="281">
        <v>0</v>
      </c>
      <c r="W18" s="278">
        <v>0</v>
      </c>
      <c r="X18" s="283">
        <v>0</v>
      </c>
      <c r="Y18" s="277">
        <v>0</v>
      </c>
      <c r="Z18" s="281">
        <v>0</v>
      </c>
      <c r="AA18" s="278">
        <v>0</v>
      </c>
      <c r="AB18" s="280">
        <v>0</v>
      </c>
      <c r="AC18" s="281">
        <v>9</v>
      </c>
      <c r="AD18" s="281">
        <v>14</v>
      </c>
      <c r="AE18" s="281">
        <v>1</v>
      </c>
      <c r="AF18" s="281">
        <v>1</v>
      </c>
      <c r="AG18" s="281">
        <v>1</v>
      </c>
      <c r="AH18" s="278">
        <v>26</v>
      </c>
      <c r="AI18" s="283">
        <v>26</v>
      </c>
      <c r="AJ18" s="277">
        <v>0</v>
      </c>
      <c r="AK18" s="281">
        <v>0</v>
      </c>
      <c r="AL18" s="278">
        <v>0</v>
      </c>
      <c r="AM18" s="280">
        <v>0</v>
      </c>
      <c r="AN18" s="281">
        <v>2</v>
      </c>
      <c r="AO18" s="281">
        <v>0</v>
      </c>
      <c r="AP18" s="281">
        <v>1</v>
      </c>
      <c r="AQ18" s="281">
        <v>0</v>
      </c>
      <c r="AR18" s="281">
        <v>0</v>
      </c>
      <c r="AS18" s="278">
        <v>3</v>
      </c>
      <c r="AT18" s="283">
        <v>3</v>
      </c>
      <c r="AU18" s="277">
        <v>0</v>
      </c>
      <c r="AV18" s="281">
        <v>0</v>
      </c>
      <c r="AW18" s="278">
        <v>0</v>
      </c>
      <c r="AX18" s="280">
        <v>0</v>
      </c>
      <c r="AY18" s="281">
        <v>0</v>
      </c>
      <c r="AZ18" s="281">
        <v>0</v>
      </c>
      <c r="BA18" s="281">
        <v>2</v>
      </c>
      <c r="BB18" s="281">
        <v>0</v>
      </c>
      <c r="BC18" s="281">
        <v>0</v>
      </c>
      <c r="BD18" s="278">
        <v>2</v>
      </c>
      <c r="BE18" s="283">
        <v>2</v>
      </c>
      <c r="BF18" s="277">
        <v>0</v>
      </c>
      <c r="BG18" s="281">
        <v>0</v>
      </c>
      <c r="BH18" s="278">
        <v>0</v>
      </c>
      <c r="BI18" s="280">
        <v>0</v>
      </c>
      <c r="BJ18" s="281">
        <v>1</v>
      </c>
      <c r="BK18" s="281">
        <v>3</v>
      </c>
      <c r="BL18" s="281">
        <v>3</v>
      </c>
      <c r="BM18" s="281">
        <v>1</v>
      </c>
      <c r="BN18" s="281">
        <v>2</v>
      </c>
      <c r="BO18" s="282">
        <v>10</v>
      </c>
      <c r="BP18" s="283">
        <v>10</v>
      </c>
      <c r="BQ18" s="277">
        <v>0</v>
      </c>
      <c r="BR18" s="281">
        <v>0</v>
      </c>
      <c r="BS18" s="278">
        <v>0</v>
      </c>
      <c r="BT18" s="280">
        <v>0</v>
      </c>
      <c r="BU18" s="281">
        <v>0</v>
      </c>
      <c r="BV18" s="281">
        <v>0</v>
      </c>
      <c r="BW18" s="281">
        <v>0</v>
      </c>
      <c r="BX18" s="281">
        <v>0</v>
      </c>
      <c r="BY18" s="281">
        <v>0</v>
      </c>
      <c r="BZ18" s="278">
        <v>0</v>
      </c>
      <c r="CA18" s="283">
        <v>0</v>
      </c>
      <c r="CB18" s="277">
        <v>0</v>
      </c>
      <c r="CC18" s="281">
        <v>0</v>
      </c>
      <c r="CD18" s="278">
        <v>0</v>
      </c>
      <c r="CE18" s="280">
        <v>0</v>
      </c>
      <c r="CF18" s="281">
        <v>0</v>
      </c>
      <c r="CG18" s="281">
        <v>0</v>
      </c>
      <c r="CH18" s="281">
        <v>0</v>
      </c>
      <c r="CI18" s="281">
        <v>0</v>
      </c>
      <c r="CJ18" s="281">
        <v>0</v>
      </c>
      <c r="CK18" s="278">
        <v>0</v>
      </c>
      <c r="CL18" s="283">
        <v>0</v>
      </c>
      <c r="CM18" s="277">
        <v>0</v>
      </c>
      <c r="CN18" s="281">
        <v>0</v>
      </c>
      <c r="CO18" s="278">
        <v>0</v>
      </c>
      <c r="CP18" s="280">
        <v>0</v>
      </c>
      <c r="CQ18" s="281">
        <v>0</v>
      </c>
      <c r="CR18" s="281">
        <v>1</v>
      </c>
      <c r="CS18" s="281">
        <v>1</v>
      </c>
      <c r="CT18" s="281">
        <v>0</v>
      </c>
      <c r="CU18" s="281">
        <v>0</v>
      </c>
      <c r="CV18" s="278">
        <v>2</v>
      </c>
      <c r="CW18" s="283">
        <v>2</v>
      </c>
    </row>
    <row r="19" spans="2:101" ht="21" customHeight="1" x14ac:dyDescent="0.2">
      <c r="B19" s="262" t="s">
        <v>17</v>
      </c>
      <c r="C19" s="277">
        <v>0</v>
      </c>
      <c r="D19" s="278">
        <v>0</v>
      </c>
      <c r="E19" s="279">
        <v>0</v>
      </c>
      <c r="F19" s="280">
        <v>0</v>
      </c>
      <c r="G19" s="281">
        <v>0</v>
      </c>
      <c r="H19" s="281">
        <v>1</v>
      </c>
      <c r="I19" s="281">
        <v>0</v>
      </c>
      <c r="J19" s="281">
        <v>0</v>
      </c>
      <c r="K19" s="281">
        <v>0</v>
      </c>
      <c r="L19" s="282">
        <v>1</v>
      </c>
      <c r="M19" s="283">
        <v>1</v>
      </c>
      <c r="N19" s="277">
        <v>0</v>
      </c>
      <c r="O19" s="281">
        <v>0</v>
      </c>
      <c r="P19" s="278">
        <v>0</v>
      </c>
      <c r="Q19" s="280">
        <v>0</v>
      </c>
      <c r="R19" s="281">
        <v>0</v>
      </c>
      <c r="S19" s="281">
        <v>0</v>
      </c>
      <c r="T19" s="281">
        <v>0</v>
      </c>
      <c r="U19" s="281">
        <v>0</v>
      </c>
      <c r="V19" s="281">
        <v>0</v>
      </c>
      <c r="W19" s="278">
        <v>0</v>
      </c>
      <c r="X19" s="283">
        <v>0</v>
      </c>
      <c r="Y19" s="277">
        <v>0</v>
      </c>
      <c r="Z19" s="281">
        <v>0</v>
      </c>
      <c r="AA19" s="278">
        <v>0</v>
      </c>
      <c r="AB19" s="280">
        <v>0</v>
      </c>
      <c r="AC19" s="281">
        <v>19</v>
      </c>
      <c r="AD19" s="281">
        <v>14</v>
      </c>
      <c r="AE19" s="281">
        <v>9</v>
      </c>
      <c r="AF19" s="281">
        <v>3</v>
      </c>
      <c r="AG19" s="281">
        <v>3</v>
      </c>
      <c r="AH19" s="278">
        <v>48</v>
      </c>
      <c r="AI19" s="283">
        <v>48</v>
      </c>
      <c r="AJ19" s="277">
        <v>0</v>
      </c>
      <c r="AK19" s="281">
        <v>0</v>
      </c>
      <c r="AL19" s="278">
        <v>0</v>
      </c>
      <c r="AM19" s="280">
        <v>0</v>
      </c>
      <c r="AN19" s="281">
        <v>1</v>
      </c>
      <c r="AO19" s="281">
        <v>0</v>
      </c>
      <c r="AP19" s="281">
        <v>2</v>
      </c>
      <c r="AQ19" s="281">
        <v>0</v>
      </c>
      <c r="AR19" s="281">
        <v>1</v>
      </c>
      <c r="AS19" s="278">
        <v>4</v>
      </c>
      <c r="AT19" s="283">
        <v>4</v>
      </c>
      <c r="AU19" s="277">
        <v>0</v>
      </c>
      <c r="AV19" s="281">
        <v>0</v>
      </c>
      <c r="AW19" s="278">
        <v>0</v>
      </c>
      <c r="AX19" s="280">
        <v>0</v>
      </c>
      <c r="AY19" s="281">
        <v>0</v>
      </c>
      <c r="AZ19" s="281">
        <v>3</v>
      </c>
      <c r="BA19" s="281">
        <v>3</v>
      </c>
      <c r="BB19" s="281">
        <v>2</v>
      </c>
      <c r="BC19" s="281">
        <v>2</v>
      </c>
      <c r="BD19" s="278">
        <v>10</v>
      </c>
      <c r="BE19" s="283">
        <v>10</v>
      </c>
      <c r="BF19" s="277">
        <v>0</v>
      </c>
      <c r="BG19" s="281">
        <v>0</v>
      </c>
      <c r="BH19" s="278">
        <v>0</v>
      </c>
      <c r="BI19" s="280">
        <v>0</v>
      </c>
      <c r="BJ19" s="281">
        <v>2</v>
      </c>
      <c r="BK19" s="281">
        <v>5</v>
      </c>
      <c r="BL19" s="281">
        <v>2</v>
      </c>
      <c r="BM19" s="281">
        <v>1</v>
      </c>
      <c r="BN19" s="281">
        <v>0</v>
      </c>
      <c r="BO19" s="282">
        <v>10</v>
      </c>
      <c r="BP19" s="283">
        <v>10</v>
      </c>
      <c r="BQ19" s="277">
        <v>0</v>
      </c>
      <c r="BR19" s="281">
        <v>0</v>
      </c>
      <c r="BS19" s="278">
        <v>0</v>
      </c>
      <c r="BT19" s="280">
        <v>0</v>
      </c>
      <c r="BU19" s="281">
        <v>0</v>
      </c>
      <c r="BV19" s="281">
        <v>0</v>
      </c>
      <c r="BW19" s="281">
        <v>0</v>
      </c>
      <c r="BX19" s="281">
        <v>0</v>
      </c>
      <c r="BY19" s="281">
        <v>0</v>
      </c>
      <c r="BZ19" s="278">
        <v>0</v>
      </c>
      <c r="CA19" s="283">
        <v>0</v>
      </c>
      <c r="CB19" s="277">
        <v>0</v>
      </c>
      <c r="CC19" s="281">
        <v>0</v>
      </c>
      <c r="CD19" s="278">
        <v>0</v>
      </c>
      <c r="CE19" s="280">
        <v>0</v>
      </c>
      <c r="CF19" s="281">
        <v>0</v>
      </c>
      <c r="CG19" s="281">
        <v>0</v>
      </c>
      <c r="CH19" s="281">
        <v>3</v>
      </c>
      <c r="CI19" s="281">
        <v>0</v>
      </c>
      <c r="CJ19" s="281">
        <v>0</v>
      </c>
      <c r="CK19" s="278">
        <v>3</v>
      </c>
      <c r="CL19" s="283">
        <v>3</v>
      </c>
      <c r="CM19" s="277">
        <v>0</v>
      </c>
      <c r="CN19" s="281">
        <v>0</v>
      </c>
      <c r="CO19" s="278">
        <v>0</v>
      </c>
      <c r="CP19" s="280">
        <v>0</v>
      </c>
      <c r="CQ19" s="281">
        <v>1</v>
      </c>
      <c r="CR19" s="281">
        <v>0</v>
      </c>
      <c r="CS19" s="281">
        <v>0</v>
      </c>
      <c r="CT19" s="281">
        <v>0</v>
      </c>
      <c r="CU19" s="281">
        <v>0</v>
      </c>
      <c r="CV19" s="278">
        <v>1</v>
      </c>
      <c r="CW19" s="283">
        <v>1</v>
      </c>
    </row>
    <row r="20" spans="2:101" ht="21" customHeight="1" x14ac:dyDescent="0.2">
      <c r="B20" s="262" t="s">
        <v>18</v>
      </c>
      <c r="C20" s="277">
        <v>0</v>
      </c>
      <c r="D20" s="278">
        <v>0</v>
      </c>
      <c r="E20" s="279">
        <v>0</v>
      </c>
      <c r="F20" s="280">
        <v>0</v>
      </c>
      <c r="G20" s="281">
        <v>0</v>
      </c>
      <c r="H20" s="281">
        <v>0</v>
      </c>
      <c r="I20" s="281">
        <v>0</v>
      </c>
      <c r="J20" s="281">
        <v>0</v>
      </c>
      <c r="K20" s="281">
        <v>0</v>
      </c>
      <c r="L20" s="282">
        <v>0</v>
      </c>
      <c r="M20" s="283">
        <v>0</v>
      </c>
      <c r="N20" s="277">
        <v>0</v>
      </c>
      <c r="O20" s="281">
        <v>0</v>
      </c>
      <c r="P20" s="278">
        <v>0</v>
      </c>
      <c r="Q20" s="280">
        <v>0</v>
      </c>
      <c r="R20" s="281">
        <v>0</v>
      </c>
      <c r="S20" s="281">
        <v>0</v>
      </c>
      <c r="T20" s="281">
        <v>0</v>
      </c>
      <c r="U20" s="281">
        <v>0</v>
      </c>
      <c r="V20" s="281">
        <v>0</v>
      </c>
      <c r="W20" s="278">
        <v>0</v>
      </c>
      <c r="X20" s="283">
        <v>0</v>
      </c>
      <c r="Y20" s="277">
        <v>0</v>
      </c>
      <c r="Z20" s="281">
        <v>0</v>
      </c>
      <c r="AA20" s="278">
        <v>0</v>
      </c>
      <c r="AB20" s="280">
        <v>0</v>
      </c>
      <c r="AC20" s="281">
        <v>22</v>
      </c>
      <c r="AD20" s="281">
        <v>17</v>
      </c>
      <c r="AE20" s="281">
        <v>5</v>
      </c>
      <c r="AF20" s="281">
        <v>2</v>
      </c>
      <c r="AG20" s="281">
        <v>0</v>
      </c>
      <c r="AH20" s="278">
        <v>46</v>
      </c>
      <c r="AI20" s="283">
        <v>46</v>
      </c>
      <c r="AJ20" s="277">
        <v>0</v>
      </c>
      <c r="AK20" s="281">
        <v>0</v>
      </c>
      <c r="AL20" s="278">
        <v>0</v>
      </c>
      <c r="AM20" s="280">
        <v>0</v>
      </c>
      <c r="AN20" s="281">
        <v>2</v>
      </c>
      <c r="AO20" s="281">
        <v>0</v>
      </c>
      <c r="AP20" s="281">
        <v>1</v>
      </c>
      <c r="AQ20" s="281">
        <v>0</v>
      </c>
      <c r="AR20" s="281">
        <v>1</v>
      </c>
      <c r="AS20" s="278">
        <v>4</v>
      </c>
      <c r="AT20" s="283">
        <v>4</v>
      </c>
      <c r="AU20" s="277">
        <v>2</v>
      </c>
      <c r="AV20" s="281">
        <v>0</v>
      </c>
      <c r="AW20" s="278">
        <v>2</v>
      </c>
      <c r="AX20" s="280">
        <v>0</v>
      </c>
      <c r="AY20" s="281">
        <v>5</v>
      </c>
      <c r="AZ20" s="281">
        <v>3</v>
      </c>
      <c r="BA20" s="281">
        <v>3</v>
      </c>
      <c r="BB20" s="281">
        <v>0</v>
      </c>
      <c r="BC20" s="281">
        <v>0</v>
      </c>
      <c r="BD20" s="278">
        <v>11</v>
      </c>
      <c r="BE20" s="283">
        <v>13</v>
      </c>
      <c r="BF20" s="277">
        <v>0</v>
      </c>
      <c r="BG20" s="281">
        <v>0</v>
      </c>
      <c r="BH20" s="278">
        <v>0</v>
      </c>
      <c r="BI20" s="280">
        <v>0</v>
      </c>
      <c r="BJ20" s="281">
        <v>1</v>
      </c>
      <c r="BK20" s="281">
        <v>6</v>
      </c>
      <c r="BL20" s="281">
        <v>5</v>
      </c>
      <c r="BM20" s="281">
        <v>2</v>
      </c>
      <c r="BN20" s="281">
        <v>2</v>
      </c>
      <c r="BO20" s="282">
        <v>16</v>
      </c>
      <c r="BP20" s="283">
        <v>16</v>
      </c>
      <c r="BQ20" s="277">
        <v>0</v>
      </c>
      <c r="BR20" s="281">
        <v>0</v>
      </c>
      <c r="BS20" s="278">
        <v>0</v>
      </c>
      <c r="BT20" s="280">
        <v>0</v>
      </c>
      <c r="BU20" s="281">
        <v>0</v>
      </c>
      <c r="BV20" s="281">
        <v>0</v>
      </c>
      <c r="BW20" s="281">
        <v>0</v>
      </c>
      <c r="BX20" s="281">
        <v>0</v>
      </c>
      <c r="BY20" s="281">
        <v>0</v>
      </c>
      <c r="BZ20" s="278">
        <v>0</v>
      </c>
      <c r="CA20" s="283">
        <v>0</v>
      </c>
      <c r="CB20" s="277">
        <v>0</v>
      </c>
      <c r="CC20" s="281">
        <v>0</v>
      </c>
      <c r="CD20" s="278">
        <v>0</v>
      </c>
      <c r="CE20" s="280">
        <v>0</v>
      </c>
      <c r="CF20" s="281">
        <v>0</v>
      </c>
      <c r="CG20" s="281">
        <v>0</v>
      </c>
      <c r="CH20" s="281">
        <v>0</v>
      </c>
      <c r="CI20" s="281">
        <v>0</v>
      </c>
      <c r="CJ20" s="281">
        <v>0</v>
      </c>
      <c r="CK20" s="278">
        <v>0</v>
      </c>
      <c r="CL20" s="283">
        <v>0</v>
      </c>
      <c r="CM20" s="277">
        <v>0</v>
      </c>
      <c r="CN20" s="281">
        <v>0</v>
      </c>
      <c r="CO20" s="278">
        <v>0</v>
      </c>
      <c r="CP20" s="280">
        <v>0</v>
      </c>
      <c r="CQ20" s="281">
        <v>0</v>
      </c>
      <c r="CR20" s="281">
        <v>1</v>
      </c>
      <c r="CS20" s="281">
        <v>2</v>
      </c>
      <c r="CT20" s="281">
        <v>4</v>
      </c>
      <c r="CU20" s="281">
        <v>0</v>
      </c>
      <c r="CV20" s="278">
        <v>7</v>
      </c>
      <c r="CW20" s="283">
        <v>7</v>
      </c>
    </row>
    <row r="21" spans="2:101" ht="21" customHeight="1" x14ac:dyDescent="0.2">
      <c r="B21" s="262" t="s">
        <v>19</v>
      </c>
      <c r="C21" s="277">
        <v>0</v>
      </c>
      <c r="D21" s="278">
        <v>0</v>
      </c>
      <c r="E21" s="279">
        <v>0</v>
      </c>
      <c r="F21" s="280">
        <v>0</v>
      </c>
      <c r="G21" s="281">
        <v>1</v>
      </c>
      <c r="H21" s="281">
        <v>0</v>
      </c>
      <c r="I21" s="281">
        <v>0</v>
      </c>
      <c r="J21" s="281">
        <v>0</v>
      </c>
      <c r="K21" s="281">
        <v>0</v>
      </c>
      <c r="L21" s="282">
        <v>1</v>
      </c>
      <c r="M21" s="283">
        <v>1</v>
      </c>
      <c r="N21" s="277">
        <v>0</v>
      </c>
      <c r="O21" s="281">
        <v>0</v>
      </c>
      <c r="P21" s="278">
        <v>0</v>
      </c>
      <c r="Q21" s="280">
        <v>0</v>
      </c>
      <c r="R21" s="281">
        <v>0</v>
      </c>
      <c r="S21" s="281">
        <v>0</v>
      </c>
      <c r="T21" s="281">
        <v>0</v>
      </c>
      <c r="U21" s="281">
        <v>0</v>
      </c>
      <c r="V21" s="281">
        <v>0</v>
      </c>
      <c r="W21" s="278">
        <v>0</v>
      </c>
      <c r="X21" s="283">
        <v>0</v>
      </c>
      <c r="Y21" s="277">
        <v>0</v>
      </c>
      <c r="Z21" s="281">
        <v>0</v>
      </c>
      <c r="AA21" s="278">
        <v>0</v>
      </c>
      <c r="AB21" s="280">
        <v>0</v>
      </c>
      <c r="AC21" s="281">
        <v>6</v>
      </c>
      <c r="AD21" s="281">
        <v>5</v>
      </c>
      <c r="AE21" s="281">
        <v>1</v>
      </c>
      <c r="AF21" s="281">
        <v>3</v>
      </c>
      <c r="AG21" s="281">
        <v>0</v>
      </c>
      <c r="AH21" s="278">
        <v>15</v>
      </c>
      <c r="AI21" s="283">
        <v>15</v>
      </c>
      <c r="AJ21" s="277">
        <v>0</v>
      </c>
      <c r="AK21" s="281">
        <v>0</v>
      </c>
      <c r="AL21" s="278">
        <v>0</v>
      </c>
      <c r="AM21" s="280">
        <v>0</v>
      </c>
      <c r="AN21" s="281">
        <v>0</v>
      </c>
      <c r="AO21" s="281">
        <v>4</v>
      </c>
      <c r="AP21" s="281">
        <v>0</v>
      </c>
      <c r="AQ21" s="281">
        <v>0</v>
      </c>
      <c r="AR21" s="281">
        <v>0</v>
      </c>
      <c r="AS21" s="278">
        <v>4</v>
      </c>
      <c r="AT21" s="283">
        <v>4</v>
      </c>
      <c r="AU21" s="277">
        <v>0</v>
      </c>
      <c r="AV21" s="281">
        <v>0</v>
      </c>
      <c r="AW21" s="278">
        <v>0</v>
      </c>
      <c r="AX21" s="280">
        <v>0</v>
      </c>
      <c r="AY21" s="281">
        <v>2</v>
      </c>
      <c r="AZ21" s="281">
        <v>3</v>
      </c>
      <c r="BA21" s="281">
        <v>1</v>
      </c>
      <c r="BB21" s="281">
        <v>0</v>
      </c>
      <c r="BC21" s="281">
        <v>2</v>
      </c>
      <c r="BD21" s="278">
        <v>8</v>
      </c>
      <c r="BE21" s="283">
        <v>8</v>
      </c>
      <c r="BF21" s="277">
        <v>0</v>
      </c>
      <c r="BG21" s="281">
        <v>0</v>
      </c>
      <c r="BH21" s="278">
        <v>0</v>
      </c>
      <c r="BI21" s="280">
        <v>0</v>
      </c>
      <c r="BJ21" s="281">
        <v>2</v>
      </c>
      <c r="BK21" s="281">
        <v>1</v>
      </c>
      <c r="BL21" s="281">
        <v>0</v>
      </c>
      <c r="BM21" s="281">
        <v>1</v>
      </c>
      <c r="BN21" s="281">
        <v>0</v>
      </c>
      <c r="BO21" s="282">
        <v>4</v>
      </c>
      <c r="BP21" s="283">
        <v>4</v>
      </c>
      <c r="BQ21" s="277">
        <v>0</v>
      </c>
      <c r="BR21" s="281">
        <v>0</v>
      </c>
      <c r="BS21" s="278">
        <v>0</v>
      </c>
      <c r="BT21" s="280">
        <v>0</v>
      </c>
      <c r="BU21" s="281">
        <v>0</v>
      </c>
      <c r="BV21" s="281">
        <v>0</v>
      </c>
      <c r="BW21" s="281">
        <v>0</v>
      </c>
      <c r="BX21" s="281">
        <v>0</v>
      </c>
      <c r="BY21" s="281">
        <v>0</v>
      </c>
      <c r="BZ21" s="278">
        <v>0</v>
      </c>
      <c r="CA21" s="283">
        <v>0</v>
      </c>
      <c r="CB21" s="277">
        <v>0</v>
      </c>
      <c r="CC21" s="281">
        <v>0</v>
      </c>
      <c r="CD21" s="278">
        <v>0</v>
      </c>
      <c r="CE21" s="280">
        <v>0</v>
      </c>
      <c r="CF21" s="281">
        <v>0</v>
      </c>
      <c r="CG21" s="281">
        <v>0</v>
      </c>
      <c r="CH21" s="281">
        <v>0</v>
      </c>
      <c r="CI21" s="281">
        <v>0</v>
      </c>
      <c r="CJ21" s="281">
        <v>0</v>
      </c>
      <c r="CK21" s="278">
        <v>0</v>
      </c>
      <c r="CL21" s="283">
        <v>0</v>
      </c>
      <c r="CM21" s="277">
        <v>0</v>
      </c>
      <c r="CN21" s="281">
        <v>0</v>
      </c>
      <c r="CO21" s="278">
        <v>0</v>
      </c>
      <c r="CP21" s="280">
        <v>0</v>
      </c>
      <c r="CQ21" s="281">
        <v>0</v>
      </c>
      <c r="CR21" s="281">
        <v>0</v>
      </c>
      <c r="CS21" s="281">
        <v>1</v>
      </c>
      <c r="CT21" s="281">
        <v>1</v>
      </c>
      <c r="CU21" s="281">
        <v>1</v>
      </c>
      <c r="CV21" s="278">
        <v>3</v>
      </c>
      <c r="CW21" s="283">
        <v>3</v>
      </c>
    </row>
    <row r="22" spans="2:101" ht="21" customHeight="1" x14ac:dyDescent="0.2">
      <c r="B22" s="262" t="s">
        <v>20</v>
      </c>
      <c r="C22" s="277">
        <v>0</v>
      </c>
      <c r="D22" s="278">
        <v>0</v>
      </c>
      <c r="E22" s="279">
        <v>0</v>
      </c>
      <c r="F22" s="280">
        <v>0</v>
      </c>
      <c r="G22" s="281">
        <v>0</v>
      </c>
      <c r="H22" s="281">
        <v>0</v>
      </c>
      <c r="I22" s="281">
        <v>0</v>
      </c>
      <c r="J22" s="281">
        <v>0</v>
      </c>
      <c r="K22" s="281">
        <v>0</v>
      </c>
      <c r="L22" s="282">
        <v>0</v>
      </c>
      <c r="M22" s="283">
        <v>0</v>
      </c>
      <c r="N22" s="277">
        <v>0</v>
      </c>
      <c r="O22" s="281">
        <v>0</v>
      </c>
      <c r="P22" s="278">
        <v>0</v>
      </c>
      <c r="Q22" s="280">
        <v>0</v>
      </c>
      <c r="R22" s="281">
        <v>0</v>
      </c>
      <c r="S22" s="281">
        <v>0</v>
      </c>
      <c r="T22" s="281">
        <v>0</v>
      </c>
      <c r="U22" s="281">
        <v>0</v>
      </c>
      <c r="V22" s="281">
        <v>0</v>
      </c>
      <c r="W22" s="278">
        <v>0</v>
      </c>
      <c r="X22" s="283">
        <v>0</v>
      </c>
      <c r="Y22" s="277">
        <v>0</v>
      </c>
      <c r="Z22" s="281">
        <v>0</v>
      </c>
      <c r="AA22" s="278">
        <v>0</v>
      </c>
      <c r="AB22" s="280">
        <v>0</v>
      </c>
      <c r="AC22" s="281">
        <v>13</v>
      </c>
      <c r="AD22" s="281">
        <v>9</v>
      </c>
      <c r="AE22" s="281">
        <v>3</v>
      </c>
      <c r="AF22" s="281">
        <v>2</v>
      </c>
      <c r="AG22" s="281">
        <v>0</v>
      </c>
      <c r="AH22" s="278">
        <v>27</v>
      </c>
      <c r="AI22" s="283">
        <v>27</v>
      </c>
      <c r="AJ22" s="277">
        <v>0</v>
      </c>
      <c r="AK22" s="281">
        <v>0</v>
      </c>
      <c r="AL22" s="278">
        <v>0</v>
      </c>
      <c r="AM22" s="280">
        <v>0</v>
      </c>
      <c r="AN22" s="281">
        <v>0</v>
      </c>
      <c r="AO22" s="281">
        <v>0</v>
      </c>
      <c r="AP22" s="281">
        <v>1</v>
      </c>
      <c r="AQ22" s="281">
        <v>1</v>
      </c>
      <c r="AR22" s="281">
        <v>0</v>
      </c>
      <c r="AS22" s="278">
        <v>2</v>
      </c>
      <c r="AT22" s="283">
        <v>2</v>
      </c>
      <c r="AU22" s="277">
        <v>0</v>
      </c>
      <c r="AV22" s="281">
        <v>0</v>
      </c>
      <c r="AW22" s="278">
        <v>0</v>
      </c>
      <c r="AX22" s="280">
        <v>0</v>
      </c>
      <c r="AY22" s="281">
        <v>1</v>
      </c>
      <c r="AZ22" s="281">
        <v>0</v>
      </c>
      <c r="BA22" s="281">
        <v>0</v>
      </c>
      <c r="BB22" s="281">
        <v>0</v>
      </c>
      <c r="BC22" s="281">
        <v>0</v>
      </c>
      <c r="BD22" s="278">
        <v>1</v>
      </c>
      <c r="BE22" s="283">
        <v>1</v>
      </c>
      <c r="BF22" s="277">
        <v>0</v>
      </c>
      <c r="BG22" s="281">
        <v>0</v>
      </c>
      <c r="BH22" s="278">
        <v>0</v>
      </c>
      <c r="BI22" s="280">
        <v>0</v>
      </c>
      <c r="BJ22" s="281">
        <v>1</v>
      </c>
      <c r="BK22" s="281">
        <v>1</v>
      </c>
      <c r="BL22" s="281">
        <v>1</v>
      </c>
      <c r="BM22" s="281">
        <v>4</v>
      </c>
      <c r="BN22" s="281">
        <v>0</v>
      </c>
      <c r="BO22" s="282">
        <v>7</v>
      </c>
      <c r="BP22" s="283">
        <v>7</v>
      </c>
      <c r="BQ22" s="277">
        <v>0</v>
      </c>
      <c r="BR22" s="281">
        <v>0</v>
      </c>
      <c r="BS22" s="278">
        <v>0</v>
      </c>
      <c r="BT22" s="280">
        <v>0</v>
      </c>
      <c r="BU22" s="281">
        <v>0</v>
      </c>
      <c r="BV22" s="281">
        <v>0</v>
      </c>
      <c r="BW22" s="281">
        <v>0</v>
      </c>
      <c r="BX22" s="281">
        <v>0</v>
      </c>
      <c r="BY22" s="281">
        <v>0</v>
      </c>
      <c r="BZ22" s="278">
        <v>0</v>
      </c>
      <c r="CA22" s="283">
        <v>0</v>
      </c>
      <c r="CB22" s="277">
        <v>0</v>
      </c>
      <c r="CC22" s="281">
        <v>0</v>
      </c>
      <c r="CD22" s="278">
        <v>0</v>
      </c>
      <c r="CE22" s="280">
        <v>0</v>
      </c>
      <c r="CF22" s="281">
        <v>0</v>
      </c>
      <c r="CG22" s="281">
        <v>0</v>
      </c>
      <c r="CH22" s="281">
        <v>0</v>
      </c>
      <c r="CI22" s="281">
        <v>0</v>
      </c>
      <c r="CJ22" s="281">
        <v>0</v>
      </c>
      <c r="CK22" s="278">
        <v>0</v>
      </c>
      <c r="CL22" s="283">
        <v>0</v>
      </c>
      <c r="CM22" s="277">
        <v>0</v>
      </c>
      <c r="CN22" s="281">
        <v>0</v>
      </c>
      <c r="CO22" s="278">
        <v>0</v>
      </c>
      <c r="CP22" s="280">
        <v>0</v>
      </c>
      <c r="CQ22" s="281">
        <v>0</v>
      </c>
      <c r="CR22" s="281">
        <v>0</v>
      </c>
      <c r="CS22" s="281">
        <v>0</v>
      </c>
      <c r="CT22" s="281">
        <v>0</v>
      </c>
      <c r="CU22" s="281">
        <v>0</v>
      </c>
      <c r="CV22" s="278">
        <v>0</v>
      </c>
      <c r="CW22" s="283">
        <v>0</v>
      </c>
    </row>
    <row r="23" spans="2:101" ht="21" customHeight="1" x14ac:dyDescent="0.2">
      <c r="B23" s="262" t="s">
        <v>21</v>
      </c>
      <c r="C23" s="277">
        <v>0</v>
      </c>
      <c r="D23" s="278">
        <v>0</v>
      </c>
      <c r="E23" s="279">
        <v>0</v>
      </c>
      <c r="F23" s="280">
        <v>0</v>
      </c>
      <c r="G23" s="281">
        <v>0</v>
      </c>
      <c r="H23" s="281">
        <v>0</v>
      </c>
      <c r="I23" s="281">
        <v>0</v>
      </c>
      <c r="J23" s="281">
        <v>0</v>
      </c>
      <c r="K23" s="281">
        <v>0</v>
      </c>
      <c r="L23" s="282">
        <v>0</v>
      </c>
      <c r="M23" s="283">
        <v>0</v>
      </c>
      <c r="N23" s="277">
        <v>0</v>
      </c>
      <c r="O23" s="281">
        <v>0</v>
      </c>
      <c r="P23" s="278">
        <v>0</v>
      </c>
      <c r="Q23" s="280">
        <v>0</v>
      </c>
      <c r="R23" s="281">
        <v>0</v>
      </c>
      <c r="S23" s="281">
        <v>0</v>
      </c>
      <c r="T23" s="281">
        <v>0</v>
      </c>
      <c r="U23" s="281">
        <v>0</v>
      </c>
      <c r="V23" s="281">
        <v>0</v>
      </c>
      <c r="W23" s="278">
        <v>0</v>
      </c>
      <c r="X23" s="283">
        <v>0</v>
      </c>
      <c r="Y23" s="277">
        <v>0</v>
      </c>
      <c r="Z23" s="281">
        <v>0</v>
      </c>
      <c r="AA23" s="278">
        <v>0</v>
      </c>
      <c r="AB23" s="280">
        <v>0</v>
      </c>
      <c r="AC23" s="281">
        <v>11</v>
      </c>
      <c r="AD23" s="281">
        <v>8</v>
      </c>
      <c r="AE23" s="281">
        <v>4</v>
      </c>
      <c r="AF23" s="281">
        <v>2</v>
      </c>
      <c r="AG23" s="281">
        <v>1</v>
      </c>
      <c r="AH23" s="278">
        <v>26</v>
      </c>
      <c r="AI23" s="283">
        <v>26</v>
      </c>
      <c r="AJ23" s="277">
        <v>0</v>
      </c>
      <c r="AK23" s="281">
        <v>0</v>
      </c>
      <c r="AL23" s="278">
        <v>0</v>
      </c>
      <c r="AM23" s="280">
        <v>0</v>
      </c>
      <c r="AN23" s="281">
        <v>0</v>
      </c>
      <c r="AO23" s="281">
        <v>0</v>
      </c>
      <c r="AP23" s="281">
        <v>0</v>
      </c>
      <c r="AQ23" s="281">
        <v>0</v>
      </c>
      <c r="AR23" s="281">
        <v>0</v>
      </c>
      <c r="AS23" s="278">
        <v>0</v>
      </c>
      <c r="AT23" s="283">
        <v>0</v>
      </c>
      <c r="AU23" s="277">
        <v>0</v>
      </c>
      <c r="AV23" s="281">
        <v>0</v>
      </c>
      <c r="AW23" s="278">
        <v>0</v>
      </c>
      <c r="AX23" s="280">
        <v>0</v>
      </c>
      <c r="AY23" s="281">
        <v>0</v>
      </c>
      <c r="AZ23" s="281">
        <v>0</v>
      </c>
      <c r="BA23" s="281">
        <v>3</v>
      </c>
      <c r="BB23" s="281">
        <v>0</v>
      </c>
      <c r="BC23" s="281">
        <v>0</v>
      </c>
      <c r="BD23" s="278">
        <v>3</v>
      </c>
      <c r="BE23" s="283">
        <v>3</v>
      </c>
      <c r="BF23" s="277">
        <v>0</v>
      </c>
      <c r="BG23" s="281">
        <v>0</v>
      </c>
      <c r="BH23" s="278">
        <v>0</v>
      </c>
      <c r="BI23" s="280">
        <v>0</v>
      </c>
      <c r="BJ23" s="281">
        <v>1</v>
      </c>
      <c r="BK23" s="281">
        <v>1</v>
      </c>
      <c r="BL23" s="281">
        <v>0</v>
      </c>
      <c r="BM23" s="281">
        <v>1</v>
      </c>
      <c r="BN23" s="281">
        <v>0</v>
      </c>
      <c r="BO23" s="282">
        <v>3</v>
      </c>
      <c r="BP23" s="283">
        <v>3</v>
      </c>
      <c r="BQ23" s="277">
        <v>0</v>
      </c>
      <c r="BR23" s="281">
        <v>0</v>
      </c>
      <c r="BS23" s="278">
        <v>0</v>
      </c>
      <c r="BT23" s="280">
        <v>0</v>
      </c>
      <c r="BU23" s="281">
        <v>0</v>
      </c>
      <c r="BV23" s="281">
        <v>0</v>
      </c>
      <c r="BW23" s="281">
        <v>0</v>
      </c>
      <c r="BX23" s="281">
        <v>0</v>
      </c>
      <c r="BY23" s="281">
        <v>0</v>
      </c>
      <c r="BZ23" s="278">
        <v>0</v>
      </c>
      <c r="CA23" s="283">
        <v>0</v>
      </c>
      <c r="CB23" s="277">
        <v>0</v>
      </c>
      <c r="CC23" s="281">
        <v>0</v>
      </c>
      <c r="CD23" s="278">
        <v>0</v>
      </c>
      <c r="CE23" s="280">
        <v>0</v>
      </c>
      <c r="CF23" s="281">
        <v>0</v>
      </c>
      <c r="CG23" s="281">
        <v>0</v>
      </c>
      <c r="CH23" s="281">
        <v>0</v>
      </c>
      <c r="CI23" s="281">
        <v>0</v>
      </c>
      <c r="CJ23" s="281">
        <v>0</v>
      </c>
      <c r="CK23" s="278">
        <v>0</v>
      </c>
      <c r="CL23" s="283">
        <v>0</v>
      </c>
      <c r="CM23" s="277">
        <v>0</v>
      </c>
      <c r="CN23" s="281">
        <v>0</v>
      </c>
      <c r="CO23" s="278">
        <v>0</v>
      </c>
      <c r="CP23" s="280">
        <v>0</v>
      </c>
      <c r="CQ23" s="281">
        <v>0</v>
      </c>
      <c r="CR23" s="281">
        <v>0</v>
      </c>
      <c r="CS23" s="281">
        <v>0</v>
      </c>
      <c r="CT23" s="281">
        <v>0</v>
      </c>
      <c r="CU23" s="281">
        <v>0</v>
      </c>
      <c r="CV23" s="278">
        <v>0</v>
      </c>
      <c r="CW23" s="283">
        <v>0</v>
      </c>
    </row>
    <row r="24" spans="2:101" ht="21" customHeight="1" x14ac:dyDescent="0.2">
      <c r="B24" s="262" t="s">
        <v>22</v>
      </c>
      <c r="C24" s="277">
        <v>0</v>
      </c>
      <c r="D24" s="278">
        <v>0</v>
      </c>
      <c r="E24" s="279">
        <v>0</v>
      </c>
      <c r="F24" s="280">
        <v>0</v>
      </c>
      <c r="G24" s="281">
        <v>0</v>
      </c>
      <c r="H24" s="281">
        <v>1</v>
      </c>
      <c r="I24" s="281">
        <v>1</v>
      </c>
      <c r="J24" s="281">
        <v>0</v>
      </c>
      <c r="K24" s="281">
        <v>0</v>
      </c>
      <c r="L24" s="282">
        <v>2</v>
      </c>
      <c r="M24" s="283">
        <v>2</v>
      </c>
      <c r="N24" s="277">
        <v>0</v>
      </c>
      <c r="O24" s="281">
        <v>0</v>
      </c>
      <c r="P24" s="278">
        <v>0</v>
      </c>
      <c r="Q24" s="280">
        <v>0</v>
      </c>
      <c r="R24" s="281">
        <v>0</v>
      </c>
      <c r="S24" s="281">
        <v>0</v>
      </c>
      <c r="T24" s="281">
        <v>0</v>
      </c>
      <c r="U24" s="281">
        <v>0</v>
      </c>
      <c r="V24" s="281">
        <v>0</v>
      </c>
      <c r="W24" s="278">
        <v>0</v>
      </c>
      <c r="X24" s="283">
        <v>0</v>
      </c>
      <c r="Y24" s="277">
        <v>0</v>
      </c>
      <c r="Z24" s="281">
        <v>0</v>
      </c>
      <c r="AA24" s="278">
        <v>0</v>
      </c>
      <c r="AB24" s="280">
        <v>0</v>
      </c>
      <c r="AC24" s="281">
        <v>7</v>
      </c>
      <c r="AD24" s="281">
        <v>5</v>
      </c>
      <c r="AE24" s="281">
        <v>2</v>
      </c>
      <c r="AF24" s="281">
        <v>3</v>
      </c>
      <c r="AG24" s="281">
        <v>0</v>
      </c>
      <c r="AH24" s="278">
        <v>17</v>
      </c>
      <c r="AI24" s="283">
        <v>17</v>
      </c>
      <c r="AJ24" s="277">
        <v>0</v>
      </c>
      <c r="AK24" s="281">
        <v>0</v>
      </c>
      <c r="AL24" s="278">
        <v>0</v>
      </c>
      <c r="AM24" s="280">
        <v>0</v>
      </c>
      <c r="AN24" s="281">
        <v>1</v>
      </c>
      <c r="AO24" s="281">
        <v>0</v>
      </c>
      <c r="AP24" s="281">
        <v>1</v>
      </c>
      <c r="AQ24" s="281">
        <v>1</v>
      </c>
      <c r="AR24" s="281">
        <v>0</v>
      </c>
      <c r="AS24" s="278">
        <v>3</v>
      </c>
      <c r="AT24" s="283">
        <v>3</v>
      </c>
      <c r="AU24" s="277">
        <v>0</v>
      </c>
      <c r="AV24" s="281">
        <v>0</v>
      </c>
      <c r="AW24" s="278">
        <v>0</v>
      </c>
      <c r="AX24" s="280">
        <v>0</v>
      </c>
      <c r="AY24" s="281">
        <v>4</v>
      </c>
      <c r="AZ24" s="281">
        <v>2</v>
      </c>
      <c r="BA24" s="281">
        <v>0</v>
      </c>
      <c r="BB24" s="281">
        <v>0</v>
      </c>
      <c r="BC24" s="281">
        <v>0</v>
      </c>
      <c r="BD24" s="278">
        <v>6</v>
      </c>
      <c r="BE24" s="283">
        <v>6</v>
      </c>
      <c r="BF24" s="277">
        <v>0</v>
      </c>
      <c r="BG24" s="281">
        <v>0</v>
      </c>
      <c r="BH24" s="278">
        <v>0</v>
      </c>
      <c r="BI24" s="280">
        <v>0</v>
      </c>
      <c r="BJ24" s="281">
        <v>1</v>
      </c>
      <c r="BK24" s="281">
        <v>2</v>
      </c>
      <c r="BL24" s="281">
        <v>0</v>
      </c>
      <c r="BM24" s="281">
        <v>0</v>
      </c>
      <c r="BN24" s="281">
        <v>0</v>
      </c>
      <c r="BO24" s="282">
        <v>3</v>
      </c>
      <c r="BP24" s="283">
        <v>3</v>
      </c>
      <c r="BQ24" s="277">
        <v>0</v>
      </c>
      <c r="BR24" s="281">
        <v>0</v>
      </c>
      <c r="BS24" s="278">
        <v>0</v>
      </c>
      <c r="BT24" s="280">
        <v>0</v>
      </c>
      <c r="BU24" s="281">
        <v>0</v>
      </c>
      <c r="BV24" s="281">
        <v>0</v>
      </c>
      <c r="BW24" s="281">
        <v>0</v>
      </c>
      <c r="BX24" s="281">
        <v>0</v>
      </c>
      <c r="BY24" s="281">
        <v>0</v>
      </c>
      <c r="BZ24" s="278">
        <v>0</v>
      </c>
      <c r="CA24" s="283">
        <v>0</v>
      </c>
      <c r="CB24" s="277">
        <v>0</v>
      </c>
      <c r="CC24" s="281">
        <v>0</v>
      </c>
      <c r="CD24" s="278">
        <v>0</v>
      </c>
      <c r="CE24" s="280">
        <v>0</v>
      </c>
      <c r="CF24" s="281">
        <v>0</v>
      </c>
      <c r="CG24" s="281">
        <v>0</v>
      </c>
      <c r="CH24" s="281">
        <v>0</v>
      </c>
      <c r="CI24" s="281">
        <v>4</v>
      </c>
      <c r="CJ24" s="281">
        <v>0</v>
      </c>
      <c r="CK24" s="278">
        <v>4</v>
      </c>
      <c r="CL24" s="283">
        <v>4</v>
      </c>
      <c r="CM24" s="277">
        <v>0</v>
      </c>
      <c r="CN24" s="281">
        <v>0</v>
      </c>
      <c r="CO24" s="278">
        <v>0</v>
      </c>
      <c r="CP24" s="280">
        <v>0</v>
      </c>
      <c r="CQ24" s="281">
        <v>0</v>
      </c>
      <c r="CR24" s="281">
        <v>0</v>
      </c>
      <c r="CS24" s="281">
        <v>0</v>
      </c>
      <c r="CT24" s="281">
        <v>0</v>
      </c>
      <c r="CU24" s="281">
        <v>0</v>
      </c>
      <c r="CV24" s="278">
        <v>0</v>
      </c>
      <c r="CW24" s="283">
        <v>0</v>
      </c>
    </row>
    <row r="25" spans="2:101" ht="21" customHeight="1" x14ac:dyDescent="0.2">
      <c r="B25" s="262" t="s">
        <v>23</v>
      </c>
      <c r="C25" s="277">
        <v>0</v>
      </c>
      <c r="D25" s="278">
        <v>0</v>
      </c>
      <c r="E25" s="279">
        <v>0</v>
      </c>
      <c r="F25" s="280">
        <v>0</v>
      </c>
      <c r="G25" s="281">
        <v>0</v>
      </c>
      <c r="H25" s="281">
        <v>0</v>
      </c>
      <c r="I25" s="281">
        <v>0</v>
      </c>
      <c r="J25" s="281">
        <v>0</v>
      </c>
      <c r="K25" s="281">
        <v>0</v>
      </c>
      <c r="L25" s="282">
        <v>0</v>
      </c>
      <c r="M25" s="283">
        <v>0</v>
      </c>
      <c r="N25" s="277">
        <v>0</v>
      </c>
      <c r="O25" s="281">
        <v>0</v>
      </c>
      <c r="P25" s="278">
        <v>0</v>
      </c>
      <c r="Q25" s="280">
        <v>0</v>
      </c>
      <c r="R25" s="281">
        <v>0</v>
      </c>
      <c r="S25" s="281">
        <v>0</v>
      </c>
      <c r="T25" s="281">
        <v>0</v>
      </c>
      <c r="U25" s="281">
        <v>0</v>
      </c>
      <c r="V25" s="281">
        <v>0</v>
      </c>
      <c r="W25" s="278">
        <v>0</v>
      </c>
      <c r="X25" s="283">
        <v>0</v>
      </c>
      <c r="Y25" s="277">
        <v>0</v>
      </c>
      <c r="Z25" s="281">
        <v>0</v>
      </c>
      <c r="AA25" s="278">
        <v>0</v>
      </c>
      <c r="AB25" s="280">
        <v>0</v>
      </c>
      <c r="AC25" s="281">
        <v>2</v>
      </c>
      <c r="AD25" s="281">
        <v>2</v>
      </c>
      <c r="AE25" s="281">
        <v>1</v>
      </c>
      <c r="AF25" s="281">
        <v>1</v>
      </c>
      <c r="AG25" s="281">
        <v>0</v>
      </c>
      <c r="AH25" s="278">
        <v>6</v>
      </c>
      <c r="AI25" s="283">
        <v>6</v>
      </c>
      <c r="AJ25" s="277">
        <v>0</v>
      </c>
      <c r="AK25" s="281">
        <v>0</v>
      </c>
      <c r="AL25" s="278">
        <v>0</v>
      </c>
      <c r="AM25" s="280">
        <v>0</v>
      </c>
      <c r="AN25" s="281">
        <v>0</v>
      </c>
      <c r="AO25" s="281">
        <v>0</v>
      </c>
      <c r="AP25" s="281">
        <v>0</v>
      </c>
      <c r="AQ25" s="281">
        <v>0</v>
      </c>
      <c r="AR25" s="281">
        <v>0</v>
      </c>
      <c r="AS25" s="278">
        <v>0</v>
      </c>
      <c r="AT25" s="283">
        <v>0</v>
      </c>
      <c r="AU25" s="277">
        <v>0</v>
      </c>
      <c r="AV25" s="281">
        <v>0</v>
      </c>
      <c r="AW25" s="278">
        <v>0</v>
      </c>
      <c r="AX25" s="280">
        <v>0</v>
      </c>
      <c r="AY25" s="281">
        <v>0</v>
      </c>
      <c r="AZ25" s="281">
        <v>0</v>
      </c>
      <c r="BA25" s="281">
        <v>0</v>
      </c>
      <c r="BB25" s="281">
        <v>0</v>
      </c>
      <c r="BC25" s="281">
        <v>0</v>
      </c>
      <c r="BD25" s="278">
        <v>0</v>
      </c>
      <c r="BE25" s="283">
        <v>0</v>
      </c>
      <c r="BF25" s="277">
        <v>0</v>
      </c>
      <c r="BG25" s="281">
        <v>0</v>
      </c>
      <c r="BH25" s="278">
        <v>0</v>
      </c>
      <c r="BI25" s="280">
        <v>0</v>
      </c>
      <c r="BJ25" s="281">
        <v>4</v>
      </c>
      <c r="BK25" s="281">
        <v>1</v>
      </c>
      <c r="BL25" s="281">
        <v>2</v>
      </c>
      <c r="BM25" s="281">
        <v>1</v>
      </c>
      <c r="BN25" s="281">
        <v>0</v>
      </c>
      <c r="BO25" s="282">
        <v>8</v>
      </c>
      <c r="BP25" s="283">
        <v>8</v>
      </c>
      <c r="BQ25" s="277">
        <v>0</v>
      </c>
      <c r="BR25" s="281">
        <v>0</v>
      </c>
      <c r="BS25" s="278">
        <v>0</v>
      </c>
      <c r="BT25" s="280">
        <v>0</v>
      </c>
      <c r="BU25" s="281">
        <v>0</v>
      </c>
      <c r="BV25" s="281">
        <v>0</v>
      </c>
      <c r="BW25" s="281">
        <v>0</v>
      </c>
      <c r="BX25" s="281">
        <v>0</v>
      </c>
      <c r="BY25" s="281">
        <v>0</v>
      </c>
      <c r="BZ25" s="278">
        <v>0</v>
      </c>
      <c r="CA25" s="283">
        <v>0</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0</v>
      </c>
      <c r="CT25" s="281">
        <v>0</v>
      </c>
      <c r="CU25" s="281">
        <v>0</v>
      </c>
      <c r="CV25" s="278">
        <v>0</v>
      </c>
      <c r="CW25" s="283">
        <v>0</v>
      </c>
    </row>
    <row r="26" spans="2:101" ht="21" customHeight="1" x14ac:dyDescent="0.2">
      <c r="B26" s="262" t="s">
        <v>24</v>
      </c>
      <c r="C26" s="277">
        <v>0</v>
      </c>
      <c r="D26" s="278">
        <v>0</v>
      </c>
      <c r="E26" s="279">
        <v>0</v>
      </c>
      <c r="F26" s="280">
        <v>0</v>
      </c>
      <c r="G26" s="281">
        <v>0</v>
      </c>
      <c r="H26" s="281">
        <v>0</v>
      </c>
      <c r="I26" s="281">
        <v>1</v>
      </c>
      <c r="J26" s="281">
        <v>0</v>
      </c>
      <c r="K26" s="281">
        <v>0</v>
      </c>
      <c r="L26" s="282">
        <v>1</v>
      </c>
      <c r="M26" s="283">
        <v>1</v>
      </c>
      <c r="N26" s="277">
        <v>0</v>
      </c>
      <c r="O26" s="281">
        <v>0</v>
      </c>
      <c r="P26" s="278">
        <v>0</v>
      </c>
      <c r="Q26" s="280">
        <v>0</v>
      </c>
      <c r="R26" s="281">
        <v>0</v>
      </c>
      <c r="S26" s="281">
        <v>0</v>
      </c>
      <c r="T26" s="281">
        <v>0</v>
      </c>
      <c r="U26" s="281">
        <v>0</v>
      </c>
      <c r="V26" s="281">
        <v>0</v>
      </c>
      <c r="W26" s="278">
        <v>0</v>
      </c>
      <c r="X26" s="283">
        <v>0</v>
      </c>
      <c r="Y26" s="277">
        <v>0</v>
      </c>
      <c r="Z26" s="281">
        <v>0</v>
      </c>
      <c r="AA26" s="278">
        <v>0</v>
      </c>
      <c r="AB26" s="280">
        <v>0</v>
      </c>
      <c r="AC26" s="281">
        <v>4</v>
      </c>
      <c r="AD26" s="281">
        <v>0</v>
      </c>
      <c r="AE26" s="281">
        <v>3</v>
      </c>
      <c r="AF26" s="281">
        <v>1</v>
      </c>
      <c r="AG26" s="281">
        <v>0</v>
      </c>
      <c r="AH26" s="278">
        <v>8</v>
      </c>
      <c r="AI26" s="283">
        <v>8</v>
      </c>
      <c r="AJ26" s="277">
        <v>0</v>
      </c>
      <c r="AK26" s="281">
        <v>0</v>
      </c>
      <c r="AL26" s="278">
        <v>0</v>
      </c>
      <c r="AM26" s="280">
        <v>0</v>
      </c>
      <c r="AN26" s="281">
        <v>0</v>
      </c>
      <c r="AO26" s="281">
        <v>0</v>
      </c>
      <c r="AP26" s="281">
        <v>1</v>
      </c>
      <c r="AQ26" s="281">
        <v>0</v>
      </c>
      <c r="AR26" s="281">
        <v>0</v>
      </c>
      <c r="AS26" s="278">
        <v>1</v>
      </c>
      <c r="AT26" s="283">
        <v>1</v>
      </c>
      <c r="AU26" s="277">
        <v>0</v>
      </c>
      <c r="AV26" s="281">
        <v>0</v>
      </c>
      <c r="AW26" s="278">
        <v>0</v>
      </c>
      <c r="AX26" s="280">
        <v>0</v>
      </c>
      <c r="AY26" s="281">
        <v>1</v>
      </c>
      <c r="AZ26" s="281">
        <v>2</v>
      </c>
      <c r="BA26" s="281">
        <v>0</v>
      </c>
      <c r="BB26" s="281">
        <v>0</v>
      </c>
      <c r="BC26" s="281">
        <v>0</v>
      </c>
      <c r="BD26" s="278">
        <v>3</v>
      </c>
      <c r="BE26" s="283">
        <v>3</v>
      </c>
      <c r="BF26" s="277">
        <v>0</v>
      </c>
      <c r="BG26" s="281">
        <v>0</v>
      </c>
      <c r="BH26" s="278">
        <v>0</v>
      </c>
      <c r="BI26" s="280">
        <v>0</v>
      </c>
      <c r="BJ26" s="281">
        <v>0</v>
      </c>
      <c r="BK26" s="281">
        <v>0</v>
      </c>
      <c r="BL26" s="281">
        <v>2</v>
      </c>
      <c r="BM26" s="281">
        <v>0</v>
      </c>
      <c r="BN26" s="281">
        <v>1</v>
      </c>
      <c r="BO26" s="282">
        <v>3</v>
      </c>
      <c r="BP26" s="283">
        <v>3</v>
      </c>
      <c r="BQ26" s="277">
        <v>0</v>
      </c>
      <c r="BR26" s="281">
        <v>0</v>
      </c>
      <c r="BS26" s="278">
        <v>0</v>
      </c>
      <c r="BT26" s="280">
        <v>0</v>
      </c>
      <c r="BU26" s="281">
        <v>0</v>
      </c>
      <c r="BV26" s="281">
        <v>0</v>
      </c>
      <c r="BW26" s="281">
        <v>0</v>
      </c>
      <c r="BX26" s="281">
        <v>0</v>
      </c>
      <c r="BY26" s="281">
        <v>0</v>
      </c>
      <c r="BZ26" s="278">
        <v>0</v>
      </c>
      <c r="CA26" s="283">
        <v>0</v>
      </c>
      <c r="CB26" s="277">
        <v>0</v>
      </c>
      <c r="CC26" s="281">
        <v>0</v>
      </c>
      <c r="CD26" s="278">
        <v>0</v>
      </c>
      <c r="CE26" s="280">
        <v>0</v>
      </c>
      <c r="CF26" s="281">
        <v>0</v>
      </c>
      <c r="CG26" s="281">
        <v>0</v>
      </c>
      <c r="CH26" s="281">
        <v>0</v>
      </c>
      <c r="CI26" s="281">
        <v>0</v>
      </c>
      <c r="CJ26" s="281">
        <v>0</v>
      </c>
      <c r="CK26" s="278">
        <v>0</v>
      </c>
      <c r="CL26" s="283">
        <v>0</v>
      </c>
      <c r="CM26" s="277">
        <v>0</v>
      </c>
      <c r="CN26" s="281">
        <v>0</v>
      </c>
      <c r="CO26" s="278">
        <v>0</v>
      </c>
      <c r="CP26" s="280">
        <v>0</v>
      </c>
      <c r="CQ26" s="281">
        <v>0</v>
      </c>
      <c r="CR26" s="281">
        <v>0</v>
      </c>
      <c r="CS26" s="281">
        <v>0</v>
      </c>
      <c r="CT26" s="281">
        <v>0</v>
      </c>
      <c r="CU26" s="281">
        <v>0</v>
      </c>
      <c r="CV26" s="278">
        <v>0</v>
      </c>
      <c r="CW26" s="283">
        <v>0</v>
      </c>
    </row>
    <row r="27" spans="2:101" ht="21" customHeight="1" x14ac:dyDescent="0.2">
      <c r="B27" s="262" t="s">
        <v>25</v>
      </c>
      <c r="C27" s="277">
        <v>0</v>
      </c>
      <c r="D27" s="278">
        <v>0</v>
      </c>
      <c r="E27" s="279">
        <v>0</v>
      </c>
      <c r="F27" s="280">
        <v>0</v>
      </c>
      <c r="G27" s="281">
        <v>0</v>
      </c>
      <c r="H27" s="281">
        <v>0</v>
      </c>
      <c r="I27" s="281">
        <v>0</v>
      </c>
      <c r="J27" s="281">
        <v>0</v>
      </c>
      <c r="K27" s="281">
        <v>0</v>
      </c>
      <c r="L27" s="282">
        <v>0</v>
      </c>
      <c r="M27" s="283">
        <v>0</v>
      </c>
      <c r="N27" s="277">
        <v>0</v>
      </c>
      <c r="O27" s="281">
        <v>0</v>
      </c>
      <c r="P27" s="278">
        <v>0</v>
      </c>
      <c r="Q27" s="280">
        <v>0</v>
      </c>
      <c r="R27" s="281">
        <v>0</v>
      </c>
      <c r="S27" s="281">
        <v>0</v>
      </c>
      <c r="T27" s="281">
        <v>0</v>
      </c>
      <c r="U27" s="281">
        <v>0</v>
      </c>
      <c r="V27" s="281">
        <v>0</v>
      </c>
      <c r="W27" s="278">
        <v>0</v>
      </c>
      <c r="X27" s="283">
        <v>0</v>
      </c>
      <c r="Y27" s="277">
        <v>0</v>
      </c>
      <c r="Z27" s="281">
        <v>0</v>
      </c>
      <c r="AA27" s="278">
        <v>0</v>
      </c>
      <c r="AB27" s="280">
        <v>0</v>
      </c>
      <c r="AC27" s="281">
        <v>7</v>
      </c>
      <c r="AD27" s="281">
        <v>0</v>
      </c>
      <c r="AE27" s="281">
        <v>0</v>
      </c>
      <c r="AF27" s="281">
        <v>0</v>
      </c>
      <c r="AG27" s="281">
        <v>0</v>
      </c>
      <c r="AH27" s="278">
        <v>7</v>
      </c>
      <c r="AI27" s="283">
        <v>7</v>
      </c>
      <c r="AJ27" s="277">
        <v>0</v>
      </c>
      <c r="AK27" s="281">
        <v>0</v>
      </c>
      <c r="AL27" s="278">
        <v>0</v>
      </c>
      <c r="AM27" s="280">
        <v>0</v>
      </c>
      <c r="AN27" s="281">
        <v>0</v>
      </c>
      <c r="AO27" s="281">
        <v>0</v>
      </c>
      <c r="AP27" s="281">
        <v>0</v>
      </c>
      <c r="AQ27" s="281">
        <v>0</v>
      </c>
      <c r="AR27" s="281">
        <v>0</v>
      </c>
      <c r="AS27" s="278">
        <v>0</v>
      </c>
      <c r="AT27" s="283">
        <v>0</v>
      </c>
      <c r="AU27" s="277">
        <v>0</v>
      </c>
      <c r="AV27" s="281">
        <v>0</v>
      </c>
      <c r="AW27" s="278">
        <v>0</v>
      </c>
      <c r="AX27" s="280">
        <v>0</v>
      </c>
      <c r="AY27" s="281">
        <v>0</v>
      </c>
      <c r="AZ27" s="281">
        <v>0</v>
      </c>
      <c r="BA27" s="281">
        <v>0</v>
      </c>
      <c r="BB27" s="281">
        <v>0</v>
      </c>
      <c r="BC27" s="281">
        <v>0</v>
      </c>
      <c r="BD27" s="278">
        <v>0</v>
      </c>
      <c r="BE27" s="283">
        <v>0</v>
      </c>
      <c r="BF27" s="277">
        <v>0</v>
      </c>
      <c r="BG27" s="281">
        <v>0</v>
      </c>
      <c r="BH27" s="278">
        <v>0</v>
      </c>
      <c r="BI27" s="280">
        <v>0</v>
      </c>
      <c r="BJ27" s="281">
        <v>0</v>
      </c>
      <c r="BK27" s="281">
        <v>0</v>
      </c>
      <c r="BL27" s="281">
        <v>0</v>
      </c>
      <c r="BM27" s="281">
        <v>0</v>
      </c>
      <c r="BN27" s="281">
        <v>0</v>
      </c>
      <c r="BO27" s="282">
        <v>0</v>
      </c>
      <c r="BP27" s="283">
        <v>0</v>
      </c>
      <c r="BQ27" s="277">
        <v>0</v>
      </c>
      <c r="BR27" s="281">
        <v>0</v>
      </c>
      <c r="BS27" s="278">
        <v>0</v>
      </c>
      <c r="BT27" s="280">
        <v>0</v>
      </c>
      <c r="BU27" s="281">
        <v>0</v>
      </c>
      <c r="BV27" s="281">
        <v>0</v>
      </c>
      <c r="BW27" s="281">
        <v>0</v>
      </c>
      <c r="BX27" s="281">
        <v>0</v>
      </c>
      <c r="BY27" s="281">
        <v>0</v>
      </c>
      <c r="BZ27" s="278">
        <v>0</v>
      </c>
      <c r="CA27" s="283">
        <v>0</v>
      </c>
      <c r="CB27" s="277">
        <v>0</v>
      </c>
      <c r="CC27" s="281">
        <v>0</v>
      </c>
      <c r="CD27" s="278">
        <v>0</v>
      </c>
      <c r="CE27" s="280">
        <v>0</v>
      </c>
      <c r="CF27" s="281">
        <v>0</v>
      </c>
      <c r="CG27" s="281">
        <v>0</v>
      </c>
      <c r="CH27" s="281">
        <v>0</v>
      </c>
      <c r="CI27" s="281">
        <v>0</v>
      </c>
      <c r="CJ27" s="281">
        <v>0</v>
      </c>
      <c r="CK27" s="278">
        <v>0</v>
      </c>
      <c r="CL27" s="283">
        <v>0</v>
      </c>
      <c r="CM27" s="277">
        <v>0</v>
      </c>
      <c r="CN27" s="281">
        <v>0</v>
      </c>
      <c r="CO27" s="278">
        <v>0</v>
      </c>
      <c r="CP27" s="280">
        <v>0</v>
      </c>
      <c r="CQ27" s="281">
        <v>0</v>
      </c>
      <c r="CR27" s="281">
        <v>0</v>
      </c>
      <c r="CS27" s="281">
        <v>0</v>
      </c>
      <c r="CT27" s="281">
        <v>0</v>
      </c>
      <c r="CU27" s="281">
        <v>0</v>
      </c>
      <c r="CV27" s="278">
        <v>0</v>
      </c>
      <c r="CW27" s="283">
        <v>0</v>
      </c>
    </row>
    <row r="28" spans="2:101" ht="21" customHeight="1" x14ac:dyDescent="0.2">
      <c r="B28" s="262" t="s">
        <v>26</v>
      </c>
      <c r="C28" s="277">
        <v>0</v>
      </c>
      <c r="D28" s="278">
        <v>0</v>
      </c>
      <c r="E28" s="279">
        <v>0</v>
      </c>
      <c r="F28" s="280">
        <v>0</v>
      </c>
      <c r="G28" s="281">
        <v>0</v>
      </c>
      <c r="H28" s="281">
        <v>0</v>
      </c>
      <c r="I28" s="281">
        <v>0</v>
      </c>
      <c r="J28" s="281">
        <v>0</v>
      </c>
      <c r="K28" s="281">
        <v>0</v>
      </c>
      <c r="L28" s="282">
        <v>0</v>
      </c>
      <c r="M28" s="283">
        <v>0</v>
      </c>
      <c r="N28" s="277">
        <v>0</v>
      </c>
      <c r="O28" s="281">
        <v>0</v>
      </c>
      <c r="P28" s="278">
        <v>0</v>
      </c>
      <c r="Q28" s="280">
        <v>0</v>
      </c>
      <c r="R28" s="281">
        <v>0</v>
      </c>
      <c r="S28" s="281">
        <v>0</v>
      </c>
      <c r="T28" s="281">
        <v>0</v>
      </c>
      <c r="U28" s="281">
        <v>0</v>
      </c>
      <c r="V28" s="281">
        <v>0</v>
      </c>
      <c r="W28" s="278">
        <v>0</v>
      </c>
      <c r="X28" s="283">
        <v>0</v>
      </c>
      <c r="Y28" s="277">
        <v>0</v>
      </c>
      <c r="Z28" s="281">
        <v>0</v>
      </c>
      <c r="AA28" s="278">
        <v>0</v>
      </c>
      <c r="AB28" s="280">
        <v>0</v>
      </c>
      <c r="AC28" s="281">
        <v>1</v>
      </c>
      <c r="AD28" s="281">
        <v>6</v>
      </c>
      <c r="AE28" s="281">
        <v>1</v>
      </c>
      <c r="AF28" s="281">
        <v>0</v>
      </c>
      <c r="AG28" s="281">
        <v>2</v>
      </c>
      <c r="AH28" s="278">
        <v>10</v>
      </c>
      <c r="AI28" s="283">
        <v>10</v>
      </c>
      <c r="AJ28" s="277">
        <v>0</v>
      </c>
      <c r="AK28" s="281">
        <v>0</v>
      </c>
      <c r="AL28" s="278">
        <v>0</v>
      </c>
      <c r="AM28" s="280">
        <v>0</v>
      </c>
      <c r="AN28" s="281">
        <v>0</v>
      </c>
      <c r="AO28" s="281">
        <v>0</v>
      </c>
      <c r="AP28" s="281">
        <v>0</v>
      </c>
      <c r="AQ28" s="281">
        <v>0</v>
      </c>
      <c r="AR28" s="281">
        <v>0</v>
      </c>
      <c r="AS28" s="278">
        <v>0</v>
      </c>
      <c r="AT28" s="283">
        <v>0</v>
      </c>
      <c r="AU28" s="277">
        <v>0</v>
      </c>
      <c r="AV28" s="281">
        <v>0</v>
      </c>
      <c r="AW28" s="278">
        <v>0</v>
      </c>
      <c r="AX28" s="280">
        <v>0</v>
      </c>
      <c r="AY28" s="281">
        <v>0</v>
      </c>
      <c r="AZ28" s="281">
        <v>0</v>
      </c>
      <c r="BA28" s="281">
        <v>1</v>
      </c>
      <c r="BB28" s="281">
        <v>0</v>
      </c>
      <c r="BC28" s="281">
        <v>0</v>
      </c>
      <c r="BD28" s="278">
        <v>1</v>
      </c>
      <c r="BE28" s="283">
        <v>1</v>
      </c>
      <c r="BF28" s="277">
        <v>0</v>
      </c>
      <c r="BG28" s="281">
        <v>0</v>
      </c>
      <c r="BH28" s="278">
        <v>0</v>
      </c>
      <c r="BI28" s="280">
        <v>0</v>
      </c>
      <c r="BJ28" s="281">
        <v>0</v>
      </c>
      <c r="BK28" s="281">
        <v>0</v>
      </c>
      <c r="BL28" s="281">
        <v>1</v>
      </c>
      <c r="BM28" s="281">
        <v>1</v>
      </c>
      <c r="BN28" s="281">
        <v>0</v>
      </c>
      <c r="BO28" s="282">
        <v>2</v>
      </c>
      <c r="BP28" s="283">
        <v>2</v>
      </c>
      <c r="BQ28" s="277">
        <v>0</v>
      </c>
      <c r="BR28" s="281">
        <v>0</v>
      </c>
      <c r="BS28" s="278">
        <v>0</v>
      </c>
      <c r="BT28" s="280">
        <v>0</v>
      </c>
      <c r="BU28" s="281">
        <v>0</v>
      </c>
      <c r="BV28" s="281">
        <v>0</v>
      </c>
      <c r="BW28" s="281">
        <v>0</v>
      </c>
      <c r="BX28" s="281">
        <v>0</v>
      </c>
      <c r="BY28" s="281">
        <v>0</v>
      </c>
      <c r="BZ28" s="278">
        <v>0</v>
      </c>
      <c r="CA28" s="283">
        <v>0</v>
      </c>
      <c r="CB28" s="277">
        <v>0</v>
      </c>
      <c r="CC28" s="281">
        <v>0</v>
      </c>
      <c r="CD28" s="278">
        <v>0</v>
      </c>
      <c r="CE28" s="280">
        <v>0</v>
      </c>
      <c r="CF28" s="281">
        <v>0</v>
      </c>
      <c r="CG28" s="281">
        <v>0</v>
      </c>
      <c r="CH28" s="281">
        <v>0</v>
      </c>
      <c r="CI28" s="281">
        <v>0</v>
      </c>
      <c r="CJ28" s="281">
        <v>0</v>
      </c>
      <c r="CK28" s="278">
        <v>0</v>
      </c>
      <c r="CL28" s="283">
        <v>0</v>
      </c>
      <c r="CM28" s="277">
        <v>0</v>
      </c>
      <c r="CN28" s="281">
        <v>0</v>
      </c>
      <c r="CO28" s="278">
        <v>0</v>
      </c>
      <c r="CP28" s="280">
        <v>0</v>
      </c>
      <c r="CQ28" s="281">
        <v>0</v>
      </c>
      <c r="CR28" s="281">
        <v>0</v>
      </c>
      <c r="CS28" s="281">
        <v>0</v>
      </c>
      <c r="CT28" s="281">
        <v>0</v>
      </c>
      <c r="CU28" s="281">
        <v>0</v>
      </c>
      <c r="CV28" s="278">
        <v>0</v>
      </c>
      <c r="CW28" s="283">
        <v>0</v>
      </c>
    </row>
    <row r="29" spans="2:101" ht="21" customHeight="1" x14ac:dyDescent="0.2">
      <c r="B29" s="262" t="s">
        <v>27</v>
      </c>
      <c r="C29" s="277">
        <v>0</v>
      </c>
      <c r="D29" s="278">
        <v>0</v>
      </c>
      <c r="E29" s="279">
        <v>0</v>
      </c>
      <c r="F29" s="280">
        <v>0</v>
      </c>
      <c r="G29" s="281">
        <v>0</v>
      </c>
      <c r="H29" s="281">
        <v>1</v>
      </c>
      <c r="I29" s="281">
        <v>0</v>
      </c>
      <c r="J29" s="281">
        <v>0</v>
      </c>
      <c r="K29" s="281">
        <v>0</v>
      </c>
      <c r="L29" s="282">
        <v>1</v>
      </c>
      <c r="M29" s="283">
        <v>1</v>
      </c>
      <c r="N29" s="277">
        <v>0</v>
      </c>
      <c r="O29" s="281">
        <v>0</v>
      </c>
      <c r="P29" s="278">
        <v>0</v>
      </c>
      <c r="Q29" s="280">
        <v>0</v>
      </c>
      <c r="R29" s="281">
        <v>0</v>
      </c>
      <c r="S29" s="281">
        <v>0</v>
      </c>
      <c r="T29" s="281">
        <v>0</v>
      </c>
      <c r="U29" s="281">
        <v>0</v>
      </c>
      <c r="V29" s="281">
        <v>0</v>
      </c>
      <c r="W29" s="278">
        <v>0</v>
      </c>
      <c r="X29" s="283">
        <v>0</v>
      </c>
      <c r="Y29" s="277">
        <v>0</v>
      </c>
      <c r="Z29" s="281">
        <v>0</v>
      </c>
      <c r="AA29" s="278">
        <v>0</v>
      </c>
      <c r="AB29" s="280">
        <v>0</v>
      </c>
      <c r="AC29" s="281">
        <v>2</v>
      </c>
      <c r="AD29" s="281">
        <v>2</v>
      </c>
      <c r="AE29" s="281">
        <v>0</v>
      </c>
      <c r="AF29" s="281">
        <v>0</v>
      </c>
      <c r="AG29" s="281">
        <v>0</v>
      </c>
      <c r="AH29" s="278">
        <v>4</v>
      </c>
      <c r="AI29" s="283">
        <v>4</v>
      </c>
      <c r="AJ29" s="277">
        <v>0</v>
      </c>
      <c r="AK29" s="281">
        <v>0</v>
      </c>
      <c r="AL29" s="278">
        <v>0</v>
      </c>
      <c r="AM29" s="280">
        <v>0</v>
      </c>
      <c r="AN29" s="281">
        <v>1</v>
      </c>
      <c r="AO29" s="281">
        <v>1</v>
      </c>
      <c r="AP29" s="281">
        <v>0</v>
      </c>
      <c r="AQ29" s="281">
        <v>0</v>
      </c>
      <c r="AR29" s="281">
        <v>0</v>
      </c>
      <c r="AS29" s="278">
        <v>2</v>
      </c>
      <c r="AT29" s="283">
        <v>2</v>
      </c>
      <c r="AU29" s="277">
        <v>0</v>
      </c>
      <c r="AV29" s="281">
        <v>0</v>
      </c>
      <c r="AW29" s="278">
        <v>0</v>
      </c>
      <c r="AX29" s="280">
        <v>0</v>
      </c>
      <c r="AY29" s="281">
        <v>0</v>
      </c>
      <c r="AZ29" s="281">
        <v>0</v>
      </c>
      <c r="BA29" s="281">
        <v>0</v>
      </c>
      <c r="BB29" s="281">
        <v>0</v>
      </c>
      <c r="BC29" s="281">
        <v>0</v>
      </c>
      <c r="BD29" s="278">
        <v>0</v>
      </c>
      <c r="BE29" s="283">
        <v>0</v>
      </c>
      <c r="BF29" s="277">
        <v>0</v>
      </c>
      <c r="BG29" s="281">
        <v>0</v>
      </c>
      <c r="BH29" s="278">
        <v>0</v>
      </c>
      <c r="BI29" s="280">
        <v>0</v>
      </c>
      <c r="BJ29" s="281">
        <v>0</v>
      </c>
      <c r="BK29" s="281">
        <v>2</v>
      </c>
      <c r="BL29" s="281">
        <v>1</v>
      </c>
      <c r="BM29" s="281">
        <v>0</v>
      </c>
      <c r="BN29" s="281">
        <v>0</v>
      </c>
      <c r="BO29" s="282">
        <v>3</v>
      </c>
      <c r="BP29" s="283">
        <v>3</v>
      </c>
      <c r="BQ29" s="277">
        <v>0</v>
      </c>
      <c r="BR29" s="281">
        <v>0</v>
      </c>
      <c r="BS29" s="278">
        <v>0</v>
      </c>
      <c r="BT29" s="280">
        <v>0</v>
      </c>
      <c r="BU29" s="281">
        <v>0</v>
      </c>
      <c r="BV29" s="281">
        <v>0</v>
      </c>
      <c r="BW29" s="281">
        <v>0</v>
      </c>
      <c r="BX29" s="281">
        <v>0</v>
      </c>
      <c r="BY29" s="281">
        <v>0</v>
      </c>
      <c r="BZ29" s="278">
        <v>0</v>
      </c>
      <c r="CA29" s="283">
        <v>0</v>
      </c>
      <c r="CB29" s="277">
        <v>0</v>
      </c>
      <c r="CC29" s="281">
        <v>0</v>
      </c>
      <c r="CD29" s="278">
        <v>0</v>
      </c>
      <c r="CE29" s="280">
        <v>0</v>
      </c>
      <c r="CF29" s="281">
        <v>0</v>
      </c>
      <c r="CG29" s="281">
        <v>0</v>
      </c>
      <c r="CH29" s="281">
        <v>2</v>
      </c>
      <c r="CI29" s="281">
        <v>1</v>
      </c>
      <c r="CJ29" s="281">
        <v>1</v>
      </c>
      <c r="CK29" s="278">
        <v>4</v>
      </c>
      <c r="CL29" s="283">
        <v>4</v>
      </c>
      <c r="CM29" s="277">
        <v>0</v>
      </c>
      <c r="CN29" s="281">
        <v>0</v>
      </c>
      <c r="CO29" s="278">
        <v>0</v>
      </c>
      <c r="CP29" s="280">
        <v>0</v>
      </c>
      <c r="CQ29" s="281">
        <v>0</v>
      </c>
      <c r="CR29" s="281">
        <v>0</v>
      </c>
      <c r="CS29" s="281">
        <v>0</v>
      </c>
      <c r="CT29" s="281">
        <v>0</v>
      </c>
      <c r="CU29" s="281">
        <v>0</v>
      </c>
      <c r="CV29" s="278">
        <v>0</v>
      </c>
      <c r="CW29" s="283">
        <v>0</v>
      </c>
    </row>
    <row r="30" spans="2:101" ht="21" customHeight="1" x14ac:dyDescent="0.2">
      <c r="B30" s="262" t="s">
        <v>28</v>
      </c>
      <c r="C30" s="277">
        <v>0</v>
      </c>
      <c r="D30" s="278">
        <v>0</v>
      </c>
      <c r="E30" s="279">
        <v>0</v>
      </c>
      <c r="F30" s="280">
        <v>0</v>
      </c>
      <c r="G30" s="281">
        <v>0</v>
      </c>
      <c r="H30" s="281">
        <v>0</v>
      </c>
      <c r="I30" s="281">
        <v>0</v>
      </c>
      <c r="J30" s="281">
        <v>0</v>
      </c>
      <c r="K30" s="281">
        <v>0</v>
      </c>
      <c r="L30" s="282">
        <v>0</v>
      </c>
      <c r="M30" s="283">
        <v>0</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5</v>
      </c>
      <c r="AD30" s="281">
        <v>2</v>
      </c>
      <c r="AE30" s="281">
        <v>0</v>
      </c>
      <c r="AF30" s="281">
        <v>0</v>
      </c>
      <c r="AG30" s="281">
        <v>0</v>
      </c>
      <c r="AH30" s="278">
        <v>7</v>
      </c>
      <c r="AI30" s="283">
        <v>7</v>
      </c>
      <c r="AJ30" s="277">
        <v>0</v>
      </c>
      <c r="AK30" s="281">
        <v>0</v>
      </c>
      <c r="AL30" s="278">
        <v>0</v>
      </c>
      <c r="AM30" s="280">
        <v>0</v>
      </c>
      <c r="AN30" s="281">
        <v>0</v>
      </c>
      <c r="AO30" s="281">
        <v>0</v>
      </c>
      <c r="AP30" s="281">
        <v>0</v>
      </c>
      <c r="AQ30" s="281">
        <v>0</v>
      </c>
      <c r="AR30" s="281">
        <v>1</v>
      </c>
      <c r="AS30" s="278">
        <v>1</v>
      </c>
      <c r="AT30" s="283">
        <v>1</v>
      </c>
      <c r="AU30" s="277">
        <v>0</v>
      </c>
      <c r="AV30" s="281">
        <v>0</v>
      </c>
      <c r="AW30" s="278">
        <v>0</v>
      </c>
      <c r="AX30" s="280">
        <v>0</v>
      </c>
      <c r="AY30" s="281">
        <v>0</v>
      </c>
      <c r="AZ30" s="281">
        <v>0</v>
      </c>
      <c r="BA30" s="281">
        <v>0</v>
      </c>
      <c r="BB30" s="281">
        <v>0</v>
      </c>
      <c r="BC30" s="281">
        <v>0</v>
      </c>
      <c r="BD30" s="278">
        <v>0</v>
      </c>
      <c r="BE30" s="283">
        <v>0</v>
      </c>
      <c r="BF30" s="277">
        <v>0</v>
      </c>
      <c r="BG30" s="281">
        <v>0</v>
      </c>
      <c r="BH30" s="278">
        <v>0</v>
      </c>
      <c r="BI30" s="280">
        <v>0</v>
      </c>
      <c r="BJ30" s="281">
        <v>0</v>
      </c>
      <c r="BK30" s="281">
        <v>0</v>
      </c>
      <c r="BL30" s="281">
        <v>0</v>
      </c>
      <c r="BM30" s="281">
        <v>0</v>
      </c>
      <c r="BN30" s="281">
        <v>1</v>
      </c>
      <c r="BO30" s="282">
        <v>1</v>
      </c>
      <c r="BP30" s="283">
        <v>1</v>
      </c>
      <c r="BQ30" s="277">
        <v>0</v>
      </c>
      <c r="BR30" s="281">
        <v>0</v>
      </c>
      <c r="BS30" s="278">
        <v>0</v>
      </c>
      <c r="BT30" s="280">
        <v>0</v>
      </c>
      <c r="BU30" s="281">
        <v>0</v>
      </c>
      <c r="BV30" s="281">
        <v>0</v>
      </c>
      <c r="BW30" s="281">
        <v>0</v>
      </c>
      <c r="BX30" s="281">
        <v>0</v>
      </c>
      <c r="BY30" s="281">
        <v>0</v>
      </c>
      <c r="BZ30" s="278">
        <v>0</v>
      </c>
      <c r="CA30" s="283">
        <v>0</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row>
    <row r="31" spans="2:101" ht="21" customHeight="1" x14ac:dyDescent="0.2">
      <c r="B31" s="262" t="s">
        <v>29</v>
      </c>
      <c r="C31" s="277">
        <v>0</v>
      </c>
      <c r="D31" s="278">
        <v>0</v>
      </c>
      <c r="E31" s="279">
        <v>0</v>
      </c>
      <c r="F31" s="280">
        <v>0</v>
      </c>
      <c r="G31" s="281">
        <v>0</v>
      </c>
      <c r="H31" s="281">
        <v>0</v>
      </c>
      <c r="I31" s="281">
        <v>0</v>
      </c>
      <c r="J31" s="281">
        <v>0</v>
      </c>
      <c r="K31" s="281">
        <v>0</v>
      </c>
      <c r="L31" s="282">
        <v>0</v>
      </c>
      <c r="M31" s="283">
        <v>0</v>
      </c>
      <c r="N31" s="277">
        <v>0</v>
      </c>
      <c r="O31" s="281">
        <v>0</v>
      </c>
      <c r="P31" s="278">
        <v>0</v>
      </c>
      <c r="Q31" s="280">
        <v>0</v>
      </c>
      <c r="R31" s="281">
        <v>0</v>
      </c>
      <c r="S31" s="281">
        <v>0</v>
      </c>
      <c r="T31" s="281">
        <v>0</v>
      </c>
      <c r="U31" s="281">
        <v>0</v>
      </c>
      <c r="V31" s="281">
        <v>0</v>
      </c>
      <c r="W31" s="278">
        <v>0</v>
      </c>
      <c r="X31" s="283">
        <v>0</v>
      </c>
      <c r="Y31" s="277">
        <v>0</v>
      </c>
      <c r="Z31" s="281">
        <v>0</v>
      </c>
      <c r="AA31" s="278">
        <v>0</v>
      </c>
      <c r="AB31" s="280">
        <v>0</v>
      </c>
      <c r="AC31" s="281">
        <v>1</v>
      </c>
      <c r="AD31" s="281">
        <v>1</v>
      </c>
      <c r="AE31" s="281">
        <v>0</v>
      </c>
      <c r="AF31" s="281">
        <v>0</v>
      </c>
      <c r="AG31" s="281">
        <v>0</v>
      </c>
      <c r="AH31" s="278">
        <v>2</v>
      </c>
      <c r="AI31" s="283">
        <v>2</v>
      </c>
      <c r="AJ31" s="277">
        <v>0</v>
      </c>
      <c r="AK31" s="281">
        <v>0</v>
      </c>
      <c r="AL31" s="278">
        <v>0</v>
      </c>
      <c r="AM31" s="280">
        <v>0</v>
      </c>
      <c r="AN31" s="281">
        <v>0</v>
      </c>
      <c r="AO31" s="281">
        <v>0</v>
      </c>
      <c r="AP31" s="281">
        <v>0</v>
      </c>
      <c r="AQ31" s="281">
        <v>0</v>
      </c>
      <c r="AR31" s="281">
        <v>0</v>
      </c>
      <c r="AS31" s="278">
        <v>0</v>
      </c>
      <c r="AT31" s="283">
        <v>0</v>
      </c>
      <c r="AU31" s="277">
        <v>0</v>
      </c>
      <c r="AV31" s="281">
        <v>0</v>
      </c>
      <c r="AW31" s="278">
        <v>0</v>
      </c>
      <c r="AX31" s="280">
        <v>0</v>
      </c>
      <c r="AY31" s="281">
        <v>0</v>
      </c>
      <c r="AZ31" s="281">
        <v>0</v>
      </c>
      <c r="BA31" s="281">
        <v>0</v>
      </c>
      <c r="BB31" s="281">
        <v>0</v>
      </c>
      <c r="BC31" s="281">
        <v>0</v>
      </c>
      <c r="BD31" s="278">
        <v>0</v>
      </c>
      <c r="BE31" s="283">
        <v>0</v>
      </c>
      <c r="BF31" s="277">
        <v>0</v>
      </c>
      <c r="BG31" s="281">
        <v>0</v>
      </c>
      <c r="BH31" s="278">
        <v>0</v>
      </c>
      <c r="BI31" s="280">
        <v>0</v>
      </c>
      <c r="BJ31" s="281">
        <v>0</v>
      </c>
      <c r="BK31" s="281">
        <v>0</v>
      </c>
      <c r="BL31" s="281">
        <v>0</v>
      </c>
      <c r="BM31" s="281">
        <v>0</v>
      </c>
      <c r="BN31" s="281">
        <v>0</v>
      </c>
      <c r="BO31" s="282">
        <v>0</v>
      </c>
      <c r="BP31" s="283">
        <v>0</v>
      </c>
      <c r="BQ31" s="277">
        <v>0</v>
      </c>
      <c r="BR31" s="281">
        <v>0</v>
      </c>
      <c r="BS31" s="278">
        <v>0</v>
      </c>
      <c r="BT31" s="280">
        <v>0</v>
      </c>
      <c r="BU31" s="281">
        <v>0</v>
      </c>
      <c r="BV31" s="281">
        <v>0</v>
      </c>
      <c r="BW31" s="281">
        <v>0</v>
      </c>
      <c r="BX31" s="281">
        <v>0</v>
      </c>
      <c r="BY31" s="281">
        <v>0</v>
      </c>
      <c r="BZ31" s="278">
        <v>0</v>
      </c>
      <c r="CA31" s="283">
        <v>0</v>
      </c>
      <c r="CB31" s="277">
        <v>0</v>
      </c>
      <c r="CC31" s="281">
        <v>0</v>
      </c>
      <c r="CD31" s="278">
        <v>0</v>
      </c>
      <c r="CE31" s="280">
        <v>0</v>
      </c>
      <c r="CF31" s="281">
        <v>0</v>
      </c>
      <c r="CG31" s="281">
        <v>0</v>
      </c>
      <c r="CH31" s="281">
        <v>0</v>
      </c>
      <c r="CI31" s="281">
        <v>1</v>
      </c>
      <c r="CJ31" s="281">
        <v>0</v>
      </c>
      <c r="CK31" s="278">
        <v>1</v>
      </c>
      <c r="CL31" s="283">
        <v>1</v>
      </c>
      <c r="CM31" s="277">
        <v>0</v>
      </c>
      <c r="CN31" s="281">
        <v>0</v>
      </c>
      <c r="CO31" s="278">
        <v>0</v>
      </c>
      <c r="CP31" s="280">
        <v>0</v>
      </c>
      <c r="CQ31" s="281">
        <v>0</v>
      </c>
      <c r="CR31" s="281">
        <v>0</v>
      </c>
      <c r="CS31" s="281">
        <v>0</v>
      </c>
      <c r="CT31" s="281">
        <v>0</v>
      </c>
      <c r="CU31" s="281">
        <v>0</v>
      </c>
      <c r="CV31" s="278">
        <v>0</v>
      </c>
      <c r="CW31" s="283">
        <v>0</v>
      </c>
    </row>
    <row r="32" spans="2:101" ht="21" customHeight="1" x14ac:dyDescent="0.2">
      <c r="B32" s="262" t="s">
        <v>30</v>
      </c>
      <c r="C32" s="277">
        <v>0</v>
      </c>
      <c r="D32" s="278">
        <v>0</v>
      </c>
      <c r="E32" s="279">
        <v>0</v>
      </c>
      <c r="F32" s="280">
        <v>0</v>
      </c>
      <c r="G32" s="281">
        <v>0</v>
      </c>
      <c r="H32" s="281">
        <v>0</v>
      </c>
      <c r="I32" s="281">
        <v>0</v>
      </c>
      <c r="J32" s="281">
        <v>0</v>
      </c>
      <c r="K32" s="281">
        <v>0</v>
      </c>
      <c r="L32" s="282">
        <v>0</v>
      </c>
      <c r="M32" s="283">
        <v>0</v>
      </c>
      <c r="N32" s="277">
        <v>0</v>
      </c>
      <c r="O32" s="281">
        <v>0</v>
      </c>
      <c r="P32" s="278">
        <v>0</v>
      </c>
      <c r="Q32" s="280">
        <v>0</v>
      </c>
      <c r="R32" s="281">
        <v>0</v>
      </c>
      <c r="S32" s="281">
        <v>0</v>
      </c>
      <c r="T32" s="281">
        <v>0</v>
      </c>
      <c r="U32" s="281">
        <v>0</v>
      </c>
      <c r="V32" s="281">
        <v>0</v>
      </c>
      <c r="W32" s="278">
        <v>0</v>
      </c>
      <c r="X32" s="283">
        <v>0</v>
      </c>
      <c r="Y32" s="277">
        <v>0</v>
      </c>
      <c r="Z32" s="281">
        <v>0</v>
      </c>
      <c r="AA32" s="278">
        <v>0</v>
      </c>
      <c r="AB32" s="280">
        <v>0</v>
      </c>
      <c r="AC32" s="281">
        <v>1</v>
      </c>
      <c r="AD32" s="281">
        <v>1</v>
      </c>
      <c r="AE32" s="281">
        <v>0</v>
      </c>
      <c r="AF32" s="281">
        <v>0</v>
      </c>
      <c r="AG32" s="281">
        <v>0</v>
      </c>
      <c r="AH32" s="278">
        <v>2</v>
      </c>
      <c r="AI32" s="283">
        <v>2</v>
      </c>
      <c r="AJ32" s="277">
        <v>1</v>
      </c>
      <c r="AK32" s="281">
        <v>0</v>
      </c>
      <c r="AL32" s="278">
        <v>1</v>
      </c>
      <c r="AM32" s="280">
        <v>0</v>
      </c>
      <c r="AN32" s="281">
        <v>0</v>
      </c>
      <c r="AO32" s="281">
        <v>0</v>
      </c>
      <c r="AP32" s="281">
        <v>0</v>
      </c>
      <c r="AQ32" s="281">
        <v>0</v>
      </c>
      <c r="AR32" s="281">
        <v>0</v>
      </c>
      <c r="AS32" s="278">
        <v>0</v>
      </c>
      <c r="AT32" s="283">
        <v>1</v>
      </c>
      <c r="AU32" s="277">
        <v>0</v>
      </c>
      <c r="AV32" s="281">
        <v>0</v>
      </c>
      <c r="AW32" s="278">
        <v>0</v>
      </c>
      <c r="AX32" s="280">
        <v>0</v>
      </c>
      <c r="AY32" s="281">
        <v>0</v>
      </c>
      <c r="AZ32" s="281">
        <v>0</v>
      </c>
      <c r="BA32" s="281">
        <v>0</v>
      </c>
      <c r="BB32" s="281">
        <v>0</v>
      </c>
      <c r="BC32" s="281">
        <v>0</v>
      </c>
      <c r="BD32" s="278">
        <v>0</v>
      </c>
      <c r="BE32" s="283">
        <v>0</v>
      </c>
      <c r="BF32" s="277">
        <v>0</v>
      </c>
      <c r="BG32" s="281">
        <v>0</v>
      </c>
      <c r="BH32" s="278">
        <v>0</v>
      </c>
      <c r="BI32" s="280">
        <v>0</v>
      </c>
      <c r="BJ32" s="281">
        <v>0</v>
      </c>
      <c r="BK32" s="281">
        <v>1</v>
      </c>
      <c r="BL32" s="281">
        <v>0</v>
      </c>
      <c r="BM32" s="281">
        <v>1</v>
      </c>
      <c r="BN32" s="281">
        <v>0</v>
      </c>
      <c r="BO32" s="282">
        <v>2</v>
      </c>
      <c r="BP32" s="283">
        <v>2</v>
      </c>
      <c r="BQ32" s="277">
        <v>0</v>
      </c>
      <c r="BR32" s="281">
        <v>0</v>
      </c>
      <c r="BS32" s="278">
        <v>0</v>
      </c>
      <c r="BT32" s="280">
        <v>0</v>
      </c>
      <c r="BU32" s="281">
        <v>0</v>
      </c>
      <c r="BV32" s="281">
        <v>0</v>
      </c>
      <c r="BW32" s="281">
        <v>0</v>
      </c>
      <c r="BX32" s="281">
        <v>0</v>
      </c>
      <c r="BY32" s="281">
        <v>0</v>
      </c>
      <c r="BZ32" s="278">
        <v>0</v>
      </c>
      <c r="CA32" s="283">
        <v>0</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row>
    <row r="33" spans="2:101" ht="21" customHeight="1" x14ac:dyDescent="0.2">
      <c r="B33" s="262" t="s">
        <v>31</v>
      </c>
      <c r="C33" s="277">
        <v>0</v>
      </c>
      <c r="D33" s="278">
        <v>0</v>
      </c>
      <c r="E33" s="279">
        <v>0</v>
      </c>
      <c r="F33" s="280">
        <v>0</v>
      </c>
      <c r="G33" s="281">
        <v>0</v>
      </c>
      <c r="H33" s="281">
        <v>0</v>
      </c>
      <c r="I33" s="281">
        <v>0</v>
      </c>
      <c r="J33" s="281">
        <v>0</v>
      </c>
      <c r="K33" s="281">
        <v>0</v>
      </c>
      <c r="L33" s="282">
        <v>0</v>
      </c>
      <c r="M33" s="283">
        <v>0</v>
      </c>
      <c r="N33" s="277">
        <v>0</v>
      </c>
      <c r="O33" s="281">
        <v>0</v>
      </c>
      <c r="P33" s="278">
        <v>0</v>
      </c>
      <c r="Q33" s="280">
        <v>0</v>
      </c>
      <c r="R33" s="281">
        <v>0</v>
      </c>
      <c r="S33" s="281">
        <v>0</v>
      </c>
      <c r="T33" s="281">
        <v>0</v>
      </c>
      <c r="U33" s="281">
        <v>0</v>
      </c>
      <c r="V33" s="281">
        <v>0</v>
      </c>
      <c r="W33" s="278">
        <v>0</v>
      </c>
      <c r="X33" s="283">
        <v>0</v>
      </c>
      <c r="Y33" s="277">
        <v>0</v>
      </c>
      <c r="Z33" s="281">
        <v>0</v>
      </c>
      <c r="AA33" s="278">
        <v>0</v>
      </c>
      <c r="AB33" s="280">
        <v>0</v>
      </c>
      <c r="AC33" s="281">
        <v>1</v>
      </c>
      <c r="AD33" s="281">
        <v>0</v>
      </c>
      <c r="AE33" s="281">
        <v>0</v>
      </c>
      <c r="AF33" s="281">
        <v>0</v>
      </c>
      <c r="AG33" s="281">
        <v>0</v>
      </c>
      <c r="AH33" s="278">
        <v>1</v>
      </c>
      <c r="AI33" s="283">
        <v>1</v>
      </c>
      <c r="AJ33" s="277">
        <v>0</v>
      </c>
      <c r="AK33" s="281">
        <v>0</v>
      </c>
      <c r="AL33" s="278">
        <v>0</v>
      </c>
      <c r="AM33" s="280">
        <v>0</v>
      </c>
      <c r="AN33" s="281">
        <v>0</v>
      </c>
      <c r="AO33" s="281">
        <v>0</v>
      </c>
      <c r="AP33" s="281">
        <v>1</v>
      </c>
      <c r="AQ33" s="281">
        <v>0</v>
      </c>
      <c r="AR33" s="281">
        <v>0</v>
      </c>
      <c r="AS33" s="278">
        <v>1</v>
      </c>
      <c r="AT33" s="283">
        <v>1</v>
      </c>
      <c r="AU33" s="277">
        <v>0</v>
      </c>
      <c r="AV33" s="281">
        <v>0</v>
      </c>
      <c r="AW33" s="278">
        <v>0</v>
      </c>
      <c r="AX33" s="280">
        <v>0</v>
      </c>
      <c r="AY33" s="281">
        <v>1</v>
      </c>
      <c r="AZ33" s="281">
        <v>1</v>
      </c>
      <c r="BA33" s="281">
        <v>0</v>
      </c>
      <c r="BB33" s="281">
        <v>0</v>
      </c>
      <c r="BC33" s="281">
        <v>0</v>
      </c>
      <c r="BD33" s="278">
        <v>2</v>
      </c>
      <c r="BE33" s="283">
        <v>2</v>
      </c>
      <c r="BF33" s="277">
        <v>0</v>
      </c>
      <c r="BG33" s="281">
        <v>0</v>
      </c>
      <c r="BH33" s="278">
        <v>0</v>
      </c>
      <c r="BI33" s="280">
        <v>0</v>
      </c>
      <c r="BJ33" s="281">
        <v>0</v>
      </c>
      <c r="BK33" s="281">
        <v>2</v>
      </c>
      <c r="BL33" s="281">
        <v>0</v>
      </c>
      <c r="BM33" s="281">
        <v>1</v>
      </c>
      <c r="BN33" s="281">
        <v>0</v>
      </c>
      <c r="BO33" s="282">
        <v>3</v>
      </c>
      <c r="BP33" s="283">
        <v>3</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row>
    <row r="34" spans="2:101" ht="21" customHeight="1" x14ac:dyDescent="0.2">
      <c r="B34" s="262" t="s">
        <v>32</v>
      </c>
      <c r="C34" s="277">
        <v>0</v>
      </c>
      <c r="D34" s="278">
        <v>0</v>
      </c>
      <c r="E34" s="279">
        <v>0</v>
      </c>
      <c r="F34" s="280">
        <v>0</v>
      </c>
      <c r="G34" s="281">
        <v>0</v>
      </c>
      <c r="H34" s="281">
        <v>0</v>
      </c>
      <c r="I34" s="281">
        <v>0</v>
      </c>
      <c r="J34" s="281">
        <v>0</v>
      </c>
      <c r="K34" s="281">
        <v>0</v>
      </c>
      <c r="L34" s="282">
        <v>0</v>
      </c>
      <c r="M34" s="283">
        <v>0</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2</v>
      </c>
      <c r="AD34" s="281">
        <v>1</v>
      </c>
      <c r="AE34" s="281">
        <v>1</v>
      </c>
      <c r="AF34" s="281">
        <v>0</v>
      </c>
      <c r="AG34" s="281">
        <v>1</v>
      </c>
      <c r="AH34" s="278">
        <v>5</v>
      </c>
      <c r="AI34" s="283">
        <v>5</v>
      </c>
      <c r="AJ34" s="277">
        <v>0</v>
      </c>
      <c r="AK34" s="281">
        <v>0</v>
      </c>
      <c r="AL34" s="278">
        <v>0</v>
      </c>
      <c r="AM34" s="280">
        <v>0</v>
      </c>
      <c r="AN34" s="281">
        <v>0</v>
      </c>
      <c r="AO34" s="281">
        <v>0</v>
      </c>
      <c r="AP34" s="281">
        <v>0</v>
      </c>
      <c r="AQ34" s="281">
        <v>1</v>
      </c>
      <c r="AR34" s="281">
        <v>0</v>
      </c>
      <c r="AS34" s="278">
        <v>1</v>
      </c>
      <c r="AT34" s="283">
        <v>1</v>
      </c>
      <c r="AU34" s="277">
        <v>0</v>
      </c>
      <c r="AV34" s="281">
        <v>0</v>
      </c>
      <c r="AW34" s="278">
        <v>0</v>
      </c>
      <c r="AX34" s="280">
        <v>0</v>
      </c>
      <c r="AY34" s="281">
        <v>0</v>
      </c>
      <c r="AZ34" s="281">
        <v>0</v>
      </c>
      <c r="BA34" s="281">
        <v>0</v>
      </c>
      <c r="BB34" s="281">
        <v>0</v>
      </c>
      <c r="BC34" s="281">
        <v>0</v>
      </c>
      <c r="BD34" s="278">
        <v>0</v>
      </c>
      <c r="BE34" s="283">
        <v>0</v>
      </c>
      <c r="BF34" s="277">
        <v>0</v>
      </c>
      <c r="BG34" s="281">
        <v>0</v>
      </c>
      <c r="BH34" s="278">
        <v>0</v>
      </c>
      <c r="BI34" s="280">
        <v>0</v>
      </c>
      <c r="BJ34" s="281">
        <v>0</v>
      </c>
      <c r="BK34" s="281">
        <v>0</v>
      </c>
      <c r="BL34" s="281">
        <v>2</v>
      </c>
      <c r="BM34" s="281">
        <v>0</v>
      </c>
      <c r="BN34" s="281">
        <v>0</v>
      </c>
      <c r="BO34" s="282">
        <v>2</v>
      </c>
      <c r="BP34" s="283">
        <v>2</v>
      </c>
      <c r="BQ34" s="277">
        <v>0</v>
      </c>
      <c r="BR34" s="281">
        <v>0</v>
      </c>
      <c r="BS34" s="278">
        <v>0</v>
      </c>
      <c r="BT34" s="280">
        <v>0</v>
      </c>
      <c r="BU34" s="281">
        <v>0</v>
      </c>
      <c r="BV34" s="281">
        <v>0</v>
      </c>
      <c r="BW34" s="281">
        <v>0</v>
      </c>
      <c r="BX34" s="281">
        <v>0</v>
      </c>
      <c r="BY34" s="281">
        <v>0</v>
      </c>
      <c r="BZ34" s="278">
        <v>0</v>
      </c>
      <c r="CA34" s="283">
        <v>0</v>
      </c>
      <c r="CB34" s="277">
        <v>0</v>
      </c>
      <c r="CC34" s="281">
        <v>0</v>
      </c>
      <c r="CD34" s="278">
        <v>0</v>
      </c>
      <c r="CE34" s="280">
        <v>0</v>
      </c>
      <c r="CF34" s="281">
        <v>0</v>
      </c>
      <c r="CG34" s="281">
        <v>0</v>
      </c>
      <c r="CH34" s="281">
        <v>1</v>
      </c>
      <c r="CI34" s="281">
        <v>0</v>
      </c>
      <c r="CJ34" s="281">
        <v>0</v>
      </c>
      <c r="CK34" s="278">
        <v>1</v>
      </c>
      <c r="CL34" s="283">
        <v>1</v>
      </c>
      <c r="CM34" s="277">
        <v>0</v>
      </c>
      <c r="CN34" s="281">
        <v>0</v>
      </c>
      <c r="CO34" s="278">
        <v>0</v>
      </c>
      <c r="CP34" s="280">
        <v>0</v>
      </c>
      <c r="CQ34" s="281">
        <v>0</v>
      </c>
      <c r="CR34" s="281">
        <v>0</v>
      </c>
      <c r="CS34" s="281">
        <v>0</v>
      </c>
      <c r="CT34" s="281">
        <v>0</v>
      </c>
      <c r="CU34" s="281">
        <v>0</v>
      </c>
      <c r="CV34" s="278">
        <v>0</v>
      </c>
      <c r="CW34" s="283">
        <v>0</v>
      </c>
    </row>
    <row r="35" spans="2:101" ht="21" customHeight="1" x14ac:dyDescent="0.2">
      <c r="B35" s="262" t="s">
        <v>33</v>
      </c>
      <c r="C35" s="277">
        <v>0</v>
      </c>
      <c r="D35" s="278">
        <v>0</v>
      </c>
      <c r="E35" s="279">
        <v>0</v>
      </c>
      <c r="F35" s="280">
        <v>0</v>
      </c>
      <c r="G35" s="281">
        <v>0</v>
      </c>
      <c r="H35" s="281">
        <v>0</v>
      </c>
      <c r="I35" s="281">
        <v>0</v>
      </c>
      <c r="J35" s="281">
        <v>0</v>
      </c>
      <c r="K35" s="281">
        <v>0</v>
      </c>
      <c r="L35" s="282">
        <v>0</v>
      </c>
      <c r="M35" s="283">
        <v>0</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1</v>
      </c>
      <c r="AD35" s="281">
        <v>0</v>
      </c>
      <c r="AE35" s="281">
        <v>0</v>
      </c>
      <c r="AF35" s="281">
        <v>0</v>
      </c>
      <c r="AG35" s="281">
        <v>0</v>
      </c>
      <c r="AH35" s="278">
        <v>1</v>
      </c>
      <c r="AI35" s="283">
        <v>1</v>
      </c>
      <c r="AJ35" s="277">
        <v>0</v>
      </c>
      <c r="AK35" s="281">
        <v>0</v>
      </c>
      <c r="AL35" s="278">
        <v>0</v>
      </c>
      <c r="AM35" s="280">
        <v>0</v>
      </c>
      <c r="AN35" s="281">
        <v>0</v>
      </c>
      <c r="AO35" s="281">
        <v>0</v>
      </c>
      <c r="AP35" s="281">
        <v>0</v>
      </c>
      <c r="AQ35" s="281">
        <v>0</v>
      </c>
      <c r="AR35" s="281">
        <v>0</v>
      </c>
      <c r="AS35" s="278">
        <v>0</v>
      </c>
      <c r="AT35" s="283">
        <v>0</v>
      </c>
      <c r="AU35" s="277">
        <v>0</v>
      </c>
      <c r="AV35" s="281">
        <v>0</v>
      </c>
      <c r="AW35" s="278">
        <v>0</v>
      </c>
      <c r="AX35" s="280">
        <v>0</v>
      </c>
      <c r="AY35" s="281">
        <v>0</v>
      </c>
      <c r="AZ35" s="281">
        <v>0</v>
      </c>
      <c r="BA35" s="281">
        <v>0</v>
      </c>
      <c r="BB35" s="281">
        <v>0</v>
      </c>
      <c r="BC35" s="281">
        <v>0</v>
      </c>
      <c r="BD35" s="278">
        <v>0</v>
      </c>
      <c r="BE35" s="283">
        <v>0</v>
      </c>
      <c r="BF35" s="277">
        <v>0</v>
      </c>
      <c r="BG35" s="281">
        <v>0</v>
      </c>
      <c r="BH35" s="278">
        <v>0</v>
      </c>
      <c r="BI35" s="280">
        <v>0</v>
      </c>
      <c r="BJ35" s="281">
        <v>0</v>
      </c>
      <c r="BK35" s="281">
        <v>0</v>
      </c>
      <c r="BL35" s="281">
        <v>1</v>
      </c>
      <c r="BM35" s="281">
        <v>0</v>
      </c>
      <c r="BN35" s="281">
        <v>0</v>
      </c>
      <c r="BO35" s="282">
        <v>1</v>
      </c>
      <c r="BP35" s="283">
        <v>1</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1</v>
      </c>
      <c r="CR35" s="281">
        <v>0</v>
      </c>
      <c r="CS35" s="281">
        <v>1</v>
      </c>
      <c r="CT35" s="281">
        <v>0</v>
      </c>
      <c r="CU35" s="281">
        <v>0</v>
      </c>
      <c r="CV35" s="278">
        <v>2</v>
      </c>
      <c r="CW35" s="283">
        <v>2</v>
      </c>
    </row>
    <row r="36" spans="2:101" ht="21" customHeight="1" x14ac:dyDescent="0.2">
      <c r="B36" s="262" t="s">
        <v>34</v>
      </c>
      <c r="C36" s="277">
        <v>0</v>
      </c>
      <c r="D36" s="278">
        <v>0</v>
      </c>
      <c r="E36" s="279">
        <v>0</v>
      </c>
      <c r="F36" s="280">
        <v>0</v>
      </c>
      <c r="G36" s="281">
        <v>0</v>
      </c>
      <c r="H36" s="281">
        <v>0</v>
      </c>
      <c r="I36" s="281">
        <v>0</v>
      </c>
      <c r="J36" s="281">
        <v>0</v>
      </c>
      <c r="K36" s="281">
        <v>0</v>
      </c>
      <c r="L36" s="282">
        <v>0</v>
      </c>
      <c r="M36" s="283">
        <v>0</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2</v>
      </c>
      <c r="AD36" s="281">
        <v>0</v>
      </c>
      <c r="AE36" s="281">
        <v>0</v>
      </c>
      <c r="AF36" s="281">
        <v>0</v>
      </c>
      <c r="AG36" s="281">
        <v>0</v>
      </c>
      <c r="AH36" s="278">
        <v>2</v>
      </c>
      <c r="AI36" s="283">
        <v>2</v>
      </c>
      <c r="AJ36" s="277">
        <v>0</v>
      </c>
      <c r="AK36" s="281">
        <v>0</v>
      </c>
      <c r="AL36" s="278">
        <v>0</v>
      </c>
      <c r="AM36" s="280">
        <v>0</v>
      </c>
      <c r="AN36" s="281">
        <v>0</v>
      </c>
      <c r="AO36" s="281">
        <v>0</v>
      </c>
      <c r="AP36" s="281">
        <v>0</v>
      </c>
      <c r="AQ36" s="281">
        <v>0</v>
      </c>
      <c r="AR36" s="281">
        <v>0</v>
      </c>
      <c r="AS36" s="278">
        <v>0</v>
      </c>
      <c r="AT36" s="283">
        <v>0</v>
      </c>
      <c r="AU36" s="277">
        <v>0</v>
      </c>
      <c r="AV36" s="281">
        <v>0</v>
      </c>
      <c r="AW36" s="278">
        <v>0</v>
      </c>
      <c r="AX36" s="280">
        <v>0</v>
      </c>
      <c r="AY36" s="281">
        <v>1</v>
      </c>
      <c r="AZ36" s="281">
        <v>0</v>
      </c>
      <c r="BA36" s="281">
        <v>0</v>
      </c>
      <c r="BB36" s="281">
        <v>0</v>
      </c>
      <c r="BC36" s="281">
        <v>0</v>
      </c>
      <c r="BD36" s="278">
        <v>1</v>
      </c>
      <c r="BE36" s="283">
        <v>1</v>
      </c>
      <c r="BF36" s="277">
        <v>0</v>
      </c>
      <c r="BG36" s="281">
        <v>0</v>
      </c>
      <c r="BH36" s="278">
        <v>0</v>
      </c>
      <c r="BI36" s="280">
        <v>0</v>
      </c>
      <c r="BJ36" s="281">
        <v>0</v>
      </c>
      <c r="BK36" s="281">
        <v>0</v>
      </c>
      <c r="BL36" s="281">
        <v>0</v>
      </c>
      <c r="BM36" s="281">
        <v>0</v>
      </c>
      <c r="BN36" s="281">
        <v>0</v>
      </c>
      <c r="BO36" s="282">
        <v>0</v>
      </c>
      <c r="BP36" s="283">
        <v>0</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1</v>
      </c>
      <c r="CT36" s="281">
        <v>0</v>
      </c>
      <c r="CU36" s="281">
        <v>0</v>
      </c>
      <c r="CV36" s="278">
        <v>1</v>
      </c>
      <c r="CW36" s="283">
        <v>1</v>
      </c>
    </row>
    <row r="37" spans="2:101" ht="21" customHeight="1" x14ac:dyDescent="0.2">
      <c r="B37" s="262" t="s">
        <v>35</v>
      </c>
      <c r="C37" s="277">
        <v>0</v>
      </c>
      <c r="D37" s="278">
        <v>0</v>
      </c>
      <c r="E37" s="279">
        <v>0</v>
      </c>
      <c r="F37" s="280">
        <v>0</v>
      </c>
      <c r="G37" s="281">
        <v>0</v>
      </c>
      <c r="H37" s="281">
        <v>1</v>
      </c>
      <c r="I37" s="281">
        <v>0</v>
      </c>
      <c r="J37" s="281">
        <v>0</v>
      </c>
      <c r="K37" s="281">
        <v>0</v>
      </c>
      <c r="L37" s="282">
        <v>1</v>
      </c>
      <c r="M37" s="283">
        <v>1</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0</v>
      </c>
      <c r="AD37" s="281">
        <v>1</v>
      </c>
      <c r="AE37" s="281">
        <v>0</v>
      </c>
      <c r="AF37" s="281">
        <v>0</v>
      </c>
      <c r="AG37" s="281">
        <v>0</v>
      </c>
      <c r="AH37" s="278">
        <v>1</v>
      </c>
      <c r="AI37" s="283">
        <v>1</v>
      </c>
      <c r="AJ37" s="277">
        <v>0</v>
      </c>
      <c r="AK37" s="281">
        <v>0</v>
      </c>
      <c r="AL37" s="278">
        <v>0</v>
      </c>
      <c r="AM37" s="280">
        <v>0</v>
      </c>
      <c r="AN37" s="281">
        <v>0</v>
      </c>
      <c r="AO37" s="281">
        <v>0</v>
      </c>
      <c r="AP37" s="281">
        <v>0</v>
      </c>
      <c r="AQ37" s="281">
        <v>0</v>
      </c>
      <c r="AR37" s="281">
        <v>0</v>
      </c>
      <c r="AS37" s="278">
        <v>0</v>
      </c>
      <c r="AT37" s="283">
        <v>0</v>
      </c>
      <c r="AU37" s="277">
        <v>0</v>
      </c>
      <c r="AV37" s="281">
        <v>0</v>
      </c>
      <c r="AW37" s="278">
        <v>0</v>
      </c>
      <c r="AX37" s="280">
        <v>0</v>
      </c>
      <c r="AY37" s="281">
        <v>1</v>
      </c>
      <c r="AZ37" s="281">
        <v>1</v>
      </c>
      <c r="BA37" s="281">
        <v>0</v>
      </c>
      <c r="BB37" s="281">
        <v>0</v>
      </c>
      <c r="BC37" s="281">
        <v>0</v>
      </c>
      <c r="BD37" s="278">
        <v>2</v>
      </c>
      <c r="BE37" s="283">
        <v>2</v>
      </c>
      <c r="BF37" s="277">
        <v>0</v>
      </c>
      <c r="BG37" s="281">
        <v>0</v>
      </c>
      <c r="BH37" s="278">
        <v>0</v>
      </c>
      <c r="BI37" s="280">
        <v>0</v>
      </c>
      <c r="BJ37" s="281">
        <v>0</v>
      </c>
      <c r="BK37" s="281">
        <v>1</v>
      </c>
      <c r="BL37" s="281">
        <v>0</v>
      </c>
      <c r="BM37" s="281">
        <v>0</v>
      </c>
      <c r="BN37" s="281">
        <v>0</v>
      </c>
      <c r="BO37" s="282">
        <v>1</v>
      </c>
      <c r="BP37" s="283">
        <v>1</v>
      </c>
      <c r="BQ37" s="277">
        <v>0</v>
      </c>
      <c r="BR37" s="281">
        <v>0</v>
      </c>
      <c r="BS37" s="278">
        <v>0</v>
      </c>
      <c r="BT37" s="280">
        <v>0</v>
      </c>
      <c r="BU37" s="281">
        <v>0</v>
      </c>
      <c r="BV37" s="281">
        <v>0</v>
      </c>
      <c r="BW37" s="281">
        <v>0</v>
      </c>
      <c r="BX37" s="281">
        <v>0</v>
      </c>
      <c r="BY37" s="281">
        <v>0</v>
      </c>
      <c r="BZ37" s="278">
        <v>0</v>
      </c>
      <c r="CA37" s="283">
        <v>0</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row>
    <row r="38" spans="2:101" ht="21" customHeight="1" x14ac:dyDescent="0.2">
      <c r="B38" s="262" t="s">
        <v>36</v>
      </c>
      <c r="C38" s="277">
        <v>0</v>
      </c>
      <c r="D38" s="278">
        <v>0</v>
      </c>
      <c r="E38" s="279">
        <v>0</v>
      </c>
      <c r="F38" s="280">
        <v>0</v>
      </c>
      <c r="G38" s="281">
        <v>0</v>
      </c>
      <c r="H38" s="281">
        <v>0</v>
      </c>
      <c r="I38" s="281">
        <v>0</v>
      </c>
      <c r="J38" s="281">
        <v>0</v>
      </c>
      <c r="K38" s="281">
        <v>0</v>
      </c>
      <c r="L38" s="282">
        <v>0</v>
      </c>
      <c r="M38" s="283">
        <v>0</v>
      </c>
      <c r="N38" s="277">
        <v>0</v>
      </c>
      <c r="O38" s="281">
        <v>0</v>
      </c>
      <c r="P38" s="278">
        <v>0</v>
      </c>
      <c r="Q38" s="280">
        <v>0</v>
      </c>
      <c r="R38" s="281">
        <v>0</v>
      </c>
      <c r="S38" s="281">
        <v>0</v>
      </c>
      <c r="T38" s="281">
        <v>0</v>
      </c>
      <c r="U38" s="281">
        <v>0</v>
      </c>
      <c r="V38" s="281">
        <v>0</v>
      </c>
      <c r="W38" s="278">
        <v>0</v>
      </c>
      <c r="X38" s="283">
        <v>0</v>
      </c>
      <c r="Y38" s="277">
        <v>0</v>
      </c>
      <c r="Z38" s="281">
        <v>0</v>
      </c>
      <c r="AA38" s="278">
        <v>0</v>
      </c>
      <c r="AB38" s="280">
        <v>0</v>
      </c>
      <c r="AC38" s="281">
        <v>3</v>
      </c>
      <c r="AD38" s="281">
        <v>2</v>
      </c>
      <c r="AE38" s="281">
        <v>0</v>
      </c>
      <c r="AF38" s="281">
        <v>0</v>
      </c>
      <c r="AG38" s="281">
        <v>1</v>
      </c>
      <c r="AH38" s="278">
        <v>6</v>
      </c>
      <c r="AI38" s="283">
        <v>6</v>
      </c>
      <c r="AJ38" s="277">
        <v>0</v>
      </c>
      <c r="AK38" s="281">
        <v>0</v>
      </c>
      <c r="AL38" s="278">
        <v>0</v>
      </c>
      <c r="AM38" s="280">
        <v>0</v>
      </c>
      <c r="AN38" s="281">
        <v>0</v>
      </c>
      <c r="AO38" s="281">
        <v>0</v>
      </c>
      <c r="AP38" s="281">
        <v>0</v>
      </c>
      <c r="AQ38" s="281">
        <v>0</v>
      </c>
      <c r="AR38" s="281">
        <v>0</v>
      </c>
      <c r="AS38" s="278">
        <v>0</v>
      </c>
      <c r="AT38" s="283">
        <v>0</v>
      </c>
      <c r="AU38" s="277">
        <v>0</v>
      </c>
      <c r="AV38" s="281">
        <v>0</v>
      </c>
      <c r="AW38" s="278">
        <v>0</v>
      </c>
      <c r="AX38" s="280">
        <v>0</v>
      </c>
      <c r="AY38" s="281">
        <v>0</v>
      </c>
      <c r="AZ38" s="281">
        <v>0</v>
      </c>
      <c r="BA38" s="281">
        <v>0</v>
      </c>
      <c r="BB38" s="281">
        <v>1</v>
      </c>
      <c r="BC38" s="281">
        <v>0</v>
      </c>
      <c r="BD38" s="278">
        <v>1</v>
      </c>
      <c r="BE38" s="283">
        <v>1</v>
      </c>
      <c r="BF38" s="277">
        <v>0</v>
      </c>
      <c r="BG38" s="281">
        <v>0</v>
      </c>
      <c r="BH38" s="278">
        <v>0</v>
      </c>
      <c r="BI38" s="280">
        <v>0</v>
      </c>
      <c r="BJ38" s="281">
        <v>0</v>
      </c>
      <c r="BK38" s="281">
        <v>1</v>
      </c>
      <c r="BL38" s="281">
        <v>1</v>
      </c>
      <c r="BM38" s="281">
        <v>0</v>
      </c>
      <c r="BN38" s="281">
        <v>0</v>
      </c>
      <c r="BO38" s="282">
        <v>2</v>
      </c>
      <c r="BP38" s="283">
        <v>2</v>
      </c>
      <c r="BQ38" s="277">
        <v>0</v>
      </c>
      <c r="BR38" s="281">
        <v>0</v>
      </c>
      <c r="BS38" s="278">
        <v>0</v>
      </c>
      <c r="BT38" s="280">
        <v>0</v>
      </c>
      <c r="BU38" s="281">
        <v>0</v>
      </c>
      <c r="BV38" s="281">
        <v>0</v>
      </c>
      <c r="BW38" s="281">
        <v>0</v>
      </c>
      <c r="BX38" s="281">
        <v>0</v>
      </c>
      <c r="BY38" s="281">
        <v>0</v>
      </c>
      <c r="BZ38" s="278">
        <v>0</v>
      </c>
      <c r="CA38" s="283">
        <v>0</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row>
    <row r="39" spans="2:101" ht="21" customHeight="1" thickBot="1" x14ac:dyDescent="0.25">
      <c r="B39" s="263" t="s">
        <v>37</v>
      </c>
      <c r="C39" s="284">
        <v>0</v>
      </c>
      <c r="D39" s="285">
        <v>0</v>
      </c>
      <c r="E39" s="286">
        <v>0</v>
      </c>
      <c r="F39" s="287">
        <v>0</v>
      </c>
      <c r="G39" s="288">
        <v>0</v>
      </c>
      <c r="H39" s="288">
        <v>0</v>
      </c>
      <c r="I39" s="288">
        <v>0</v>
      </c>
      <c r="J39" s="288">
        <v>0</v>
      </c>
      <c r="K39" s="288">
        <v>0</v>
      </c>
      <c r="L39" s="289">
        <v>0</v>
      </c>
      <c r="M39" s="290">
        <v>0</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0</v>
      </c>
      <c r="AH39" s="285">
        <v>0</v>
      </c>
      <c r="AI39" s="290">
        <v>0</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0</v>
      </c>
      <c r="BC39" s="288">
        <v>0</v>
      </c>
      <c r="BD39" s="285">
        <v>0</v>
      </c>
      <c r="BE39" s="290">
        <v>0</v>
      </c>
      <c r="BF39" s="284">
        <v>0</v>
      </c>
      <c r="BG39" s="288">
        <v>0</v>
      </c>
      <c r="BH39" s="285">
        <v>0</v>
      </c>
      <c r="BI39" s="287">
        <v>0</v>
      </c>
      <c r="BJ39" s="288">
        <v>0</v>
      </c>
      <c r="BK39" s="288">
        <v>0</v>
      </c>
      <c r="BL39" s="288">
        <v>0</v>
      </c>
      <c r="BM39" s="288">
        <v>0</v>
      </c>
      <c r="BN39" s="288">
        <v>0</v>
      </c>
      <c r="BO39" s="289">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8.44140625" style="256" customWidth="1"/>
    <col min="8" max="8" width="8.7773437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6640625" style="256" customWidth="1"/>
    <col min="51" max="60" width="9" style="256"/>
    <col min="61" max="61" width="7.21875" style="256" customWidth="1"/>
    <col min="62" max="71" width="9" style="256"/>
    <col min="72" max="72" width="7.21875" style="256" customWidth="1"/>
    <col min="73" max="82" width="9" style="256"/>
    <col min="83" max="83" width="7.33203125" style="256" customWidth="1"/>
    <col min="84" max="93" width="9" style="256"/>
    <col min="94" max="94" width="7.44140625" style="256" customWidth="1"/>
    <col min="95" max="16384" width="9" style="256"/>
  </cols>
  <sheetData>
    <row r="1" spans="1:101" ht="24" customHeight="1" x14ac:dyDescent="0.2">
      <c r="B1" s="291" t="s">
        <v>124</v>
      </c>
      <c r="I1" s="528">
        <f>第１表!F2</f>
        <v>4</v>
      </c>
      <c r="J1" s="528"/>
      <c r="K1" s="248">
        <f>第１表!G2</f>
        <v>7</v>
      </c>
      <c r="L1" s="529">
        <f>IF(K1&lt;3,K1+12-2,K1-2)</f>
        <v>5</v>
      </c>
      <c r="M1" s="529"/>
    </row>
    <row r="2" spans="1:101" s="292" customFormat="1" ht="24" customHeight="1" thickBot="1" x14ac:dyDescent="0.25">
      <c r="A2" s="44"/>
      <c r="B2" s="291" t="s">
        <v>155</v>
      </c>
    </row>
    <row r="3" spans="1:101" ht="23.25" customHeight="1" thickBot="1" x14ac:dyDescent="0.25">
      <c r="B3" s="542"/>
      <c r="C3" s="533" t="s">
        <v>94</v>
      </c>
      <c r="D3" s="534"/>
      <c r="E3" s="534"/>
      <c r="F3" s="534"/>
      <c r="G3" s="534"/>
      <c r="H3" s="534"/>
      <c r="I3" s="534"/>
      <c r="J3" s="534"/>
      <c r="K3" s="534"/>
      <c r="L3" s="534"/>
      <c r="M3" s="535"/>
      <c r="N3" s="533" t="s">
        <v>88</v>
      </c>
      <c r="O3" s="534"/>
      <c r="P3" s="534"/>
      <c r="Q3" s="534"/>
      <c r="R3" s="534"/>
      <c r="S3" s="534"/>
      <c r="T3" s="534"/>
      <c r="U3" s="534"/>
      <c r="V3" s="534"/>
      <c r="W3" s="534"/>
      <c r="X3" s="535"/>
      <c r="Y3" s="533" t="s">
        <v>142</v>
      </c>
      <c r="Z3" s="534"/>
      <c r="AA3" s="534"/>
      <c r="AB3" s="534"/>
      <c r="AC3" s="534"/>
      <c r="AD3" s="534"/>
      <c r="AE3" s="534"/>
      <c r="AF3" s="534"/>
      <c r="AG3" s="534"/>
      <c r="AH3" s="534"/>
      <c r="AI3" s="535"/>
      <c r="AJ3" s="533" t="s">
        <v>90</v>
      </c>
      <c r="AK3" s="534"/>
      <c r="AL3" s="534"/>
      <c r="AM3" s="534"/>
      <c r="AN3" s="534"/>
      <c r="AO3" s="534"/>
      <c r="AP3" s="534"/>
      <c r="AQ3" s="534"/>
      <c r="AR3" s="534"/>
      <c r="AS3" s="534"/>
      <c r="AT3" s="535"/>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64" t="s">
        <v>61</v>
      </c>
      <c r="AV4" s="562"/>
      <c r="AW4" s="563"/>
      <c r="AX4" s="561" t="s">
        <v>62</v>
      </c>
      <c r="AY4" s="562"/>
      <c r="AZ4" s="562"/>
      <c r="BA4" s="562"/>
      <c r="BB4" s="562"/>
      <c r="BC4" s="562"/>
      <c r="BD4" s="563"/>
      <c r="BE4" s="559" t="s">
        <v>52</v>
      </c>
      <c r="BF4" s="564" t="s">
        <v>61</v>
      </c>
      <c r="BG4" s="562"/>
      <c r="BH4" s="563"/>
      <c r="BI4" s="561" t="s">
        <v>62</v>
      </c>
      <c r="BJ4" s="562"/>
      <c r="BK4" s="562"/>
      <c r="BL4" s="562"/>
      <c r="BM4" s="562"/>
      <c r="BN4" s="562"/>
      <c r="BO4" s="563"/>
      <c r="BP4" s="559" t="s">
        <v>52</v>
      </c>
      <c r="BQ4" s="564" t="s">
        <v>61</v>
      </c>
      <c r="BR4" s="562"/>
      <c r="BS4" s="563"/>
      <c r="BT4" s="561" t="s">
        <v>62</v>
      </c>
      <c r="BU4" s="562"/>
      <c r="BV4" s="562"/>
      <c r="BW4" s="562"/>
      <c r="BX4" s="562"/>
      <c r="BY4" s="562"/>
      <c r="BZ4" s="563"/>
      <c r="CA4" s="559" t="s">
        <v>52</v>
      </c>
      <c r="CB4" s="564" t="s">
        <v>61</v>
      </c>
      <c r="CC4" s="562"/>
      <c r="CD4" s="563"/>
      <c r="CE4" s="561" t="s">
        <v>62</v>
      </c>
      <c r="CF4" s="562"/>
      <c r="CG4" s="562"/>
      <c r="CH4" s="562"/>
      <c r="CI4" s="562"/>
      <c r="CJ4" s="562"/>
      <c r="CK4" s="563"/>
      <c r="CL4" s="559" t="s">
        <v>52</v>
      </c>
      <c r="CM4" s="564" t="s">
        <v>61</v>
      </c>
      <c r="CN4" s="562"/>
      <c r="CO4" s="563"/>
      <c r="CP4" s="561" t="s">
        <v>62</v>
      </c>
      <c r="CQ4" s="562"/>
      <c r="CR4" s="562"/>
      <c r="CS4" s="562"/>
      <c r="CT4" s="562"/>
      <c r="CU4" s="562"/>
      <c r="CV4" s="563"/>
      <c r="CW4" s="559" t="s">
        <v>52</v>
      </c>
    </row>
    <row r="5" spans="1:101" ht="34.5" customHeight="1" thickBot="1" x14ac:dyDescent="0.25">
      <c r="B5" s="544"/>
      <c r="C5" s="351" t="s">
        <v>43</v>
      </c>
      <c r="D5" s="266" t="s">
        <v>44</v>
      </c>
      <c r="E5" s="267" t="s">
        <v>45</v>
      </c>
      <c r="F5" s="268" t="s">
        <v>83</v>
      </c>
      <c r="G5" s="260" t="s">
        <v>47</v>
      </c>
      <c r="H5" s="260" t="s">
        <v>48</v>
      </c>
      <c r="I5" s="260" t="s">
        <v>49</v>
      </c>
      <c r="J5" s="260" t="s">
        <v>50</v>
      </c>
      <c r="K5" s="260" t="s">
        <v>51</v>
      </c>
      <c r="L5" s="269" t="s">
        <v>45</v>
      </c>
      <c r="M5" s="540"/>
      <c r="N5" s="351" t="s">
        <v>43</v>
      </c>
      <c r="O5" s="260" t="s">
        <v>44</v>
      </c>
      <c r="P5" s="266" t="s">
        <v>45</v>
      </c>
      <c r="Q5" s="268" t="s">
        <v>83</v>
      </c>
      <c r="R5" s="260" t="s">
        <v>47</v>
      </c>
      <c r="S5" s="260" t="s">
        <v>48</v>
      </c>
      <c r="T5" s="260" t="s">
        <v>49</v>
      </c>
      <c r="U5" s="260" t="s">
        <v>50</v>
      </c>
      <c r="V5" s="260" t="s">
        <v>51</v>
      </c>
      <c r="W5" s="266" t="s">
        <v>45</v>
      </c>
      <c r="X5" s="540"/>
      <c r="Y5" s="351" t="s">
        <v>43</v>
      </c>
      <c r="Z5" s="260" t="s">
        <v>44</v>
      </c>
      <c r="AA5" s="266" t="s">
        <v>45</v>
      </c>
      <c r="AB5" s="268" t="s">
        <v>83</v>
      </c>
      <c r="AC5" s="260" t="s">
        <v>47</v>
      </c>
      <c r="AD5" s="260" t="s">
        <v>48</v>
      </c>
      <c r="AE5" s="260" t="s">
        <v>49</v>
      </c>
      <c r="AF5" s="260" t="s">
        <v>50</v>
      </c>
      <c r="AG5" s="260" t="s">
        <v>51</v>
      </c>
      <c r="AH5" s="266" t="s">
        <v>45</v>
      </c>
      <c r="AI5" s="540"/>
      <c r="AJ5" s="351" t="s">
        <v>43</v>
      </c>
      <c r="AK5" s="260" t="s">
        <v>44</v>
      </c>
      <c r="AL5" s="266" t="s">
        <v>45</v>
      </c>
      <c r="AM5" s="268" t="s">
        <v>83</v>
      </c>
      <c r="AN5" s="260" t="s">
        <v>47</v>
      </c>
      <c r="AO5" s="260" t="s">
        <v>48</v>
      </c>
      <c r="AP5" s="260" t="s">
        <v>49</v>
      </c>
      <c r="AQ5" s="260" t="s">
        <v>50</v>
      </c>
      <c r="AR5" s="260" t="s">
        <v>51</v>
      </c>
      <c r="AS5" s="266" t="s">
        <v>45</v>
      </c>
      <c r="AT5" s="540"/>
      <c r="AU5" s="351" t="s">
        <v>43</v>
      </c>
      <c r="AV5" s="260" t="s">
        <v>44</v>
      </c>
      <c r="AW5" s="266" t="s">
        <v>45</v>
      </c>
      <c r="AX5" s="268" t="s">
        <v>83</v>
      </c>
      <c r="AY5" s="260" t="s">
        <v>47</v>
      </c>
      <c r="AZ5" s="260" t="s">
        <v>48</v>
      </c>
      <c r="BA5" s="260" t="s">
        <v>49</v>
      </c>
      <c r="BB5" s="260" t="s">
        <v>50</v>
      </c>
      <c r="BC5" s="260" t="s">
        <v>51</v>
      </c>
      <c r="BD5" s="266" t="s">
        <v>45</v>
      </c>
      <c r="BE5" s="560"/>
      <c r="BF5" s="351" t="s">
        <v>43</v>
      </c>
      <c r="BG5" s="260" t="s">
        <v>44</v>
      </c>
      <c r="BH5" s="266" t="s">
        <v>45</v>
      </c>
      <c r="BI5" s="268" t="s">
        <v>83</v>
      </c>
      <c r="BJ5" s="260" t="s">
        <v>47</v>
      </c>
      <c r="BK5" s="260" t="s">
        <v>48</v>
      </c>
      <c r="BL5" s="260" t="s">
        <v>49</v>
      </c>
      <c r="BM5" s="260" t="s">
        <v>50</v>
      </c>
      <c r="BN5" s="260" t="s">
        <v>51</v>
      </c>
      <c r="BO5" s="266" t="s">
        <v>45</v>
      </c>
      <c r="BP5" s="560"/>
      <c r="BQ5" s="351" t="s">
        <v>43</v>
      </c>
      <c r="BR5" s="260" t="s">
        <v>44</v>
      </c>
      <c r="BS5" s="266" t="s">
        <v>45</v>
      </c>
      <c r="BT5" s="268" t="s">
        <v>83</v>
      </c>
      <c r="BU5" s="260" t="s">
        <v>47</v>
      </c>
      <c r="BV5" s="260" t="s">
        <v>48</v>
      </c>
      <c r="BW5" s="260" t="s">
        <v>49</v>
      </c>
      <c r="BX5" s="260" t="s">
        <v>50</v>
      </c>
      <c r="BY5" s="260" t="s">
        <v>51</v>
      </c>
      <c r="BZ5" s="266" t="s">
        <v>45</v>
      </c>
      <c r="CA5" s="560"/>
      <c r="CB5" s="351" t="s">
        <v>43</v>
      </c>
      <c r="CC5" s="260" t="s">
        <v>44</v>
      </c>
      <c r="CD5" s="266" t="s">
        <v>45</v>
      </c>
      <c r="CE5" s="268" t="s">
        <v>83</v>
      </c>
      <c r="CF5" s="260" t="s">
        <v>47</v>
      </c>
      <c r="CG5" s="260" t="s">
        <v>48</v>
      </c>
      <c r="CH5" s="260" t="s">
        <v>49</v>
      </c>
      <c r="CI5" s="260" t="s">
        <v>50</v>
      </c>
      <c r="CJ5" s="260" t="s">
        <v>51</v>
      </c>
      <c r="CK5" s="266" t="s">
        <v>45</v>
      </c>
      <c r="CL5" s="560"/>
      <c r="CM5" s="351" t="s">
        <v>43</v>
      </c>
      <c r="CN5" s="260" t="s">
        <v>44</v>
      </c>
      <c r="CO5" s="266" t="s">
        <v>45</v>
      </c>
      <c r="CP5" s="268" t="s">
        <v>83</v>
      </c>
      <c r="CQ5" s="260" t="s">
        <v>47</v>
      </c>
      <c r="CR5" s="260" t="s">
        <v>48</v>
      </c>
      <c r="CS5" s="260" t="s">
        <v>49</v>
      </c>
      <c r="CT5" s="260" t="s">
        <v>50</v>
      </c>
      <c r="CU5" s="260" t="s">
        <v>51</v>
      </c>
      <c r="CV5" s="266" t="s">
        <v>45</v>
      </c>
      <c r="CW5" s="560"/>
    </row>
    <row r="6" spans="1:101" ht="21" customHeight="1" x14ac:dyDescent="0.2">
      <c r="B6" s="261" t="s">
        <v>4</v>
      </c>
      <c r="C6" s="270">
        <v>0</v>
      </c>
      <c r="D6" s="271">
        <v>0</v>
      </c>
      <c r="E6" s="272">
        <v>0</v>
      </c>
      <c r="F6" s="273">
        <v>0</v>
      </c>
      <c r="G6" s="274">
        <v>26</v>
      </c>
      <c r="H6" s="274">
        <v>28</v>
      </c>
      <c r="I6" s="274">
        <v>18</v>
      </c>
      <c r="J6" s="274">
        <v>27</v>
      </c>
      <c r="K6" s="274">
        <v>20</v>
      </c>
      <c r="L6" s="275">
        <v>119</v>
      </c>
      <c r="M6" s="276">
        <v>119</v>
      </c>
      <c r="N6" s="270">
        <v>0</v>
      </c>
      <c r="O6" s="274">
        <v>0</v>
      </c>
      <c r="P6" s="271">
        <v>0</v>
      </c>
      <c r="Q6" s="273">
        <v>0</v>
      </c>
      <c r="R6" s="274">
        <v>5</v>
      </c>
      <c r="S6" s="274">
        <v>31</v>
      </c>
      <c r="T6" s="274">
        <v>31</v>
      </c>
      <c r="U6" s="274">
        <v>29</v>
      </c>
      <c r="V6" s="274">
        <v>20</v>
      </c>
      <c r="W6" s="271">
        <v>116</v>
      </c>
      <c r="X6" s="276">
        <v>116</v>
      </c>
      <c r="Y6" s="270">
        <v>0</v>
      </c>
      <c r="Z6" s="274">
        <v>0</v>
      </c>
      <c r="AA6" s="271">
        <v>0</v>
      </c>
      <c r="AB6" s="273">
        <v>0</v>
      </c>
      <c r="AC6" s="274">
        <v>817</v>
      </c>
      <c r="AD6" s="274">
        <v>621</v>
      </c>
      <c r="AE6" s="274">
        <v>293</v>
      </c>
      <c r="AF6" s="274">
        <v>134</v>
      </c>
      <c r="AG6" s="274">
        <v>59</v>
      </c>
      <c r="AH6" s="271">
        <v>1924</v>
      </c>
      <c r="AI6" s="276">
        <v>1924</v>
      </c>
      <c r="AJ6" s="270">
        <v>2</v>
      </c>
      <c r="AK6" s="274">
        <v>0</v>
      </c>
      <c r="AL6" s="271">
        <v>2</v>
      </c>
      <c r="AM6" s="273">
        <v>0</v>
      </c>
      <c r="AN6" s="274">
        <v>46</v>
      </c>
      <c r="AO6" s="274">
        <v>66</v>
      </c>
      <c r="AP6" s="274">
        <v>59</v>
      </c>
      <c r="AQ6" s="274">
        <v>26</v>
      </c>
      <c r="AR6" s="274">
        <v>28</v>
      </c>
      <c r="AS6" s="271">
        <v>225</v>
      </c>
      <c r="AT6" s="276">
        <v>227</v>
      </c>
      <c r="AU6" s="270">
        <v>14</v>
      </c>
      <c r="AV6" s="274">
        <v>10</v>
      </c>
      <c r="AW6" s="271">
        <v>24</v>
      </c>
      <c r="AX6" s="273">
        <v>0</v>
      </c>
      <c r="AY6" s="274">
        <v>71</v>
      </c>
      <c r="AZ6" s="274">
        <v>48</v>
      </c>
      <c r="BA6" s="274">
        <v>55</v>
      </c>
      <c r="BB6" s="274">
        <v>40</v>
      </c>
      <c r="BC6" s="274">
        <v>23</v>
      </c>
      <c r="BD6" s="271">
        <v>237</v>
      </c>
      <c r="BE6" s="276">
        <v>261</v>
      </c>
      <c r="BF6" s="270">
        <v>0</v>
      </c>
      <c r="BG6" s="274">
        <v>0</v>
      </c>
      <c r="BH6" s="271">
        <v>0</v>
      </c>
      <c r="BI6" s="273">
        <v>0</v>
      </c>
      <c r="BJ6" s="274">
        <v>75</v>
      </c>
      <c r="BK6" s="274">
        <v>114</v>
      </c>
      <c r="BL6" s="274">
        <v>131</v>
      </c>
      <c r="BM6" s="274">
        <v>86</v>
      </c>
      <c r="BN6" s="274">
        <v>62</v>
      </c>
      <c r="BO6" s="275">
        <v>468</v>
      </c>
      <c r="BP6" s="276">
        <v>468</v>
      </c>
      <c r="BQ6" s="270">
        <v>0</v>
      </c>
      <c r="BR6" s="274">
        <v>0</v>
      </c>
      <c r="BS6" s="271">
        <v>0</v>
      </c>
      <c r="BT6" s="273">
        <v>0</v>
      </c>
      <c r="BU6" s="274">
        <v>3</v>
      </c>
      <c r="BV6" s="274">
        <v>8</v>
      </c>
      <c r="BW6" s="274">
        <v>8</v>
      </c>
      <c r="BX6" s="274">
        <v>6</v>
      </c>
      <c r="BY6" s="274">
        <v>6</v>
      </c>
      <c r="BZ6" s="271">
        <v>31</v>
      </c>
      <c r="CA6" s="276">
        <v>31</v>
      </c>
      <c r="CB6" s="270">
        <v>0</v>
      </c>
      <c r="CC6" s="274">
        <v>0</v>
      </c>
      <c r="CD6" s="271">
        <v>0</v>
      </c>
      <c r="CE6" s="273">
        <v>0</v>
      </c>
      <c r="CF6" s="274">
        <v>1</v>
      </c>
      <c r="CG6" s="274">
        <v>2</v>
      </c>
      <c r="CH6" s="274">
        <v>11</v>
      </c>
      <c r="CI6" s="274">
        <v>17</v>
      </c>
      <c r="CJ6" s="274">
        <v>8</v>
      </c>
      <c r="CK6" s="271">
        <v>39</v>
      </c>
      <c r="CL6" s="276">
        <v>39</v>
      </c>
      <c r="CM6" s="270">
        <v>0</v>
      </c>
      <c r="CN6" s="274">
        <v>0</v>
      </c>
      <c r="CO6" s="271">
        <v>0</v>
      </c>
      <c r="CP6" s="273">
        <v>0</v>
      </c>
      <c r="CQ6" s="274">
        <v>8</v>
      </c>
      <c r="CR6" s="274">
        <v>14</v>
      </c>
      <c r="CS6" s="274">
        <v>15</v>
      </c>
      <c r="CT6" s="274">
        <v>21</v>
      </c>
      <c r="CU6" s="274">
        <v>31</v>
      </c>
      <c r="CV6" s="271">
        <v>89</v>
      </c>
      <c r="CW6" s="276">
        <v>89</v>
      </c>
    </row>
    <row r="7" spans="1:101" ht="21" customHeight="1" x14ac:dyDescent="0.2">
      <c r="B7" s="262" t="s">
        <v>5</v>
      </c>
      <c r="C7" s="277">
        <v>0</v>
      </c>
      <c r="D7" s="278">
        <v>0</v>
      </c>
      <c r="E7" s="279">
        <v>0</v>
      </c>
      <c r="F7" s="280">
        <v>0</v>
      </c>
      <c r="G7" s="281">
        <v>8</v>
      </c>
      <c r="H7" s="281">
        <v>16</v>
      </c>
      <c r="I7" s="281">
        <v>8</v>
      </c>
      <c r="J7" s="281">
        <v>11</v>
      </c>
      <c r="K7" s="281">
        <v>9</v>
      </c>
      <c r="L7" s="282">
        <v>52</v>
      </c>
      <c r="M7" s="283">
        <v>52</v>
      </c>
      <c r="N7" s="277">
        <v>0</v>
      </c>
      <c r="O7" s="281">
        <v>0</v>
      </c>
      <c r="P7" s="278">
        <v>0</v>
      </c>
      <c r="Q7" s="280">
        <v>0</v>
      </c>
      <c r="R7" s="281">
        <v>3</v>
      </c>
      <c r="S7" s="281">
        <v>27</v>
      </c>
      <c r="T7" s="281">
        <v>22</v>
      </c>
      <c r="U7" s="281">
        <v>18</v>
      </c>
      <c r="V7" s="281">
        <v>12</v>
      </c>
      <c r="W7" s="278">
        <v>82</v>
      </c>
      <c r="X7" s="283">
        <v>82</v>
      </c>
      <c r="Y7" s="277">
        <v>0</v>
      </c>
      <c r="Z7" s="281">
        <v>0</v>
      </c>
      <c r="AA7" s="278">
        <v>0</v>
      </c>
      <c r="AB7" s="280">
        <v>0</v>
      </c>
      <c r="AC7" s="281">
        <v>312</v>
      </c>
      <c r="AD7" s="281">
        <v>332</v>
      </c>
      <c r="AE7" s="281">
        <v>121</v>
      </c>
      <c r="AF7" s="281">
        <v>66</v>
      </c>
      <c r="AG7" s="281">
        <v>29</v>
      </c>
      <c r="AH7" s="278">
        <v>860</v>
      </c>
      <c r="AI7" s="283">
        <v>860</v>
      </c>
      <c r="AJ7" s="277">
        <v>2</v>
      </c>
      <c r="AK7" s="281">
        <v>0</v>
      </c>
      <c r="AL7" s="278">
        <v>2</v>
      </c>
      <c r="AM7" s="280">
        <v>0</v>
      </c>
      <c r="AN7" s="281">
        <v>28</v>
      </c>
      <c r="AO7" s="281">
        <v>39</v>
      </c>
      <c r="AP7" s="281">
        <v>31</v>
      </c>
      <c r="AQ7" s="281">
        <v>17</v>
      </c>
      <c r="AR7" s="281">
        <v>19</v>
      </c>
      <c r="AS7" s="278">
        <v>134</v>
      </c>
      <c r="AT7" s="283">
        <v>136</v>
      </c>
      <c r="AU7" s="277">
        <v>8</v>
      </c>
      <c r="AV7" s="281">
        <v>3</v>
      </c>
      <c r="AW7" s="278">
        <v>11</v>
      </c>
      <c r="AX7" s="280">
        <v>0</v>
      </c>
      <c r="AY7" s="281">
        <v>25</v>
      </c>
      <c r="AZ7" s="281">
        <v>18</v>
      </c>
      <c r="BA7" s="281">
        <v>27</v>
      </c>
      <c r="BB7" s="281">
        <v>19</v>
      </c>
      <c r="BC7" s="281">
        <v>9</v>
      </c>
      <c r="BD7" s="278">
        <v>98</v>
      </c>
      <c r="BE7" s="283">
        <v>109</v>
      </c>
      <c r="BF7" s="277">
        <v>0</v>
      </c>
      <c r="BG7" s="281">
        <v>0</v>
      </c>
      <c r="BH7" s="278">
        <v>0</v>
      </c>
      <c r="BI7" s="280">
        <v>0</v>
      </c>
      <c r="BJ7" s="281">
        <v>27</v>
      </c>
      <c r="BK7" s="281">
        <v>43</v>
      </c>
      <c r="BL7" s="281">
        <v>60</v>
      </c>
      <c r="BM7" s="281">
        <v>29</v>
      </c>
      <c r="BN7" s="281">
        <v>19</v>
      </c>
      <c r="BO7" s="282">
        <v>178</v>
      </c>
      <c r="BP7" s="283">
        <v>178</v>
      </c>
      <c r="BQ7" s="277">
        <v>0</v>
      </c>
      <c r="BR7" s="281">
        <v>0</v>
      </c>
      <c r="BS7" s="278">
        <v>0</v>
      </c>
      <c r="BT7" s="280">
        <v>0</v>
      </c>
      <c r="BU7" s="281">
        <v>0</v>
      </c>
      <c r="BV7" s="281">
        <v>0</v>
      </c>
      <c r="BW7" s="281">
        <v>0</v>
      </c>
      <c r="BX7" s="281">
        <v>0</v>
      </c>
      <c r="BY7" s="281">
        <v>0</v>
      </c>
      <c r="BZ7" s="278">
        <v>0</v>
      </c>
      <c r="CA7" s="283">
        <v>0</v>
      </c>
      <c r="CB7" s="277">
        <v>0</v>
      </c>
      <c r="CC7" s="281">
        <v>0</v>
      </c>
      <c r="CD7" s="278">
        <v>0</v>
      </c>
      <c r="CE7" s="280">
        <v>0</v>
      </c>
      <c r="CF7" s="281">
        <v>0</v>
      </c>
      <c r="CG7" s="281">
        <v>0</v>
      </c>
      <c r="CH7" s="281">
        <v>1</v>
      </c>
      <c r="CI7" s="281">
        <v>1</v>
      </c>
      <c r="CJ7" s="281">
        <v>0</v>
      </c>
      <c r="CK7" s="278">
        <v>2</v>
      </c>
      <c r="CL7" s="283">
        <v>2</v>
      </c>
      <c r="CM7" s="277">
        <v>0</v>
      </c>
      <c r="CN7" s="281">
        <v>0</v>
      </c>
      <c r="CO7" s="278">
        <v>0</v>
      </c>
      <c r="CP7" s="280">
        <v>0</v>
      </c>
      <c r="CQ7" s="281">
        <v>1</v>
      </c>
      <c r="CR7" s="281">
        <v>4</v>
      </c>
      <c r="CS7" s="281">
        <v>6</v>
      </c>
      <c r="CT7" s="281">
        <v>6</v>
      </c>
      <c r="CU7" s="281">
        <v>14</v>
      </c>
      <c r="CV7" s="278">
        <v>31</v>
      </c>
      <c r="CW7" s="283">
        <v>31</v>
      </c>
    </row>
    <row r="8" spans="1:101" ht="21" customHeight="1" x14ac:dyDescent="0.2">
      <c r="B8" s="262" t="s">
        <v>6</v>
      </c>
      <c r="C8" s="277">
        <v>0</v>
      </c>
      <c r="D8" s="278">
        <v>0</v>
      </c>
      <c r="E8" s="279">
        <v>0</v>
      </c>
      <c r="F8" s="280">
        <v>0</v>
      </c>
      <c r="G8" s="281">
        <v>10</v>
      </c>
      <c r="H8" s="281">
        <v>4</v>
      </c>
      <c r="I8" s="281">
        <v>6</v>
      </c>
      <c r="J8" s="281">
        <v>6</v>
      </c>
      <c r="K8" s="281">
        <v>6</v>
      </c>
      <c r="L8" s="282">
        <v>32</v>
      </c>
      <c r="M8" s="283">
        <v>32</v>
      </c>
      <c r="N8" s="277">
        <v>0</v>
      </c>
      <c r="O8" s="281">
        <v>0</v>
      </c>
      <c r="P8" s="278">
        <v>0</v>
      </c>
      <c r="Q8" s="280">
        <v>0</v>
      </c>
      <c r="R8" s="281">
        <v>2</v>
      </c>
      <c r="S8" s="281">
        <v>4</v>
      </c>
      <c r="T8" s="281">
        <v>7</v>
      </c>
      <c r="U8" s="281">
        <v>9</v>
      </c>
      <c r="V8" s="281">
        <v>7</v>
      </c>
      <c r="W8" s="278">
        <v>29</v>
      </c>
      <c r="X8" s="283">
        <v>29</v>
      </c>
      <c r="Y8" s="277">
        <v>0</v>
      </c>
      <c r="Z8" s="281">
        <v>0</v>
      </c>
      <c r="AA8" s="278">
        <v>0</v>
      </c>
      <c r="AB8" s="280">
        <v>0</v>
      </c>
      <c r="AC8" s="281">
        <v>150</v>
      </c>
      <c r="AD8" s="281">
        <v>70</v>
      </c>
      <c r="AE8" s="281">
        <v>44</v>
      </c>
      <c r="AF8" s="281">
        <v>19</v>
      </c>
      <c r="AG8" s="281">
        <v>10</v>
      </c>
      <c r="AH8" s="278">
        <v>293</v>
      </c>
      <c r="AI8" s="283">
        <v>293</v>
      </c>
      <c r="AJ8" s="277">
        <v>0</v>
      </c>
      <c r="AK8" s="281">
        <v>0</v>
      </c>
      <c r="AL8" s="278">
        <v>0</v>
      </c>
      <c r="AM8" s="280">
        <v>0</v>
      </c>
      <c r="AN8" s="281">
        <v>7</v>
      </c>
      <c r="AO8" s="281">
        <v>12</v>
      </c>
      <c r="AP8" s="281">
        <v>15</v>
      </c>
      <c r="AQ8" s="281">
        <v>6</v>
      </c>
      <c r="AR8" s="281">
        <v>3</v>
      </c>
      <c r="AS8" s="278">
        <v>43</v>
      </c>
      <c r="AT8" s="283">
        <v>43</v>
      </c>
      <c r="AU8" s="277">
        <v>1</v>
      </c>
      <c r="AV8" s="281">
        <v>4</v>
      </c>
      <c r="AW8" s="278">
        <v>5</v>
      </c>
      <c r="AX8" s="280">
        <v>0</v>
      </c>
      <c r="AY8" s="281">
        <v>16</v>
      </c>
      <c r="AZ8" s="281">
        <v>9</v>
      </c>
      <c r="BA8" s="281">
        <v>8</v>
      </c>
      <c r="BB8" s="281">
        <v>4</v>
      </c>
      <c r="BC8" s="281">
        <v>0</v>
      </c>
      <c r="BD8" s="278">
        <v>37</v>
      </c>
      <c r="BE8" s="283">
        <v>42</v>
      </c>
      <c r="BF8" s="277">
        <v>0</v>
      </c>
      <c r="BG8" s="281">
        <v>0</v>
      </c>
      <c r="BH8" s="278">
        <v>0</v>
      </c>
      <c r="BI8" s="280">
        <v>0</v>
      </c>
      <c r="BJ8" s="281">
        <v>16</v>
      </c>
      <c r="BK8" s="281">
        <v>28</v>
      </c>
      <c r="BL8" s="281">
        <v>25</v>
      </c>
      <c r="BM8" s="281">
        <v>13</v>
      </c>
      <c r="BN8" s="281">
        <v>17</v>
      </c>
      <c r="BO8" s="282">
        <v>99</v>
      </c>
      <c r="BP8" s="283">
        <v>99</v>
      </c>
      <c r="BQ8" s="277">
        <v>0</v>
      </c>
      <c r="BR8" s="281">
        <v>0</v>
      </c>
      <c r="BS8" s="278">
        <v>0</v>
      </c>
      <c r="BT8" s="280">
        <v>0</v>
      </c>
      <c r="BU8" s="281">
        <v>0</v>
      </c>
      <c r="BV8" s="281">
        <v>0</v>
      </c>
      <c r="BW8" s="281">
        <v>0</v>
      </c>
      <c r="BX8" s="281">
        <v>0</v>
      </c>
      <c r="BY8" s="281">
        <v>0</v>
      </c>
      <c r="BZ8" s="278">
        <v>0</v>
      </c>
      <c r="CA8" s="283">
        <v>0</v>
      </c>
      <c r="CB8" s="277">
        <v>0</v>
      </c>
      <c r="CC8" s="281">
        <v>0</v>
      </c>
      <c r="CD8" s="278">
        <v>0</v>
      </c>
      <c r="CE8" s="280">
        <v>0</v>
      </c>
      <c r="CF8" s="281">
        <v>1</v>
      </c>
      <c r="CG8" s="281">
        <v>0</v>
      </c>
      <c r="CH8" s="281">
        <v>6</v>
      </c>
      <c r="CI8" s="281">
        <v>8</v>
      </c>
      <c r="CJ8" s="281">
        <v>1</v>
      </c>
      <c r="CK8" s="278">
        <v>16</v>
      </c>
      <c r="CL8" s="283">
        <v>16</v>
      </c>
      <c r="CM8" s="277">
        <v>0</v>
      </c>
      <c r="CN8" s="281">
        <v>0</v>
      </c>
      <c r="CO8" s="278">
        <v>0</v>
      </c>
      <c r="CP8" s="280">
        <v>0</v>
      </c>
      <c r="CQ8" s="281">
        <v>3</v>
      </c>
      <c r="CR8" s="281">
        <v>5</v>
      </c>
      <c r="CS8" s="281">
        <v>3</v>
      </c>
      <c r="CT8" s="281">
        <v>8</v>
      </c>
      <c r="CU8" s="281">
        <v>6</v>
      </c>
      <c r="CV8" s="278">
        <v>25</v>
      </c>
      <c r="CW8" s="283">
        <v>25</v>
      </c>
    </row>
    <row r="9" spans="1:101" ht="21" customHeight="1" x14ac:dyDescent="0.2">
      <c r="B9" s="262" t="s">
        <v>14</v>
      </c>
      <c r="C9" s="277">
        <v>0</v>
      </c>
      <c r="D9" s="278">
        <v>0</v>
      </c>
      <c r="E9" s="279">
        <v>0</v>
      </c>
      <c r="F9" s="280">
        <v>0</v>
      </c>
      <c r="G9" s="281">
        <v>0</v>
      </c>
      <c r="H9" s="281">
        <v>0</v>
      </c>
      <c r="I9" s="281">
        <v>1</v>
      </c>
      <c r="J9" s="281">
        <v>1</v>
      </c>
      <c r="K9" s="281">
        <v>3</v>
      </c>
      <c r="L9" s="282">
        <v>5</v>
      </c>
      <c r="M9" s="283">
        <v>5</v>
      </c>
      <c r="N9" s="277">
        <v>0</v>
      </c>
      <c r="O9" s="281">
        <v>0</v>
      </c>
      <c r="P9" s="278">
        <v>0</v>
      </c>
      <c r="Q9" s="280">
        <v>0</v>
      </c>
      <c r="R9" s="281">
        <v>0</v>
      </c>
      <c r="S9" s="281">
        <v>0</v>
      </c>
      <c r="T9" s="281">
        <v>0</v>
      </c>
      <c r="U9" s="281">
        <v>1</v>
      </c>
      <c r="V9" s="281">
        <v>0</v>
      </c>
      <c r="W9" s="278">
        <v>1</v>
      </c>
      <c r="X9" s="283">
        <v>1</v>
      </c>
      <c r="Y9" s="277">
        <v>0</v>
      </c>
      <c r="Z9" s="281">
        <v>0</v>
      </c>
      <c r="AA9" s="278">
        <v>0</v>
      </c>
      <c r="AB9" s="280">
        <v>0</v>
      </c>
      <c r="AC9" s="281">
        <v>53</v>
      </c>
      <c r="AD9" s="281">
        <v>43</v>
      </c>
      <c r="AE9" s="281">
        <v>23</v>
      </c>
      <c r="AF9" s="281">
        <v>6</v>
      </c>
      <c r="AG9" s="281">
        <v>2</v>
      </c>
      <c r="AH9" s="278">
        <v>127</v>
      </c>
      <c r="AI9" s="283">
        <v>127</v>
      </c>
      <c r="AJ9" s="277">
        <v>0</v>
      </c>
      <c r="AK9" s="281">
        <v>0</v>
      </c>
      <c r="AL9" s="278">
        <v>0</v>
      </c>
      <c r="AM9" s="280">
        <v>0</v>
      </c>
      <c r="AN9" s="281">
        <v>2</v>
      </c>
      <c r="AO9" s="281">
        <v>0</v>
      </c>
      <c r="AP9" s="281">
        <v>1</v>
      </c>
      <c r="AQ9" s="281">
        <v>1</v>
      </c>
      <c r="AR9" s="281">
        <v>1</v>
      </c>
      <c r="AS9" s="278">
        <v>5</v>
      </c>
      <c r="AT9" s="283">
        <v>5</v>
      </c>
      <c r="AU9" s="277">
        <v>0</v>
      </c>
      <c r="AV9" s="281">
        <v>0</v>
      </c>
      <c r="AW9" s="278">
        <v>0</v>
      </c>
      <c r="AX9" s="280">
        <v>0</v>
      </c>
      <c r="AY9" s="281">
        <v>4</v>
      </c>
      <c r="AZ9" s="281">
        <v>6</v>
      </c>
      <c r="BA9" s="281">
        <v>4</v>
      </c>
      <c r="BB9" s="281">
        <v>2</v>
      </c>
      <c r="BC9" s="281">
        <v>3</v>
      </c>
      <c r="BD9" s="278">
        <v>19</v>
      </c>
      <c r="BE9" s="283">
        <v>19</v>
      </c>
      <c r="BF9" s="277">
        <v>0</v>
      </c>
      <c r="BG9" s="281">
        <v>0</v>
      </c>
      <c r="BH9" s="278">
        <v>0</v>
      </c>
      <c r="BI9" s="280">
        <v>0</v>
      </c>
      <c r="BJ9" s="281">
        <v>13</v>
      </c>
      <c r="BK9" s="281">
        <v>10</v>
      </c>
      <c r="BL9" s="281">
        <v>7</v>
      </c>
      <c r="BM9" s="281">
        <v>10</v>
      </c>
      <c r="BN9" s="281">
        <v>4</v>
      </c>
      <c r="BO9" s="282">
        <v>44</v>
      </c>
      <c r="BP9" s="283">
        <v>44</v>
      </c>
      <c r="BQ9" s="277">
        <v>0</v>
      </c>
      <c r="BR9" s="281">
        <v>0</v>
      </c>
      <c r="BS9" s="278">
        <v>0</v>
      </c>
      <c r="BT9" s="280">
        <v>0</v>
      </c>
      <c r="BU9" s="281">
        <v>0</v>
      </c>
      <c r="BV9" s="281">
        <v>0</v>
      </c>
      <c r="BW9" s="281">
        <v>0</v>
      </c>
      <c r="BX9" s="281">
        <v>0</v>
      </c>
      <c r="BY9" s="281">
        <v>0</v>
      </c>
      <c r="BZ9" s="278">
        <v>0</v>
      </c>
      <c r="CA9" s="283">
        <v>0</v>
      </c>
      <c r="CB9" s="277">
        <v>0</v>
      </c>
      <c r="CC9" s="281">
        <v>0</v>
      </c>
      <c r="CD9" s="278">
        <v>0</v>
      </c>
      <c r="CE9" s="280">
        <v>0</v>
      </c>
      <c r="CF9" s="281">
        <v>0</v>
      </c>
      <c r="CG9" s="281">
        <v>1</v>
      </c>
      <c r="CH9" s="281">
        <v>0</v>
      </c>
      <c r="CI9" s="281">
        <v>0</v>
      </c>
      <c r="CJ9" s="281">
        <v>0</v>
      </c>
      <c r="CK9" s="278">
        <v>1</v>
      </c>
      <c r="CL9" s="283">
        <v>1</v>
      </c>
      <c r="CM9" s="277">
        <v>0</v>
      </c>
      <c r="CN9" s="281">
        <v>0</v>
      </c>
      <c r="CO9" s="278">
        <v>0</v>
      </c>
      <c r="CP9" s="280">
        <v>0</v>
      </c>
      <c r="CQ9" s="281">
        <v>1</v>
      </c>
      <c r="CR9" s="281">
        <v>2</v>
      </c>
      <c r="CS9" s="281">
        <v>0</v>
      </c>
      <c r="CT9" s="281">
        <v>1</v>
      </c>
      <c r="CU9" s="281">
        <v>0</v>
      </c>
      <c r="CV9" s="278">
        <v>4</v>
      </c>
      <c r="CW9" s="283">
        <v>4</v>
      </c>
    </row>
    <row r="10" spans="1:101" ht="21" customHeight="1" x14ac:dyDescent="0.2">
      <c r="B10" s="262" t="s">
        <v>7</v>
      </c>
      <c r="C10" s="277">
        <v>0</v>
      </c>
      <c r="D10" s="278">
        <v>0</v>
      </c>
      <c r="E10" s="279">
        <v>0</v>
      </c>
      <c r="F10" s="280">
        <v>0</v>
      </c>
      <c r="G10" s="281">
        <v>0</v>
      </c>
      <c r="H10" s="281">
        <v>0</v>
      </c>
      <c r="I10" s="281">
        <v>1</v>
      </c>
      <c r="J10" s="281">
        <v>0</v>
      </c>
      <c r="K10" s="281">
        <v>0</v>
      </c>
      <c r="L10" s="282">
        <v>1</v>
      </c>
      <c r="M10" s="283">
        <v>1</v>
      </c>
      <c r="N10" s="277">
        <v>0</v>
      </c>
      <c r="O10" s="281">
        <v>0</v>
      </c>
      <c r="P10" s="278">
        <v>0</v>
      </c>
      <c r="Q10" s="280">
        <v>0</v>
      </c>
      <c r="R10" s="281">
        <v>0</v>
      </c>
      <c r="S10" s="281">
        <v>0</v>
      </c>
      <c r="T10" s="281">
        <v>0</v>
      </c>
      <c r="U10" s="281">
        <v>0</v>
      </c>
      <c r="V10" s="281">
        <v>0</v>
      </c>
      <c r="W10" s="278">
        <v>0</v>
      </c>
      <c r="X10" s="283">
        <v>0</v>
      </c>
      <c r="Y10" s="277">
        <v>0</v>
      </c>
      <c r="Z10" s="281">
        <v>0</v>
      </c>
      <c r="AA10" s="278">
        <v>0</v>
      </c>
      <c r="AB10" s="280">
        <v>0</v>
      </c>
      <c r="AC10" s="281">
        <v>20</v>
      </c>
      <c r="AD10" s="281">
        <v>15</v>
      </c>
      <c r="AE10" s="281">
        <v>13</v>
      </c>
      <c r="AF10" s="281">
        <v>4</v>
      </c>
      <c r="AG10" s="281">
        <v>1</v>
      </c>
      <c r="AH10" s="278">
        <v>53</v>
      </c>
      <c r="AI10" s="283">
        <v>53</v>
      </c>
      <c r="AJ10" s="277">
        <v>0</v>
      </c>
      <c r="AK10" s="281">
        <v>0</v>
      </c>
      <c r="AL10" s="278">
        <v>0</v>
      </c>
      <c r="AM10" s="280">
        <v>0</v>
      </c>
      <c r="AN10" s="281">
        <v>2</v>
      </c>
      <c r="AO10" s="281">
        <v>4</v>
      </c>
      <c r="AP10" s="281">
        <v>5</v>
      </c>
      <c r="AQ10" s="281">
        <v>2</v>
      </c>
      <c r="AR10" s="281">
        <v>0</v>
      </c>
      <c r="AS10" s="278">
        <v>13</v>
      </c>
      <c r="AT10" s="283">
        <v>13</v>
      </c>
      <c r="AU10" s="277">
        <v>0</v>
      </c>
      <c r="AV10" s="281">
        <v>0</v>
      </c>
      <c r="AW10" s="278">
        <v>0</v>
      </c>
      <c r="AX10" s="280">
        <v>0</v>
      </c>
      <c r="AY10" s="281">
        <v>0</v>
      </c>
      <c r="AZ10" s="281">
        <v>2</v>
      </c>
      <c r="BA10" s="281">
        <v>1</v>
      </c>
      <c r="BB10" s="281">
        <v>0</v>
      </c>
      <c r="BC10" s="281">
        <v>0</v>
      </c>
      <c r="BD10" s="278">
        <v>3</v>
      </c>
      <c r="BE10" s="283">
        <v>3</v>
      </c>
      <c r="BF10" s="277">
        <v>0</v>
      </c>
      <c r="BG10" s="281">
        <v>0</v>
      </c>
      <c r="BH10" s="278">
        <v>0</v>
      </c>
      <c r="BI10" s="280">
        <v>0</v>
      </c>
      <c r="BJ10" s="281">
        <v>3</v>
      </c>
      <c r="BK10" s="281">
        <v>2</v>
      </c>
      <c r="BL10" s="281">
        <v>8</v>
      </c>
      <c r="BM10" s="281">
        <v>2</v>
      </c>
      <c r="BN10" s="281">
        <v>1</v>
      </c>
      <c r="BO10" s="282">
        <v>16</v>
      </c>
      <c r="BP10" s="283">
        <v>16</v>
      </c>
      <c r="BQ10" s="277">
        <v>0</v>
      </c>
      <c r="BR10" s="281">
        <v>0</v>
      </c>
      <c r="BS10" s="278">
        <v>0</v>
      </c>
      <c r="BT10" s="280">
        <v>0</v>
      </c>
      <c r="BU10" s="281">
        <v>0</v>
      </c>
      <c r="BV10" s="281">
        <v>0</v>
      </c>
      <c r="BW10" s="281">
        <v>0</v>
      </c>
      <c r="BX10" s="281">
        <v>0</v>
      </c>
      <c r="BY10" s="281">
        <v>0</v>
      </c>
      <c r="BZ10" s="278">
        <v>0</v>
      </c>
      <c r="CA10" s="283">
        <v>0</v>
      </c>
      <c r="CB10" s="277">
        <v>0</v>
      </c>
      <c r="CC10" s="281">
        <v>0</v>
      </c>
      <c r="CD10" s="278">
        <v>0</v>
      </c>
      <c r="CE10" s="280">
        <v>0</v>
      </c>
      <c r="CF10" s="281">
        <v>0</v>
      </c>
      <c r="CG10" s="281">
        <v>0</v>
      </c>
      <c r="CH10" s="281">
        <v>0</v>
      </c>
      <c r="CI10" s="281">
        <v>0</v>
      </c>
      <c r="CJ10" s="281">
        <v>0</v>
      </c>
      <c r="CK10" s="278">
        <v>0</v>
      </c>
      <c r="CL10" s="283">
        <v>0</v>
      </c>
      <c r="CM10" s="277">
        <v>0</v>
      </c>
      <c r="CN10" s="281">
        <v>0</v>
      </c>
      <c r="CO10" s="278">
        <v>0</v>
      </c>
      <c r="CP10" s="280">
        <v>0</v>
      </c>
      <c r="CQ10" s="281">
        <v>0</v>
      </c>
      <c r="CR10" s="281">
        <v>0</v>
      </c>
      <c r="CS10" s="281">
        <v>0</v>
      </c>
      <c r="CT10" s="281">
        <v>0</v>
      </c>
      <c r="CU10" s="281">
        <v>1</v>
      </c>
      <c r="CV10" s="278">
        <v>1</v>
      </c>
      <c r="CW10" s="283">
        <v>1</v>
      </c>
    </row>
    <row r="11" spans="1:101" ht="21" customHeight="1" x14ac:dyDescent="0.2">
      <c r="B11" s="262" t="s">
        <v>8</v>
      </c>
      <c r="C11" s="277">
        <v>0</v>
      </c>
      <c r="D11" s="278">
        <v>0</v>
      </c>
      <c r="E11" s="279">
        <v>0</v>
      </c>
      <c r="F11" s="280">
        <v>0</v>
      </c>
      <c r="G11" s="281">
        <v>0</v>
      </c>
      <c r="H11" s="281">
        <v>0</v>
      </c>
      <c r="I11" s="281">
        <v>0</v>
      </c>
      <c r="J11" s="281">
        <v>2</v>
      </c>
      <c r="K11" s="281">
        <v>0</v>
      </c>
      <c r="L11" s="282">
        <v>2</v>
      </c>
      <c r="M11" s="283">
        <v>2</v>
      </c>
      <c r="N11" s="277">
        <v>0</v>
      </c>
      <c r="O11" s="281">
        <v>0</v>
      </c>
      <c r="P11" s="278">
        <v>0</v>
      </c>
      <c r="Q11" s="280">
        <v>0</v>
      </c>
      <c r="R11" s="281">
        <v>0</v>
      </c>
      <c r="S11" s="281">
        <v>0</v>
      </c>
      <c r="T11" s="281">
        <v>0</v>
      </c>
      <c r="U11" s="281">
        <v>0</v>
      </c>
      <c r="V11" s="281">
        <v>0</v>
      </c>
      <c r="W11" s="278">
        <v>0</v>
      </c>
      <c r="X11" s="283">
        <v>0</v>
      </c>
      <c r="Y11" s="277">
        <v>0</v>
      </c>
      <c r="Z11" s="281">
        <v>0</v>
      </c>
      <c r="AA11" s="278">
        <v>0</v>
      </c>
      <c r="AB11" s="280">
        <v>0</v>
      </c>
      <c r="AC11" s="281">
        <v>33</v>
      </c>
      <c r="AD11" s="281">
        <v>22</v>
      </c>
      <c r="AE11" s="281">
        <v>6</v>
      </c>
      <c r="AF11" s="281">
        <v>4</v>
      </c>
      <c r="AG11" s="281">
        <v>3</v>
      </c>
      <c r="AH11" s="278">
        <v>68</v>
      </c>
      <c r="AI11" s="283">
        <v>68</v>
      </c>
      <c r="AJ11" s="277">
        <v>0</v>
      </c>
      <c r="AK11" s="281">
        <v>0</v>
      </c>
      <c r="AL11" s="278">
        <v>0</v>
      </c>
      <c r="AM11" s="280">
        <v>0</v>
      </c>
      <c r="AN11" s="281">
        <v>0</v>
      </c>
      <c r="AO11" s="281">
        <v>1</v>
      </c>
      <c r="AP11" s="281">
        <v>0</v>
      </c>
      <c r="AQ11" s="281">
        <v>0</v>
      </c>
      <c r="AR11" s="281">
        <v>0</v>
      </c>
      <c r="AS11" s="278">
        <v>1</v>
      </c>
      <c r="AT11" s="283">
        <v>1</v>
      </c>
      <c r="AU11" s="277">
        <v>0</v>
      </c>
      <c r="AV11" s="281">
        <v>0</v>
      </c>
      <c r="AW11" s="278">
        <v>0</v>
      </c>
      <c r="AX11" s="280">
        <v>0</v>
      </c>
      <c r="AY11" s="281">
        <v>2</v>
      </c>
      <c r="AZ11" s="281">
        <v>0</v>
      </c>
      <c r="BA11" s="281">
        <v>1</v>
      </c>
      <c r="BB11" s="281">
        <v>0</v>
      </c>
      <c r="BC11" s="281">
        <v>0</v>
      </c>
      <c r="BD11" s="278">
        <v>3</v>
      </c>
      <c r="BE11" s="283">
        <v>3</v>
      </c>
      <c r="BF11" s="277">
        <v>0</v>
      </c>
      <c r="BG11" s="281">
        <v>0</v>
      </c>
      <c r="BH11" s="278">
        <v>0</v>
      </c>
      <c r="BI11" s="280">
        <v>0</v>
      </c>
      <c r="BJ11" s="281">
        <v>0</v>
      </c>
      <c r="BK11" s="281">
        <v>1</v>
      </c>
      <c r="BL11" s="281">
        <v>0</v>
      </c>
      <c r="BM11" s="281">
        <v>5</v>
      </c>
      <c r="BN11" s="281">
        <v>0</v>
      </c>
      <c r="BO11" s="282">
        <v>6</v>
      </c>
      <c r="BP11" s="283">
        <v>6</v>
      </c>
      <c r="BQ11" s="277">
        <v>0</v>
      </c>
      <c r="BR11" s="281">
        <v>0</v>
      </c>
      <c r="BS11" s="278">
        <v>0</v>
      </c>
      <c r="BT11" s="280">
        <v>0</v>
      </c>
      <c r="BU11" s="281">
        <v>0</v>
      </c>
      <c r="BV11" s="281">
        <v>1</v>
      </c>
      <c r="BW11" s="281">
        <v>0</v>
      </c>
      <c r="BX11" s="281">
        <v>1</v>
      </c>
      <c r="BY11" s="281">
        <v>0</v>
      </c>
      <c r="BZ11" s="278">
        <v>2</v>
      </c>
      <c r="CA11" s="283">
        <v>2</v>
      </c>
      <c r="CB11" s="277">
        <v>0</v>
      </c>
      <c r="CC11" s="281">
        <v>0</v>
      </c>
      <c r="CD11" s="278">
        <v>0</v>
      </c>
      <c r="CE11" s="280">
        <v>0</v>
      </c>
      <c r="CF11" s="281">
        <v>0</v>
      </c>
      <c r="CG11" s="281">
        <v>0</v>
      </c>
      <c r="CH11" s="281">
        <v>0</v>
      </c>
      <c r="CI11" s="281">
        <v>1</v>
      </c>
      <c r="CJ11" s="281">
        <v>1</v>
      </c>
      <c r="CK11" s="278">
        <v>2</v>
      </c>
      <c r="CL11" s="283">
        <v>2</v>
      </c>
      <c r="CM11" s="277">
        <v>0</v>
      </c>
      <c r="CN11" s="281">
        <v>0</v>
      </c>
      <c r="CO11" s="278">
        <v>0</v>
      </c>
      <c r="CP11" s="280">
        <v>0</v>
      </c>
      <c r="CQ11" s="281">
        <v>0</v>
      </c>
      <c r="CR11" s="281">
        <v>0</v>
      </c>
      <c r="CS11" s="281">
        <v>0</v>
      </c>
      <c r="CT11" s="281">
        <v>0</v>
      </c>
      <c r="CU11" s="281">
        <v>0</v>
      </c>
      <c r="CV11" s="278">
        <v>0</v>
      </c>
      <c r="CW11" s="283">
        <v>0</v>
      </c>
    </row>
    <row r="12" spans="1:101" ht="21" customHeight="1" x14ac:dyDescent="0.2">
      <c r="B12" s="262" t="s">
        <v>9</v>
      </c>
      <c r="C12" s="277">
        <v>0</v>
      </c>
      <c r="D12" s="278">
        <v>0</v>
      </c>
      <c r="E12" s="279">
        <v>0</v>
      </c>
      <c r="F12" s="280">
        <v>0</v>
      </c>
      <c r="G12" s="281">
        <v>0</v>
      </c>
      <c r="H12" s="281">
        <v>1</v>
      </c>
      <c r="I12" s="281">
        <v>0</v>
      </c>
      <c r="J12" s="281">
        <v>3</v>
      </c>
      <c r="K12" s="281">
        <v>0</v>
      </c>
      <c r="L12" s="282">
        <v>4</v>
      </c>
      <c r="M12" s="283">
        <v>4</v>
      </c>
      <c r="N12" s="277">
        <v>0</v>
      </c>
      <c r="O12" s="281">
        <v>0</v>
      </c>
      <c r="P12" s="278">
        <v>0</v>
      </c>
      <c r="Q12" s="280">
        <v>0</v>
      </c>
      <c r="R12" s="281">
        <v>0</v>
      </c>
      <c r="S12" s="281">
        <v>0</v>
      </c>
      <c r="T12" s="281">
        <v>0</v>
      </c>
      <c r="U12" s="281">
        <v>0</v>
      </c>
      <c r="V12" s="281">
        <v>0</v>
      </c>
      <c r="W12" s="278">
        <v>0</v>
      </c>
      <c r="X12" s="283">
        <v>0</v>
      </c>
      <c r="Y12" s="277">
        <v>0</v>
      </c>
      <c r="Z12" s="281">
        <v>0</v>
      </c>
      <c r="AA12" s="278">
        <v>0</v>
      </c>
      <c r="AB12" s="280">
        <v>0</v>
      </c>
      <c r="AC12" s="281">
        <v>41</v>
      </c>
      <c r="AD12" s="281">
        <v>30</v>
      </c>
      <c r="AE12" s="281">
        <v>18</v>
      </c>
      <c r="AF12" s="281">
        <v>9</v>
      </c>
      <c r="AG12" s="281">
        <v>1</v>
      </c>
      <c r="AH12" s="278">
        <v>99</v>
      </c>
      <c r="AI12" s="283">
        <v>99</v>
      </c>
      <c r="AJ12" s="277">
        <v>0</v>
      </c>
      <c r="AK12" s="281">
        <v>0</v>
      </c>
      <c r="AL12" s="278">
        <v>0</v>
      </c>
      <c r="AM12" s="280">
        <v>0</v>
      </c>
      <c r="AN12" s="281">
        <v>3</v>
      </c>
      <c r="AO12" s="281">
        <v>0</v>
      </c>
      <c r="AP12" s="281">
        <v>1</v>
      </c>
      <c r="AQ12" s="281">
        <v>0</v>
      </c>
      <c r="AR12" s="281">
        <v>1</v>
      </c>
      <c r="AS12" s="278">
        <v>5</v>
      </c>
      <c r="AT12" s="283">
        <v>5</v>
      </c>
      <c r="AU12" s="277">
        <v>1</v>
      </c>
      <c r="AV12" s="281">
        <v>0</v>
      </c>
      <c r="AW12" s="278">
        <v>1</v>
      </c>
      <c r="AX12" s="280">
        <v>0</v>
      </c>
      <c r="AY12" s="281">
        <v>5</v>
      </c>
      <c r="AZ12" s="281">
        <v>2</v>
      </c>
      <c r="BA12" s="281">
        <v>2</v>
      </c>
      <c r="BB12" s="281">
        <v>4</v>
      </c>
      <c r="BC12" s="281">
        <v>1</v>
      </c>
      <c r="BD12" s="278">
        <v>14</v>
      </c>
      <c r="BE12" s="283">
        <v>15</v>
      </c>
      <c r="BF12" s="277">
        <v>0</v>
      </c>
      <c r="BG12" s="281">
        <v>0</v>
      </c>
      <c r="BH12" s="278">
        <v>0</v>
      </c>
      <c r="BI12" s="280">
        <v>0</v>
      </c>
      <c r="BJ12" s="281">
        <v>0</v>
      </c>
      <c r="BK12" s="281">
        <v>5</v>
      </c>
      <c r="BL12" s="281">
        <v>5</v>
      </c>
      <c r="BM12" s="281">
        <v>3</v>
      </c>
      <c r="BN12" s="281">
        <v>1</v>
      </c>
      <c r="BO12" s="282">
        <v>14</v>
      </c>
      <c r="BP12" s="283">
        <v>14</v>
      </c>
      <c r="BQ12" s="277">
        <v>0</v>
      </c>
      <c r="BR12" s="281">
        <v>0</v>
      </c>
      <c r="BS12" s="278">
        <v>0</v>
      </c>
      <c r="BT12" s="280">
        <v>0</v>
      </c>
      <c r="BU12" s="281">
        <v>0</v>
      </c>
      <c r="BV12" s="281">
        <v>2</v>
      </c>
      <c r="BW12" s="281">
        <v>0</v>
      </c>
      <c r="BX12" s="281">
        <v>1</v>
      </c>
      <c r="BY12" s="281">
        <v>0</v>
      </c>
      <c r="BZ12" s="278">
        <v>3</v>
      </c>
      <c r="CA12" s="283">
        <v>3</v>
      </c>
      <c r="CB12" s="277">
        <v>0</v>
      </c>
      <c r="CC12" s="281">
        <v>0</v>
      </c>
      <c r="CD12" s="278">
        <v>0</v>
      </c>
      <c r="CE12" s="280">
        <v>0</v>
      </c>
      <c r="CF12" s="281">
        <v>0</v>
      </c>
      <c r="CG12" s="281">
        <v>0</v>
      </c>
      <c r="CH12" s="281">
        <v>0</v>
      </c>
      <c r="CI12" s="281">
        <v>0</v>
      </c>
      <c r="CJ12" s="281">
        <v>0</v>
      </c>
      <c r="CK12" s="278">
        <v>0</v>
      </c>
      <c r="CL12" s="283">
        <v>0</v>
      </c>
      <c r="CM12" s="277">
        <v>0</v>
      </c>
      <c r="CN12" s="281">
        <v>0</v>
      </c>
      <c r="CO12" s="278">
        <v>0</v>
      </c>
      <c r="CP12" s="280">
        <v>0</v>
      </c>
      <c r="CQ12" s="281">
        <v>0</v>
      </c>
      <c r="CR12" s="281">
        <v>1</v>
      </c>
      <c r="CS12" s="281">
        <v>2</v>
      </c>
      <c r="CT12" s="281">
        <v>3</v>
      </c>
      <c r="CU12" s="281">
        <v>1</v>
      </c>
      <c r="CV12" s="278">
        <v>7</v>
      </c>
      <c r="CW12" s="283">
        <v>7</v>
      </c>
    </row>
    <row r="13" spans="1:101" ht="21" customHeight="1" x14ac:dyDescent="0.2">
      <c r="B13" s="262" t="s">
        <v>10</v>
      </c>
      <c r="C13" s="277">
        <v>0</v>
      </c>
      <c r="D13" s="278">
        <v>0</v>
      </c>
      <c r="E13" s="279">
        <v>0</v>
      </c>
      <c r="F13" s="280">
        <v>0</v>
      </c>
      <c r="G13" s="281">
        <v>2</v>
      </c>
      <c r="H13" s="281">
        <v>2</v>
      </c>
      <c r="I13" s="281">
        <v>0</v>
      </c>
      <c r="J13" s="281">
        <v>1</v>
      </c>
      <c r="K13" s="281">
        <v>0</v>
      </c>
      <c r="L13" s="282">
        <v>5</v>
      </c>
      <c r="M13" s="283">
        <v>5</v>
      </c>
      <c r="N13" s="277">
        <v>0</v>
      </c>
      <c r="O13" s="281">
        <v>0</v>
      </c>
      <c r="P13" s="278">
        <v>0</v>
      </c>
      <c r="Q13" s="280">
        <v>0</v>
      </c>
      <c r="R13" s="281">
        <v>0</v>
      </c>
      <c r="S13" s="281">
        <v>0</v>
      </c>
      <c r="T13" s="281">
        <v>1</v>
      </c>
      <c r="U13" s="281">
        <v>0</v>
      </c>
      <c r="V13" s="281">
        <v>0</v>
      </c>
      <c r="W13" s="278">
        <v>1</v>
      </c>
      <c r="X13" s="283">
        <v>1</v>
      </c>
      <c r="Y13" s="277">
        <v>0</v>
      </c>
      <c r="Z13" s="281">
        <v>0</v>
      </c>
      <c r="AA13" s="278">
        <v>0</v>
      </c>
      <c r="AB13" s="280">
        <v>0</v>
      </c>
      <c r="AC13" s="281">
        <v>45</v>
      </c>
      <c r="AD13" s="281">
        <v>18</v>
      </c>
      <c r="AE13" s="281">
        <v>9</v>
      </c>
      <c r="AF13" s="281">
        <v>3</v>
      </c>
      <c r="AG13" s="281">
        <v>2</v>
      </c>
      <c r="AH13" s="278">
        <v>77</v>
      </c>
      <c r="AI13" s="283">
        <v>77</v>
      </c>
      <c r="AJ13" s="277">
        <v>0</v>
      </c>
      <c r="AK13" s="281">
        <v>0</v>
      </c>
      <c r="AL13" s="278">
        <v>0</v>
      </c>
      <c r="AM13" s="280">
        <v>0</v>
      </c>
      <c r="AN13" s="281">
        <v>2</v>
      </c>
      <c r="AO13" s="281">
        <v>2</v>
      </c>
      <c r="AP13" s="281">
        <v>1</v>
      </c>
      <c r="AQ13" s="281">
        <v>0</v>
      </c>
      <c r="AR13" s="281">
        <v>1</v>
      </c>
      <c r="AS13" s="278">
        <v>6</v>
      </c>
      <c r="AT13" s="283">
        <v>6</v>
      </c>
      <c r="AU13" s="277">
        <v>2</v>
      </c>
      <c r="AV13" s="281">
        <v>2</v>
      </c>
      <c r="AW13" s="278">
        <v>4</v>
      </c>
      <c r="AX13" s="280">
        <v>0</v>
      </c>
      <c r="AY13" s="281">
        <v>3</v>
      </c>
      <c r="AZ13" s="281">
        <v>2</v>
      </c>
      <c r="BA13" s="281">
        <v>4</v>
      </c>
      <c r="BB13" s="281">
        <v>2</v>
      </c>
      <c r="BC13" s="281">
        <v>4</v>
      </c>
      <c r="BD13" s="278">
        <v>15</v>
      </c>
      <c r="BE13" s="283">
        <v>19</v>
      </c>
      <c r="BF13" s="277">
        <v>0</v>
      </c>
      <c r="BG13" s="281">
        <v>0</v>
      </c>
      <c r="BH13" s="278">
        <v>0</v>
      </c>
      <c r="BI13" s="280">
        <v>0</v>
      </c>
      <c r="BJ13" s="281">
        <v>4</v>
      </c>
      <c r="BK13" s="281">
        <v>8</v>
      </c>
      <c r="BL13" s="281">
        <v>6</v>
      </c>
      <c r="BM13" s="281">
        <v>6</v>
      </c>
      <c r="BN13" s="281">
        <v>7</v>
      </c>
      <c r="BO13" s="282">
        <v>31</v>
      </c>
      <c r="BP13" s="283">
        <v>31</v>
      </c>
      <c r="BQ13" s="277">
        <v>0</v>
      </c>
      <c r="BR13" s="281">
        <v>0</v>
      </c>
      <c r="BS13" s="278">
        <v>0</v>
      </c>
      <c r="BT13" s="280">
        <v>0</v>
      </c>
      <c r="BU13" s="281">
        <v>3</v>
      </c>
      <c r="BV13" s="281">
        <v>3</v>
      </c>
      <c r="BW13" s="281">
        <v>6</v>
      </c>
      <c r="BX13" s="281">
        <v>1</v>
      </c>
      <c r="BY13" s="281">
        <v>6</v>
      </c>
      <c r="BZ13" s="278">
        <v>19</v>
      </c>
      <c r="CA13" s="283">
        <v>19</v>
      </c>
      <c r="CB13" s="277">
        <v>0</v>
      </c>
      <c r="CC13" s="281">
        <v>0</v>
      </c>
      <c r="CD13" s="278">
        <v>0</v>
      </c>
      <c r="CE13" s="280">
        <v>0</v>
      </c>
      <c r="CF13" s="281">
        <v>0</v>
      </c>
      <c r="CG13" s="281">
        <v>0</v>
      </c>
      <c r="CH13" s="281">
        <v>0</v>
      </c>
      <c r="CI13" s="281">
        <v>3</v>
      </c>
      <c r="CJ13" s="281">
        <v>2</v>
      </c>
      <c r="CK13" s="278">
        <v>5</v>
      </c>
      <c r="CL13" s="283">
        <v>5</v>
      </c>
      <c r="CM13" s="277">
        <v>0</v>
      </c>
      <c r="CN13" s="281">
        <v>0</v>
      </c>
      <c r="CO13" s="278">
        <v>0</v>
      </c>
      <c r="CP13" s="280">
        <v>0</v>
      </c>
      <c r="CQ13" s="281">
        <v>3</v>
      </c>
      <c r="CR13" s="281">
        <v>0</v>
      </c>
      <c r="CS13" s="281">
        <v>2</v>
      </c>
      <c r="CT13" s="281">
        <v>0</v>
      </c>
      <c r="CU13" s="281">
        <v>4</v>
      </c>
      <c r="CV13" s="278">
        <v>9</v>
      </c>
      <c r="CW13" s="283">
        <v>9</v>
      </c>
    </row>
    <row r="14" spans="1:101" ht="21" customHeight="1" x14ac:dyDescent="0.2">
      <c r="B14" s="262" t="s">
        <v>11</v>
      </c>
      <c r="C14" s="277">
        <v>0</v>
      </c>
      <c r="D14" s="278">
        <v>0</v>
      </c>
      <c r="E14" s="279">
        <v>0</v>
      </c>
      <c r="F14" s="280">
        <v>0</v>
      </c>
      <c r="G14" s="281">
        <v>2</v>
      </c>
      <c r="H14" s="281">
        <v>1</v>
      </c>
      <c r="I14" s="281">
        <v>1</v>
      </c>
      <c r="J14" s="281">
        <v>0</v>
      </c>
      <c r="K14" s="281">
        <v>0</v>
      </c>
      <c r="L14" s="282">
        <v>4</v>
      </c>
      <c r="M14" s="283">
        <v>4</v>
      </c>
      <c r="N14" s="277">
        <v>0</v>
      </c>
      <c r="O14" s="281">
        <v>0</v>
      </c>
      <c r="P14" s="278">
        <v>0</v>
      </c>
      <c r="Q14" s="280">
        <v>0</v>
      </c>
      <c r="R14" s="281">
        <v>0</v>
      </c>
      <c r="S14" s="281">
        <v>0</v>
      </c>
      <c r="T14" s="281">
        <v>0</v>
      </c>
      <c r="U14" s="281">
        <v>0</v>
      </c>
      <c r="V14" s="281">
        <v>1</v>
      </c>
      <c r="W14" s="278">
        <v>1</v>
      </c>
      <c r="X14" s="283">
        <v>1</v>
      </c>
      <c r="Y14" s="277">
        <v>0</v>
      </c>
      <c r="Z14" s="281">
        <v>0</v>
      </c>
      <c r="AA14" s="278">
        <v>0</v>
      </c>
      <c r="AB14" s="280">
        <v>0</v>
      </c>
      <c r="AC14" s="281">
        <v>20</v>
      </c>
      <c r="AD14" s="281">
        <v>4</v>
      </c>
      <c r="AE14" s="281">
        <v>8</v>
      </c>
      <c r="AF14" s="281">
        <v>4</v>
      </c>
      <c r="AG14" s="281">
        <v>2</v>
      </c>
      <c r="AH14" s="278">
        <v>38</v>
      </c>
      <c r="AI14" s="283">
        <v>38</v>
      </c>
      <c r="AJ14" s="277">
        <v>0</v>
      </c>
      <c r="AK14" s="281">
        <v>0</v>
      </c>
      <c r="AL14" s="278">
        <v>0</v>
      </c>
      <c r="AM14" s="280">
        <v>0</v>
      </c>
      <c r="AN14" s="281">
        <v>0</v>
      </c>
      <c r="AO14" s="281">
        <v>0</v>
      </c>
      <c r="AP14" s="281">
        <v>0</v>
      </c>
      <c r="AQ14" s="281">
        <v>0</v>
      </c>
      <c r="AR14" s="281">
        <v>1</v>
      </c>
      <c r="AS14" s="278">
        <v>1</v>
      </c>
      <c r="AT14" s="283">
        <v>1</v>
      </c>
      <c r="AU14" s="277">
        <v>0</v>
      </c>
      <c r="AV14" s="281">
        <v>0</v>
      </c>
      <c r="AW14" s="278">
        <v>0</v>
      </c>
      <c r="AX14" s="280">
        <v>0</v>
      </c>
      <c r="AY14" s="281">
        <v>1</v>
      </c>
      <c r="AZ14" s="281">
        <v>1</v>
      </c>
      <c r="BA14" s="281">
        <v>2</v>
      </c>
      <c r="BB14" s="281">
        <v>1</v>
      </c>
      <c r="BC14" s="281">
        <v>0</v>
      </c>
      <c r="BD14" s="278">
        <v>5</v>
      </c>
      <c r="BE14" s="283">
        <v>5</v>
      </c>
      <c r="BF14" s="277">
        <v>0</v>
      </c>
      <c r="BG14" s="281">
        <v>0</v>
      </c>
      <c r="BH14" s="278">
        <v>0</v>
      </c>
      <c r="BI14" s="280">
        <v>0</v>
      </c>
      <c r="BJ14" s="281">
        <v>0</v>
      </c>
      <c r="BK14" s="281">
        <v>3</v>
      </c>
      <c r="BL14" s="281">
        <v>0</v>
      </c>
      <c r="BM14" s="281">
        <v>3</v>
      </c>
      <c r="BN14" s="281">
        <v>1</v>
      </c>
      <c r="BO14" s="282">
        <v>7</v>
      </c>
      <c r="BP14" s="283">
        <v>7</v>
      </c>
      <c r="BQ14" s="277">
        <v>0</v>
      </c>
      <c r="BR14" s="281">
        <v>0</v>
      </c>
      <c r="BS14" s="278">
        <v>0</v>
      </c>
      <c r="BT14" s="280">
        <v>0</v>
      </c>
      <c r="BU14" s="281">
        <v>0</v>
      </c>
      <c r="BV14" s="281">
        <v>0</v>
      </c>
      <c r="BW14" s="281">
        <v>0</v>
      </c>
      <c r="BX14" s="281">
        <v>0</v>
      </c>
      <c r="BY14" s="281">
        <v>0</v>
      </c>
      <c r="BZ14" s="278">
        <v>0</v>
      </c>
      <c r="CA14" s="283">
        <v>0</v>
      </c>
      <c r="CB14" s="277">
        <v>0</v>
      </c>
      <c r="CC14" s="281">
        <v>0</v>
      </c>
      <c r="CD14" s="278">
        <v>0</v>
      </c>
      <c r="CE14" s="280">
        <v>0</v>
      </c>
      <c r="CF14" s="281">
        <v>0</v>
      </c>
      <c r="CG14" s="281">
        <v>0</v>
      </c>
      <c r="CH14" s="281">
        <v>0</v>
      </c>
      <c r="CI14" s="281">
        <v>0</v>
      </c>
      <c r="CJ14" s="281">
        <v>0</v>
      </c>
      <c r="CK14" s="278">
        <v>0</v>
      </c>
      <c r="CL14" s="283">
        <v>0</v>
      </c>
      <c r="CM14" s="277">
        <v>0</v>
      </c>
      <c r="CN14" s="281">
        <v>0</v>
      </c>
      <c r="CO14" s="278">
        <v>0</v>
      </c>
      <c r="CP14" s="280">
        <v>0</v>
      </c>
      <c r="CQ14" s="281">
        <v>0</v>
      </c>
      <c r="CR14" s="281">
        <v>0</v>
      </c>
      <c r="CS14" s="281">
        <v>0</v>
      </c>
      <c r="CT14" s="281">
        <v>0</v>
      </c>
      <c r="CU14" s="281">
        <v>0</v>
      </c>
      <c r="CV14" s="278">
        <v>0</v>
      </c>
      <c r="CW14" s="283">
        <v>0</v>
      </c>
    </row>
    <row r="15" spans="1:101" ht="21" customHeight="1" x14ac:dyDescent="0.2">
      <c r="B15" s="262" t="s">
        <v>12</v>
      </c>
      <c r="C15" s="277">
        <v>0</v>
      </c>
      <c r="D15" s="278">
        <v>0</v>
      </c>
      <c r="E15" s="279">
        <v>0</v>
      </c>
      <c r="F15" s="280">
        <v>0</v>
      </c>
      <c r="G15" s="281">
        <v>1</v>
      </c>
      <c r="H15" s="281">
        <v>0</v>
      </c>
      <c r="I15" s="281">
        <v>0</v>
      </c>
      <c r="J15" s="281">
        <v>0</v>
      </c>
      <c r="K15" s="281">
        <v>0</v>
      </c>
      <c r="L15" s="282">
        <v>1</v>
      </c>
      <c r="M15" s="283">
        <v>1</v>
      </c>
      <c r="N15" s="277">
        <v>0</v>
      </c>
      <c r="O15" s="281">
        <v>0</v>
      </c>
      <c r="P15" s="278">
        <v>0</v>
      </c>
      <c r="Q15" s="280">
        <v>0</v>
      </c>
      <c r="R15" s="281">
        <v>0</v>
      </c>
      <c r="S15" s="281">
        <v>0</v>
      </c>
      <c r="T15" s="281">
        <v>0</v>
      </c>
      <c r="U15" s="281">
        <v>0</v>
      </c>
      <c r="V15" s="281">
        <v>0</v>
      </c>
      <c r="W15" s="278">
        <v>0</v>
      </c>
      <c r="X15" s="283">
        <v>0</v>
      </c>
      <c r="Y15" s="277">
        <v>0</v>
      </c>
      <c r="Z15" s="281">
        <v>0</v>
      </c>
      <c r="AA15" s="278">
        <v>0</v>
      </c>
      <c r="AB15" s="280">
        <v>0</v>
      </c>
      <c r="AC15" s="281">
        <v>21</v>
      </c>
      <c r="AD15" s="281">
        <v>9</v>
      </c>
      <c r="AE15" s="281">
        <v>9</v>
      </c>
      <c r="AF15" s="281">
        <v>5</v>
      </c>
      <c r="AG15" s="281">
        <v>0</v>
      </c>
      <c r="AH15" s="278">
        <v>44</v>
      </c>
      <c r="AI15" s="283">
        <v>44</v>
      </c>
      <c r="AJ15" s="277">
        <v>0</v>
      </c>
      <c r="AK15" s="281">
        <v>0</v>
      </c>
      <c r="AL15" s="278">
        <v>0</v>
      </c>
      <c r="AM15" s="280">
        <v>0</v>
      </c>
      <c r="AN15" s="281">
        <v>0</v>
      </c>
      <c r="AO15" s="281">
        <v>1</v>
      </c>
      <c r="AP15" s="281">
        <v>0</v>
      </c>
      <c r="AQ15" s="281">
        <v>0</v>
      </c>
      <c r="AR15" s="281">
        <v>0</v>
      </c>
      <c r="AS15" s="278">
        <v>1</v>
      </c>
      <c r="AT15" s="283">
        <v>1</v>
      </c>
      <c r="AU15" s="277">
        <v>0</v>
      </c>
      <c r="AV15" s="281">
        <v>0</v>
      </c>
      <c r="AW15" s="278">
        <v>0</v>
      </c>
      <c r="AX15" s="280">
        <v>0</v>
      </c>
      <c r="AY15" s="281">
        <v>1</v>
      </c>
      <c r="AZ15" s="281">
        <v>1</v>
      </c>
      <c r="BA15" s="281">
        <v>0</v>
      </c>
      <c r="BB15" s="281">
        <v>2</v>
      </c>
      <c r="BC15" s="281">
        <v>0</v>
      </c>
      <c r="BD15" s="278">
        <v>4</v>
      </c>
      <c r="BE15" s="283">
        <v>4</v>
      </c>
      <c r="BF15" s="277">
        <v>0</v>
      </c>
      <c r="BG15" s="281">
        <v>0</v>
      </c>
      <c r="BH15" s="278">
        <v>0</v>
      </c>
      <c r="BI15" s="280">
        <v>0</v>
      </c>
      <c r="BJ15" s="281">
        <v>3</v>
      </c>
      <c r="BK15" s="281">
        <v>1</v>
      </c>
      <c r="BL15" s="281">
        <v>2</v>
      </c>
      <c r="BM15" s="281">
        <v>2</v>
      </c>
      <c r="BN15" s="281">
        <v>0</v>
      </c>
      <c r="BO15" s="282">
        <v>8</v>
      </c>
      <c r="BP15" s="283">
        <v>8</v>
      </c>
      <c r="BQ15" s="277">
        <v>0</v>
      </c>
      <c r="BR15" s="281">
        <v>0</v>
      </c>
      <c r="BS15" s="278">
        <v>0</v>
      </c>
      <c r="BT15" s="280">
        <v>0</v>
      </c>
      <c r="BU15" s="281">
        <v>0</v>
      </c>
      <c r="BV15" s="281">
        <v>2</v>
      </c>
      <c r="BW15" s="281">
        <v>0</v>
      </c>
      <c r="BX15" s="281">
        <v>2</v>
      </c>
      <c r="BY15" s="281">
        <v>0</v>
      </c>
      <c r="BZ15" s="278">
        <v>4</v>
      </c>
      <c r="CA15" s="283">
        <v>4</v>
      </c>
      <c r="CB15" s="277">
        <v>0</v>
      </c>
      <c r="CC15" s="281">
        <v>0</v>
      </c>
      <c r="CD15" s="278">
        <v>0</v>
      </c>
      <c r="CE15" s="280">
        <v>0</v>
      </c>
      <c r="CF15" s="281">
        <v>0</v>
      </c>
      <c r="CG15" s="281">
        <v>0</v>
      </c>
      <c r="CH15" s="281">
        <v>0</v>
      </c>
      <c r="CI15" s="281">
        <v>0</v>
      </c>
      <c r="CJ15" s="281">
        <v>1</v>
      </c>
      <c r="CK15" s="278">
        <v>1</v>
      </c>
      <c r="CL15" s="283">
        <v>1</v>
      </c>
      <c r="CM15" s="277">
        <v>0</v>
      </c>
      <c r="CN15" s="281">
        <v>0</v>
      </c>
      <c r="CO15" s="278">
        <v>0</v>
      </c>
      <c r="CP15" s="280">
        <v>0</v>
      </c>
      <c r="CQ15" s="281">
        <v>0</v>
      </c>
      <c r="CR15" s="281">
        <v>1</v>
      </c>
      <c r="CS15" s="281">
        <v>0</v>
      </c>
      <c r="CT15" s="281">
        <v>1</v>
      </c>
      <c r="CU15" s="281">
        <v>3</v>
      </c>
      <c r="CV15" s="278">
        <v>5</v>
      </c>
      <c r="CW15" s="283">
        <v>5</v>
      </c>
    </row>
    <row r="16" spans="1:101" ht="21" customHeight="1" x14ac:dyDescent="0.2">
      <c r="B16" s="262" t="s">
        <v>13</v>
      </c>
      <c r="C16" s="277">
        <v>0</v>
      </c>
      <c r="D16" s="278">
        <v>0</v>
      </c>
      <c r="E16" s="279">
        <v>0</v>
      </c>
      <c r="F16" s="280">
        <v>0</v>
      </c>
      <c r="G16" s="281">
        <v>0</v>
      </c>
      <c r="H16" s="281">
        <v>0</v>
      </c>
      <c r="I16" s="281">
        <v>0</v>
      </c>
      <c r="J16" s="281">
        <v>0</v>
      </c>
      <c r="K16" s="281">
        <v>0</v>
      </c>
      <c r="L16" s="282">
        <v>0</v>
      </c>
      <c r="M16" s="283">
        <v>0</v>
      </c>
      <c r="N16" s="277">
        <v>0</v>
      </c>
      <c r="O16" s="281">
        <v>0</v>
      </c>
      <c r="P16" s="278">
        <v>0</v>
      </c>
      <c r="Q16" s="280">
        <v>0</v>
      </c>
      <c r="R16" s="281">
        <v>0</v>
      </c>
      <c r="S16" s="281">
        <v>0</v>
      </c>
      <c r="T16" s="281">
        <v>0</v>
      </c>
      <c r="U16" s="281">
        <v>0</v>
      </c>
      <c r="V16" s="281">
        <v>0</v>
      </c>
      <c r="W16" s="278">
        <v>0</v>
      </c>
      <c r="X16" s="283">
        <v>0</v>
      </c>
      <c r="Y16" s="277">
        <v>0</v>
      </c>
      <c r="Z16" s="281">
        <v>0</v>
      </c>
      <c r="AA16" s="278">
        <v>0</v>
      </c>
      <c r="AB16" s="280">
        <v>0</v>
      </c>
      <c r="AC16" s="281">
        <v>9</v>
      </c>
      <c r="AD16" s="281">
        <v>10</v>
      </c>
      <c r="AE16" s="281">
        <v>6</v>
      </c>
      <c r="AF16" s="281">
        <v>4</v>
      </c>
      <c r="AG16" s="281">
        <v>0</v>
      </c>
      <c r="AH16" s="278">
        <v>29</v>
      </c>
      <c r="AI16" s="283">
        <v>29</v>
      </c>
      <c r="AJ16" s="277">
        <v>0</v>
      </c>
      <c r="AK16" s="281">
        <v>0</v>
      </c>
      <c r="AL16" s="278">
        <v>0</v>
      </c>
      <c r="AM16" s="280">
        <v>0</v>
      </c>
      <c r="AN16" s="281">
        <v>0</v>
      </c>
      <c r="AO16" s="281">
        <v>0</v>
      </c>
      <c r="AP16" s="281">
        <v>0</v>
      </c>
      <c r="AQ16" s="281">
        <v>0</v>
      </c>
      <c r="AR16" s="281">
        <v>0</v>
      </c>
      <c r="AS16" s="278">
        <v>0</v>
      </c>
      <c r="AT16" s="283">
        <v>0</v>
      </c>
      <c r="AU16" s="277">
        <v>0</v>
      </c>
      <c r="AV16" s="281">
        <v>0</v>
      </c>
      <c r="AW16" s="278">
        <v>0</v>
      </c>
      <c r="AX16" s="280">
        <v>0</v>
      </c>
      <c r="AY16" s="281">
        <v>0</v>
      </c>
      <c r="AZ16" s="281">
        <v>0</v>
      </c>
      <c r="BA16" s="281">
        <v>1</v>
      </c>
      <c r="BB16" s="281">
        <v>0</v>
      </c>
      <c r="BC16" s="281">
        <v>0</v>
      </c>
      <c r="BD16" s="278">
        <v>1</v>
      </c>
      <c r="BE16" s="283">
        <v>1</v>
      </c>
      <c r="BF16" s="277">
        <v>0</v>
      </c>
      <c r="BG16" s="281">
        <v>0</v>
      </c>
      <c r="BH16" s="278">
        <v>0</v>
      </c>
      <c r="BI16" s="280">
        <v>0</v>
      </c>
      <c r="BJ16" s="281">
        <v>0</v>
      </c>
      <c r="BK16" s="281">
        <v>0</v>
      </c>
      <c r="BL16" s="281">
        <v>2</v>
      </c>
      <c r="BM16" s="281">
        <v>0</v>
      </c>
      <c r="BN16" s="281">
        <v>0</v>
      </c>
      <c r="BO16" s="282">
        <v>2</v>
      </c>
      <c r="BP16" s="283">
        <v>2</v>
      </c>
      <c r="BQ16" s="277">
        <v>0</v>
      </c>
      <c r="BR16" s="281">
        <v>0</v>
      </c>
      <c r="BS16" s="278">
        <v>0</v>
      </c>
      <c r="BT16" s="280">
        <v>0</v>
      </c>
      <c r="BU16" s="281">
        <v>0</v>
      </c>
      <c r="BV16" s="281">
        <v>0</v>
      </c>
      <c r="BW16" s="281">
        <v>2</v>
      </c>
      <c r="BX16" s="281">
        <v>1</v>
      </c>
      <c r="BY16" s="281">
        <v>0</v>
      </c>
      <c r="BZ16" s="278">
        <v>3</v>
      </c>
      <c r="CA16" s="283">
        <v>3</v>
      </c>
      <c r="CB16" s="277">
        <v>0</v>
      </c>
      <c r="CC16" s="281">
        <v>0</v>
      </c>
      <c r="CD16" s="278">
        <v>0</v>
      </c>
      <c r="CE16" s="280">
        <v>0</v>
      </c>
      <c r="CF16" s="281">
        <v>0</v>
      </c>
      <c r="CG16" s="281">
        <v>0</v>
      </c>
      <c r="CH16" s="281">
        <v>0</v>
      </c>
      <c r="CI16" s="281">
        <v>0</v>
      </c>
      <c r="CJ16" s="281">
        <v>0</v>
      </c>
      <c r="CK16" s="278">
        <v>0</v>
      </c>
      <c r="CL16" s="283">
        <v>0</v>
      </c>
      <c r="CM16" s="277">
        <v>0</v>
      </c>
      <c r="CN16" s="281">
        <v>0</v>
      </c>
      <c r="CO16" s="278">
        <v>0</v>
      </c>
      <c r="CP16" s="280">
        <v>0</v>
      </c>
      <c r="CQ16" s="281">
        <v>0</v>
      </c>
      <c r="CR16" s="281">
        <v>0</v>
      </c>
      <c r="CS16" s="281">
        <v>0</v>
      </c>
      <c r="CT16" s="281">
        <v>0</v>
      </c>
      <c r="CU16" s="281">
        <v>0</v>
      </c>
      <c r="CV16" s="278">
        <v>0</v>
      </c>
      <c r="CW16" s="283">
        <v>0</v>
      </c>
    </row>
    <row r="17" spans="2:101" ht="21" customHeight="1" x14ac:dyDescent="0.2">
      <c r="B17" s="262" t="s">
        <v>15</v>
      </c>
      <c r="C17" s="277">
        <v>0</v>
      </c>
      <c r="D17" s="278">
        <v>0</v>
      </c>
      <c r="E17" s="279">
        <v>0</v>
      </c>
      <c r="F17" s="280">
        <v>0</v>
      </c>
      <c r="G17" s="281">
        <v>0</v>
      </c>
      <c r="H17" s="281">
        <v>1</v>
      </c>
      <c r="I17" s="281">
        <v>0</v>
      </c>
      <c r="J17" s="281">
        <v>0</v>
      </c>
      <c r="K17" s="281">
        <v>0</v>
      </c>
      <c r="L17" s="282">
        <v>1</v>
      </c>
      <c r="M17" s="283">
        <v>1</v>
      </c>
      <c r="N17" s="277">
        <v>0</v>
      </c>
      <c r="O17" s="281">
        <v>0</v>
      </c>
      <c r="P17" s="278">
        <v>0</v>
      </c>
      <c r="Q17" s="280">
        <v>0</v>
      </c>
      <c r="R17" s="281">
        <v>0</v>
      </c>
      <c r="S17" s="281">
        <v>0</v>
      </c>
      <c r="T17" s="281">
        <v>0</v>
      </c>
      <c r="U17" s="281">
        <v>0</v>
      </c>
      <c r="V17" s="281">
        <v>0</v>
      </c>
      <c r="W17" s="278">
        <v>0</v>
      </c>
      <c r="X17" s="283">
        <v>0</v>
      </c>
      <c r="Y17" s="277">
        <v>0</v>
      </c>
      <c r="Z17" s="281">
        <v>0</v>
      </c>
      <c r="AA17" s="278">
        <v>0</v>
      </c>
      <c r="AB17" s="280">
        <v>0</v>
      </c>
      <c r="AC17" s="281">
        <v>8</v>
      </c>
      <c r="AD17" s="281">
        <v>7</v>
      </c>
      <c r="AE17" s="281">
        <v>1</v>
      </c>
      <c r="AF17" s="281">
        <v>2</v>
      </c>
      <c r="AG17" s="281">
        <v>1</v>
      </c>
      <c r="AH17" s="278">
        <v>19</v>
      </c>
      <c r="AI17" s="283">
        <v>19</v>
      </c>
      <c r="AJ17" s="277">
        <v>0</v>
      </c>
      <c r="AK17" s="281">
        <v>0</v>
      </c>
      <c r="AL17" s="278">
        <v>0</v>
      </c>
      <c r="AM17" s="280">
        <v>0</v>
      </c>
      <c r="AN17" s="281">
        <v>0</v>
      </c>
      <c r="AO17" s="281">
        <v>0</v>
      </c>
      <c r="AP17" s="281">
        <v>0</v>
      </c>
      <c r="AQ17" s="281">
        <v>0</v>
      </c>
      <c r="AR17" s="281">
        <v>0</v>
      </c>
      <c r="AS17" s="278">
        <v>0</v>
      </c>
      <c r="AT17" s="283">
        <v>0</v>
      </c>
      <c r="AU17" s="277">
        <v>0</v>
      </c>
      <c r="AV17" s="281">
        <v>0</v>
      </c>
      <c r="AW17" s="278">
        <v>0</v>
      </c>
      <c r="AX17" s="280">
        <v>0</v>
      </c>
      <c r="AY17" s="281">
        <v>0</v>
      </c>
      <c r="AZ17" s="281">
        <v>0</v>
      </c>
      <c r="BA17" s="281">
        <v>0</v>
      </c>
      <c r="BB17" s="281">
        <v>0</v>
      </c>
      <c r="BC17" s="281">
        <v>0</v>
      </c>
      <c r="BD17" s="278">
        <v>0</v>
      </c>
      <c r="BE17" s="283">
        <v>0</v>
      </c>
      <c r="BF17" s="277">
        <v>0</v>
      </c>
      <c r="BG17" s="281">
        <v>0</v>
      </c>
      <c r="BH17" s="278">
        <v>0</v>
      </c>
      <c r="BI17" s="280">
        <v>0</v>
      </c>
      <c r="BJ17" s="281">
        <v>0</v>
      </c>
      <c r="BK17" s="281">
        <v>1</v>
      </c>
      <c r="BL17" s="281">
        <v>0</v>
      </c>
      <c r="BM17" s="281">
        <v>3</v>
      </c>
      <c r="BN17" s="281">
        <v>1</v>
      </c>
      <c r="BO17" s="282">
        <v>5</v>
      </c>
      <c r="BP17" s="283">
        <v>5</v>
      </c>
      <c r="BQ17" s="277">
        <v>0</v>
      </c>
      <c r="BR17" s="281">
        <v>0</v>
      </c>
      <c r="BS17" s="278">
        <v>0</v>
      </c>
      <c r="BT17" s="280">
        <v>0</v>
      </c>
      <c r="BU17" s="281">
        <v>0</v>
      </c>
      <c r="BV17" s="281">
        <v>0</v>
      </c>
      <c r="BW17" s="281">
        <v>0</v>
      </c>
      <c r="BX17" s="281">
        <v>0</v>
      </c>
      <c r="BY17" s="281">
        <v>0</v>
      </c>
      <c r="BZ17" s="278">
        <v>0</v>
      </c>
      <c r="CA17" s="283">
        <v>0</v>
      </c>
      <c r="CB17" s="277">
        <v>0</v>
      </c>
      <c r="CC17" s="281">
        <v>0</v>
      </c>
      <c r="CD17" s="278">
        <v>0</v>
      </c>
      <c r="CE17" s="280">
        <v>0</v>
      </c>
      <c r="CF17" s="281">
        <v>0</v>
      </c>
      <c r="CG17" s="281">
        <v>0</v>
      </c>
      <c r="CH17" s="281">
        <v>1</v>
      </c>
      <c r="CI17" s="281">
        <v>0</v>
      </c>
      <c r="CJ17" s="281">
        <v>0</v>
      </c>
      <c r="CK17" s="278">
        <v>1</v>
      </c>
      <c r="CL17" s="283">
        <v>1</v>
      </c>
      <c r="CM17" s="277">
        <v>0</v>
      </c>
      <c r="CN17" s="281">
        <v>0</v>
      </c>
      <c r="CO17" s="278">
        <v>0</v>
      </c>
      <c r="CP17" s="280">
        <v>0</v>
      </c>
      <c r="CQ17" s="281">
        <v>0</v>
      </c>
      <c r="CR17" s="281">
        <v>0</v>
      </c>
      <c r="CS17" s="281">
        <v>0</v>
      </c>
      <c r="CT17" s="281">
        <v>0</v>
      </c>
      <c r="CU17" s="281">
        <v>0</v>
      </c>
      <c r="CV17" s="278">
        <v>0</v>
      </c>
      <c r="CW17" s="283">
        <v>0</v>
      </c>
    </row>
    <row r="18" spans="2:101" ht="21" customHeight="1" x14ac:dyDescent="0.2">
      <c r="B18" s="262" t="s">
        <v>16</v>
      </c>
      <c r="C18" s="277">
        <v>0</v>
      </c>
      <c r="D18" s="278">
        <v>0</v>
      </c>
      <c r="E18" s="279">
        <v>0</v>
      </c>
      <c r="F18" s="280">
        <v>0</v>
      </c>
      <c r="G18" s="281">
        <v>0</v>
      </c>
      <c r="H18" s="281">
        <v>0</v>
      </c>
      <c r="I18" s="281">
        <v>0</v>
      </c>
      <c r="J18" s="281">
        <v>0</v>
      </c>
      <c r="K18" s="281">
        <v>1</v>
      </c>
      <c r="L18" s="282">
        <v>1</v>
      </c>
      <c r="M18" s="283">
        <v>1</v>
      </c>
      <c r="N18" s="277">
        <v>0</v>
      </c>
      <c r="O18" s="281">
        <v>0</v>
      </c>
      <c r="P18" s="278">
        <v>0</v>
      </c>
      <c r="Q18" s="280">
        <v>0</v>
      </c>
      <c r="R18" s="281">
        <v>0</v>
      </c>
      <c r="S18" s="281">
        <v>0</v>
      </c>
      <c r="T18" s="281">
        <v>1</v>
      </c>
      <c r="U18" s="281">
        <v>0</v>
      </c>
      <c r="V18" s="281">
        <v>0</v>
      </c>
      <c r="W18" s="278">
        <v>1</v>
      </c>
      <c r="X18" s="283">
        <v>1</v>
      </c>
      <c r="Y18" s="277">
        <v>0</v>
      </c>
      <c r="Z18" s="281">
        <v>0</v>
      </c>
      <c r="AA18" s="278">
        <v>0</v>
      </c>
      <c r="AB18" s="280">
        <v>0</v>
      </c>
      <c r="AC18" s="281">
        <v>7</v>
      </c>
      <c r="AD18" s="281">
        <v>6</v>
      </c>
      <c r="AE18" s="281">
        <v>4</v>
      </c>
      <c r="AF18" s="281">
        <v>0</v>
      </c>
      <c r="AG18" s="281">
        <v>3</v>
      </c>
      <c r="AH18" s="278">
        <v>20</v>
      </c>
      <c r="AI18" s="283">
        <v>20</v>
      </c>
      <c r="AJ18" s="277">
        <v>0</v>
      </c>
      <c r="AK18" s="281">
        <v>0</v>
      </c>
      <c r="AL18" s="278">
        <v>0</v>
      </c>
      <c r="AM18" s="280">
        <v>0</v>
      </c>
      <c r="AN18" s="281">
        <v>0</v>
      </c>
      <c r="AO18" s="281">
        <v>1</v>
      </c>
      <c r="AP18" s="281">
        <v>0</v>
      </c>
      <c r="AQ18" s="281">
        <v>0</v>
      </c>
      <c r="AR18" s="281">
        <v>0</v>
      </c>
      <c r="AS18" s="278">
        <v>1</v>
      </c>
      <c r="AT18" s="283">
        <v>1</v>
      </c>
      <c r="AU18" s="277">
        <v>0</v>
      </c>
      <c r="AV18" s="281">
        <v>0</v>
      </c>
      <c r="AW18" s="278">
        <v>0</v>
      </c>
      <c r="AX18" s="280">
        <v>0</v>
      </c>
      <c r="AY18" s="281">
        <v>0</v>
      </c>
      <c r="AZ18" s="281">
        <v>0</v>
      </c>
      <c r="BA18" s="281">
        <v>0</v>
      </c>
      <c r="BB18" s="281">
        <v>0</v>
      </c>
      <c r="BC18" s="281">
        <v>2</v>
      </c>
      <c r="BD18" s="278">
        <v>2</v>
      </c>
      <c r="BE18" s="283">
        <v>2</v>
      </c>
      <c r="BF18" s="277">
        <v>0</v>
      </c>
      <c r="BG18" s="281">
        <v>0</v>
      </c>
      <c r="BH18" s="278">
        <v>0</v>
      </c>
      <c r="BI18" s="280">
        <v>0</v>
      </c>
      <c r="BJ18" s="281">
        <v>1</v>
      </c>
      <c r="BK18" s="281">
        <v>1</v>
      </c>
      <c r="BL18" s="281">
        <v>2</v>
      </c>
      <c r="BM18" s="281">
        <v>1</v>
      </c>
      <c r="BN18" s="281">
        <v>1</v>
      </c>
      <c r="BO18" s="282">
        <v>6</v>
      </c>
      <c r="BP18" s="283">
        <v>6</v>
      </c>
      <c r="BQ18" s="277">
        <v>0</v>
      </c>
      <c r="BR18" s="281">
        <v>0</v>
      </c>
      <c r="BS18" s="278">
        <v>0</v>
      </c>
      <c r="BT18" s="280">
        <v>0</v>
      </c>
      <c r="BU18" s="281">
        <v>0</v>
      </c>
      <c r="BV18" s="281">
        <v>0</v>
      </c>
      <c r="BW18" s="281">
        <v>0</v>
      </c>
      <c r="BX18" s="281">
        <v>0</v>
      </c>
      <c r="BY18" s="281">
        <v>0</v>
      </c>
      <c r="BZ18" s="278">
        <v>0</v>
      </c>
      <c r="CA18" s="283">
        <v>0</v>
      </c>
      <c r="CB18" s="277">
        <v>0</v>
      </c>
      <c r="CC18" s="281">
        <v>0</v>
      </c>
      <c r="CD18" s="278">
        <v>0</v>
      </c>
      <c r="CE18" s="280">
        <v>0</v>
      </c>
      <c r="CF18" s="281">
        <v>0</v>
      </c>
      <c r="CG18" s="281">
        <v>0</v>
      </c>
      <c r="CH18" s="281">
        <v>0</v>
      </c>
      <c r="CI18" s="281">
        <v>0</v>
      </c>
      <c r="CJ18" s="281">
        <v>0</v>
      </c>
      <c r="CK18" s="278">
        <v>0</v>
      </c>
      <c r="CL18" s="283">
        <v>0</v>
      </c>
      <c r="CM18" s="277">
        <v>0</v>
      </c>
      <c r="CN18" s="281">
        <v>0</v>
      </c>
      <c r="CO18" s="278">
        <v>0</v>
      </c>
      <c r="CP18" s="280">
        <v>0</v>
      </c>
      <c r="CQ18" s="281">
        <v>0</v>
      </c>
      <c r="CR18" s="281">
        <v>0</v>
      </c>
      <c r="CS18" s="281">
        <v>0</v>
      </c>
      <c r="CT18" s="281">
        <v>0</v>
      </c>
      <c r="CU18" s="281">
        <v>0</v>
      </c>
      <c r="CV18" s="278">
        <v>0</v>
      </c>
      <c r="CW18" s="283">
        <v>0</v>
      </c>
    </row>
    <row r="19" spans="2:101" ht="21" customHeight="1" x14ac:dyDescent="0.2">
      <c r="B19" s="262" t="s">
        <v>17</v>
      </c>
      <c r="C19" s="277">
        <v>0</v>
      </c>
      <c r="D19" s="278">
        <v>0</v>
      </c>
      <c r="E19" s="279">
        <v>0</v>
      </c>
      <c r="F19" s="280">
        <v>0</v>
      </c>
      <c r="G19" s="281">
        <v>0</v>
      </c>
      <c r="H19" s="281">
        <v>0</v>
      </c>
      <c r="I19" s="281">
        <v>0</v>
      </c>
      <c r="J19" s="281">
        <v>0</v>
      </c>
      <c r="K19" s="281">
        <v>0</v>
      </c>
      <c r="L19" s="282">
        <v>0</v>
      </c>
      <c r="M19" s="283">
        <v>0</v>
      </c>
      <c r="N19" s="277">
        <v>0</v>
      </c>
      <c r="O19" s="281">
        <v>0</v>
      </c>
      <c r="P19" s="278">
        <v>0</v>
      </c>
      <c r="Q19" s="280">
        <v>0</v>
      </c>
      <c r="R19" s="281">
        <v>0</v>
      </c>
      <c r="S19" s="281">
        <v>0</v>
      </c>
      <c r="T19" s="281">
        <v>0</v>
      </c>
      <c r="U19" s="281">
        <v>0</v>
      </c>
      <c r="V19" s="281">
        <v>0</v>
      </c>
      <c r="W19" s="278">
        <v>0</v>
      </c>
      <c r="X19" s="283">
        <v>0</v>
      </c>
      <c r="Y19" s="277">
        <v>0</v>
      </c>
      <c r="Z19" s="281">
        <v>0</v>
      </c>
      <c r="AA19" s="278">
        <v>0</v>
      </c>
      <c r="AB19" s="280">
        <v>0</v>
      </c>
      <c r="AC19" s="281">
        <v>13</v>
      </c>
      <c r="AD19" s="281">
        <v>17</v>
      </c>
      <c r="AE19" s="281">
        <v>9</v>
      </c>
      <c r="AF19" s="281">
        <v>3</v>
      </c>
      <c r="AG19" s="281">
        <v>1</v>
      </c>
      <c r="AH19" s="278">
        <v>43</v>
      </c>
      <c r="AI19" s="283">
        <v>43</v>
      </c>
      <c r="AJ19" s="277">
        <v>0</v>
      </c>
      <c r="AK19" s="281">
        <v>0</v>
      </c>
      <c r="AL19" s="278">
        <v>0</v>
      </c>
      <c r="AM19" s="280">
        <v>0</v>
      </c>
      <c r="AN19" s="281">
        <v>0</v>
      </c>
      <c r="AO19" s="281">
        <v>0</v>
      </c>
      <c r="AP19" s="281">
        <v>0</v>
      </c>
      <c r="AQ19" s="281">
        <v>0</v>
      </c>
      <c r="AR19" s="281">
        <v>0</v>
      </c>
      <c r="AS19" s="278">
        <v>0</v>
      </c>
      <c r="AT19" s="283">
        <v>0</v>
      </c>
      <c r="AU19" s="277">
        <v>0</v>
      </c>
      <c r="AV19" s="281">
        <v>0</v>
      </c>
      <c r="AW19" s="278">
        <v>0</v>
      </c>
      <c r="AX19" s="280">
        <v>0</v>
      </c>
      <c r="AY19" s="281">
        <v>1</v>
      </c>
      <c r="AZ19" s="281">
        <v>2</v>
      </c>
      <c r="BA19" s="281">
        <v>1</v>
      </c>
      <c r="BB19" s="281">
        <v>1</v>
      </c>
      <c r="BC19" s="281">
        <v>1</v>
      </c>
      <c r="BD19" s="278">
        <v>6</v>
      </c>
      <c r="BE19" s="283">
        <v>6</v>
      </c>
      <c r="BF19" s="277">
        <v>0</v>
      </c>
      <c r="BG19" s="281">
        <v>0</v>
      </c>
      <c r="BH19" s="278">
        <v>0</v>
      </c>
      <c r="BI19" s="280">
        <v>0</v>
      </c>
      <c r="BJ19" s="281">
        <v>2</v>
      </c>
      <c r="BK19" s="281">
        <v>5</v>
      </c>
      <c r="BL19" s="281">
        <v>4</v>
      </c>
      <c r="BM19" s="281">
        <v>2</v>
      </c>
      <c r="BN19" s="281">
        <v>3</v>
      </c>
      <c r="BO19" s="282">
        <v>16</v>
      </c>
      <c r="BP19" s="283">
        <v>16</v>
      </c>
      <c r="BQ19" s="277">
        <v>0</v>
      </c>
      <c r="BR19" s="281">
        <v>0</v>
      </c>
      <c r="BS19" s="278">
        <v>0</v>
      </c>
      <c r="BT19" s="280">
        <v>0</v>
      </c>
      <c r="BU19" s="281">
        <v>0</v>
      </c>
      <c r="BV19" s="281">
        <v>0</v>
      </c>
      <c r="BW19" s="281">
        <v>0</v>
      </c>
      <c r="BX19" s="281">
        <v>0</v>
      </c>
      <c r="BY19" s="281">
        <v>0</v>
      </c>
      <c r="BZ19" s="278">
        <v>0</v>
      </c>
      <c r="CA19" s="283">
        <v>0</v>
      </c>
      <c r="CB19" s="277">
        <v>0</v>
      </c>
      <c r="CC19" s="281">
        <v>0</v>
      </c>
      <c r="CD19" s="278">
        <v>0</v>
      </c>
      <c r="CE19" s="280">
        <v>0</v>
      </c>
      <c r="CF19" s="281">
        <v>0</v>
      </c>
      <c r="CG19" s="281">
        <v>0</v>
      </c>
      <c r="CH19" s="281">
        <v>2</v>
      </c>
      <c r="CI19" s="281">
        <v>1</v>
      </c>
      <c r="CJ19" s="281">
        <v>3</v>
      </c>
      <c r="CK19" s="278">
        <v>6</v>
      </c>
      <c r="CL19" s="283">
        <v>6</v>
      </c>
      <c r="CM19" s="277">
        <v>0</v>
      </c>
      <c r="CN19" s="281">
        <v>0</v>
      </c>
      <c r="CO19" s="278">
        <v>0</v>
      </c>
      <c r="CP19" s="280">
        <v>0</v>
      </c>
      <c r="CQ19" s="281">
        <v>0</v>
      </c>
      <c r="CR19" s="281">
        <v>0</v>
      </c>
      <c r="CS19" s="281">
        <v>0</v>
      </c>
      <c r="CT19" s="281">
        <v>0</v>
      </c>
      <c r="CU19" s="281">
        <v>0</v>
      </c>
      <c r="CV19" s="278">
        <v>0</v>
      </c>
      <c r="CW19" s="283">
        <v>0</v>
      </c>
    </row>
    <row r="20" spans="2:101" ht="21" customHeight="1" x14ac:dyDescent="0.2">
      <c r="B20" s="262" t="s">
        <v>18</v>
      </c>
      <c r="C20" s="277">
        <v>0</v>
      </c>
      <c r="D20" s="278">
        <v>0</v>
      </c>
      <c r="E20" s="279">
        <v>0</v>
      </c>
      <c r="F20" s="280">
        <v>0</v>
      </c>
      <c r="G20" s="281">
        <v>0</v>
      </c>
      <c r="H20" s="281">
        <v>0</v>
      </c>
      <c r="I20" s="281">
        <v>0</v>
      </c>
      <c r="J20" s="281">
        <v>0</v>
      </c>
      <c r="K20" s="281">
        <v>1</v>
      </c>
      <c r="L20" s="282">
        <v>1</v>
      </c>
      <c r="M20" s="283">
        <v>1</v>
      </c>
      <c r="N20" s="277">
        <v>0</v>
      </c>
      <c r="O20" s="281">
        <v>0</v>
      </c>
      <c r="P20" s="278">
        <v>0</v>
      </c>
      <c r="Q20" s="280">
        <v>0</v>
      </c>
      <c r="R20" s="281">
        <v>0</v>
      </c>
      <c r="S20" s="281">
        <v>0</v>
      </c>
      <c r="T20" s="281">
        <v>0</v>
      </c>
      <c r="U20" s="281">
        <v>0</v>
      </c>
      <c r="V20" s="281">
        <v>0</v>
      </c>
      <c r="W20" s="278">
        <v>0</v>
      </c>
      <c r="X20" s="283">
        <v>0</v>
      </c>
      <c r="Y20" s="277">
        <v>0</v>
      </c>
      <c r="Z20" s="281">
        <v>0</v>
      </c>
      <c r="AA20" s="278">
        <v>0</v>
      </c>
      <c r="AB20" s="280">
        <v>0</v>
      </c>
      <c r="AC20" s="281">
        <v>17</v>
      </c>
      <c r="AD20" s="281">
        <v>8</v>
      </c>
      <c r="AE20" s="281">
        <v>8</v>
      </c>
      <c r="AF20" s="281">
        <v>1</v>
      </c>
      <c r="AG20" s="281">
        <v>0</v>
      </c>
      <c r="AH20" s="278">
        <v>34</v>
      </c>
      <c r="AI20" s="283">
        <v>34</v>
      </c>
      <c r="AJ20" s="277">
        <v>0</v>
      </c>
      <c r="AK20" s="281">
        <v>0</v>
      </c>
      <c r="AL20" s="278">
        <v>0</v>
      </c>
      <c r="AM20" s="280">
        <v>0</v>
      </c>
      <c r="AN20" s="281">
        <v>0</v>
      </c>
      <c r="AO20" s="281">
        <v>0</v>
      </c>
      <c r="AP20" s="281">
        <v>3</v>
      </c>
      <c r="AQ20" s="281">
        <v>0</v>
      </c>
      <c r="AR20" s="281">
        <v>0</v>
      </c>
      <c r="AS20" s="278">
        <v>3</v>
      </c>
      <c r="AT20" s="283">
        <v>3</v>
      </c>
      <c r="AU20" s="277">
        <v>0</v>
      </c>
      <c r="AV20" s="281">
        <v>0</v>
      </c>
      <c r="AW20" s="278">
        <v>0</v>
      </c>
      <c r="AX20" s="280">
        <v>0</v>
      </c>
      <c r="AY20" s="281">
        <v>2</v>
      </c>
      <c r="AZ20" s="281">
        <v>1</v>
      </c>
      <c r="BA20" s="281">
        <v>0</v>
      </c>
      <c r="BB20" s="281">
        <v>2</v>
      </c>
      <c r="BC20" s="281">
        <v>1</v>
      </c>
      <c r="BD20" s="278">
        <v>6</v>
      </c>
      <c r="BE20" s="283">
        <v>6</v>
      </c>
      <c r="BF20" s="277">
        <v>0</v>
      </c>
      <c r="BG20" s="281">
        <v>0</v>
      </c>
      <c r="BH20" s="278">
        <v>0</v>
      </c>
      <c r="BI20" s="280">
        <v>0</v>
      </c>
      <c r="BJ20" s="281">
        <v>0</v>
      </c>
      <c r="BK20" s="281">
        <v>1</v>
      </c>
      <c r="BL20" s="281">
        <v>2</v>
      </c>
      <c r="BM20" s="281">
        <v>0</v>
      </c>
      <c r="BN20" s="281">
        <v>2</v>
      </c>
      <c r="BO20" s="282">
        <v>5</v>
      </c>
      <c r="BP20" s="283">
        <v>5</v>
      </c>
      <c r="BQ20" s="277">
        <v>0</v>
      </c>
      <c r="BR20" s="281">
        <v>0</v>
      </c>
      <c r="BS20" s="278">
        <v>0</v>
      </c>
      <c r="BT20" s="280">
        <v>0</v>
      </c>
      <c r="BU20" s="281">
        <v>0</v>
      </c>
      <c r="BV20" s="281">
        <v>0</v>
      </c>
      <c r="BW20" s="281">
        <v>0</v>
      </c>
      <c r="BX20" s="281">
        <v>0</v>
      </c>
      <c r="BY20" s="281">
        <v>0</v>
      </c>
      <c r="BZ20" s="278">
        <v>0</v>
      </c>
      <c r="CA20" s="283">
        <v>0</v>
      </c>
      <c r="CB20" s="277">
        <v>0</v>
      </c>
      <c r="CC20" s="281">
        <v>0</v>
      </c>
      <c r="CD20" s="278">
        <v>0</v>
      </c>
      <c r="CE20" s="280">
        <v>0</v>
      </c>
      <c r="CF20" s="281">
        <v>0</v>
      </c>
      <c r="CG20" s="281">
        <v>0</v>
      </c>
      <c r="CH20" s="281">
        <v>0</v>
      </c>
      <c r="CI20" s="281">
        <v>1</v>
      </c>
      <c r="CJ20" s="281">
        <v>0</v>
      </c>
      <c r="CK20" s="278">
        <v>1</v>
      </c>
      <c r="CL20" s="283">
        <v>1</v>
      </c>
      <c r="CM20" s="277">
        <v>0</v>
      </c>
      <c r="CN20" s="281">
        <v>0</v>
      </c>
      <c r="CO20" s="278">
        <v>0</v>
      </c>
      <c r="CP20" s="280">
        <v>0</v>
      </c>
      <c r="CQ20" s="281">
        <v>0</v>
      </c>
      <c r="CR20" s="281">
        <v>0</v>
      </c>
      <c r="CS20" s="281">
        <v>1</v>
      </c>
      <c r="CT20" s="281">
        <v>1</v>
      </c>
      <c r="CU20" s="281">
        <v>2</v>
      </c>
      <c r="CV20" s="278">
        <v>4</v>
      </c>
      <c r="CW20" s="283">
        <v>4</v>
      </c>
    </row>
    <row r="21" spans="2:101" ht="21" customHeight="1" x14ac:dyDescent="0.2">
      <c r="B21" s="262" t="s">
        <v>19</v>
      </c>
      <c r="C21" s="277">
        <v>0</v>
      </c>
      <c r="D21" s="278">
        <v>0</v>
      </c>
      <c r="E21" s="279">
        <v>0</v>
      </c>
      <c r="F21" s="280">
        <v>0</v>
      </c>
      <c r="G21" s="281">
        <v>0</v>
      </c>
      <c r="H21" s="281">
        <v>0</v>
      </c>
      <c r="I21" s="281">
        <v>1</v>
      </c>
      <c r="J21" s="281">
        <v>2</v>
      </c>
      <c r="K21" s="281">
        <v>0</v>
      </c>
      <c r="L21" s="282">
        <v>3</v>
      </c>
      <c r="M21" s="283">
        <v>3</v>
      </c>
      <c r="N21" s="277">
        <v>0</v>
      </c>
      <c r="O21" s="281">
        <v>0</v>
      </c>
      <c r="P21" s="278">
        <v>0</v>
      </c>
      <c r="Q21" s="280">
        <v>0</v>
      </c>
      <c r="R21" s="281">
        <v>0</v>
      </c>
      <c r="S21" s="281">
        <v>0</v>
      </c>
      <c r="T21" s="281">
        <v>0</v>
      </c>
      <c r="U21" s="281">
        <v>1</v>
      </c>
      <c r="V21" s="281">
        <v>0</v>
      </c>
      <c r="W21" s="278">
        <v>1</v>
      </c>
      <c r="X21" s="283">
        <v>1</v>
      </c>
      <c r="Y21" s="277">
        <v>0</v>
      </c>
      <c r="Z21" s="281">
        <v>0</v>
      </c>
      <c r="AA21" s="278">
        <v>0</v>
      </c>
      <c r="AB21" s="280">
        <v>0</v>
      </c>
      <c r="AC21" s="281">
        <v>10</v>
      </c>
      <c r="AD21" s="281">
        <v>6</v>
      </c>
      <c r="AE21" s="281">
        <v>2</v>
      </c>
      <c r="AF21" s="281">
        <v>1</v>
      </c>
      <c r="AG21" s="281">
        <v>0</v>
      </c>
      <c r="AH21" s="278">
        <v>19</v>
      </c>
      <c r="AI21" s="283">
        <v>19</v>
      </c>
      <c r="AJ21" s="277">
        <v>0</v>
      </c>
      <c r="AK21" s="281">
        <v>0</v>
      </c>
      <c r="AL21" s="278">
        <v>0</v>
      </c>
      <c r="AM21" s="280">
        <v>0</v>
      </c>
      <c r="AN21" s="281">
        <v>1</v>
      </c>
      <c r="AO21" s="281">
        <v>3</v>
      </c>
      <c r="AP21" s="281">
        <v>0</v>
      </c>
      <c r="AQ21" s="281">
        <v>0</v>
      </c>
      <c r="AR21" s="281">
        <v>0</v>
      </c>
      <c r="AS21" s="278">
        <v>4</v>
      </c>
      <c r="AT21" s="283">
        <v>4</v>
      </c>
      <c r="AU21" s="277">
        <v>0</v>
      </c>
      <c r="AV21" s="281">
        <v>0</v>
      </c>
      <c r="AW21" s="278">
        <v>0</v>
      </c>
      <c r="AX21" s="280">
        <v>0</v>
      </c>
      <c r="AY21" s="281">
        <v>1</v>
      </c>
      <c r="AZ21" s="281">
        <v>1</v>
      </c>
      <c r="BA21" s="281">
        <v>1</v>
      </c>
      <c r="BB21" s="281">
        <v>2</v>
      </c>
      <c r="BC21" s="281">
        <v>1</v>
      </c>
      <c r="BD21" s="278">
        <v>6</v>
      </c>
      <c r="BE21" s="283">
        <v>6</v>
      </c>
      <c r="BF21" s="277">
        <v>0</v>
      </c>
      <c r="BG21" s="281">
        <v>0</v>
      </c>
      <c r="BH21" s="278">
        <v>0</v>
      </c>
      <c r="BI21" s="280">
        <v>0</v>
      </c>
      <c r="BJ21" s="281">
        <v>0</v>
      </c>
      <c r="BK21" s="281">
        <v>2</v>
      </c>
      <c r="BL21" s="281">
        <v>0</v>
      </c>
      <c r="BM21" s="281">
        <v>0</v>
      </c>
      <c r="BN21" s="281">
        <v>0</v>
      </c>
      <c r="BO21" s="282">
        <v>2</v>
      </c>
      <c r="BP21" s="283">
        <v>2</v>
      </c>
      <c r="BQ21" s="277">
        <v>0</v>
      </c>
      <c r="BR21" s="281">
        <v>0</v>
      </c>
      <c r="BS21" s="278">
        <v>0</v>
      </c>
      <c r="BT21" s="280">
        <v>0</v>
      </c>
      <c r="BU21" s="281">
        <v>0</v>
      </c>
      <c r="BV21" s="281">
        <v>0</v>
      </c>
      <c r="BW21" s="281">
        <v>0</v>
      </c>
      <c r="BX21" s="281">
        <v>0</v>
      </c>
      <c r="BY21" s="281">
        <v>0</v>
      </c>
      <c r="BZ21" s="278">
        <v>0</v>
      </c>
      <c r="CA21" s="283">
        <v>0</v>
      </c>
      <c r="CB21" s="277">
        <v>0</v>
      </c>
      <c r="CC21" s="281">
        <v>0</v>
      </c>
      <c r="CD21" s="278">
        <v>0</v>
      </c>
      <c r="CE21" s="280">
        <v>0</v>
      </c>
      <c r="CF21" s="281">
        <v>0</v>
      </c>
      <c r="CG21" s="281">
        <v>0</v>
      </c>
      <c r="CH21" s="281">
        <v>0</v>
      </c>
      <c r="CI21" s="281">
        <v>0</v>
      </c>
      <c r="CJ21" s="281">
        <v>0</v>
      </c>
      <c r="CK21" s="278">
        <v>0</v>
      </c>
      <c r="CL21" s="283">
        <v>0</v>
      </c>
      <c r="CM21" s="277">
        <v>0</v>
      </c>
      <c r="CN21" s="281">
        <v>0</v>
      </c>
      <c r="CO21" s="278">
        <v>0</v>
      </c>
      <c r="CP21" s="280">
        <v>0</v>
      </c>
      <c r="CQ21" s="281">
        <v>0</v>
      </c>
      <c r="CR21" s="281">
        <v>0</v>
      </c>
      <c r="CS21" s="281">
        <v>0</v>
      </c>
      <c r="CT21" s="281">
        <v>1</v>
      </c>
      <c r="CU21" s="281">
        <v>0</v>
      </c>
      <c r="CV21" s="278">
        <v>1</v>
      </c>
      <c r="CW21" s="283">
        <v>1</v>
      </c>
    </row>
    <row r="22" spans="2:101" ht="21" customHeight="1" x14ac:dyDescent="0.2">
      <c r="B22" s="262" t="s">
        <v>20</v>
      </c>
      <c r="C22" s="277">
        <v>0</v>
      </c>
      <c r="D22" s="278">
        <v>0</v>
      </c>
      <c r="E22" s="279">
        <v>0</v>
      </c>
      <c r="F22" s="280">
        <v>0</v>
      </c>
      <c r="G22" s="281">
        <v>0</v>
      </c>
      <c r="H22" s="281">
        <v>0</v>
      </c>
      <c r="I22" s="281">
        <v>0</v>
      </c>
      <c r="J22" s="281">
        <v>0</v>
      </c>
      <c r="K22" s="281">
        <v>0</v>
      </c>
      <c r="L22" s="282">
        <v>0</v>
      </c>
      <c r="M22" s="283">
        <v>0</v>
      </c>
      <c r="N22" s="277">
        <v>0</v>
      </c>
      <c r="O22" s="281">
        <v>0</v>
      </c>
      <c r="P22" s="278">
        <v>0</v>
      </c>
      <c r="Q22" s="280">
        <v>0</v>
      </c>
      <c r="R22" s="281">
        <v>0</v>
      </c>
      <c r="S22" s="281">
        <v>0</v>
      </c>
      <c r="T22" s="281">
        <v>0</v>
      </c>
      <c r="U22" s="281">
        <v>0</v>
      </c>
      <c r="V22" s="281">
        <v>0</v>
      </c>
      <c r="W22" s="278">
        <v>0</v>
      </c>
      <c r="X22" s="283">
        <v>0</v>
      </c>
      <c r="Y22" s="277">
        <v>0</v>
      </c>
      <c r="Z22" s="281">
        <v>0</v>
      </c>
      <c r="AA22" s="278">
        <v>0</v>
      </c>
      <c r="AB22" s="280">
        <v>0</v>
      </c>
      <c r="AC22" s="281">
        <v>11</v>
      </c>
      <c r="AD22" s="281">
        <v>6</v>
      </c>
      <c r="AE22" s="281">
        <v>0</v>
      </c>
      <c r="AF22" s="281">
        <v>1</v>
      </c>
      <c r="AG22" s="281">
        <v>0</v>
      </c>
      <c r="AH22" s="278">
        <v>18</v>
      </c>
      <c r="AI22" s="283">
        <v>18</v>
      </c>
      <c r="AJ22" s="277">
        <v>0</v>
      </c>
      <c r="AK22" s="281">
        <v>0</v>
      </c>
      <c r="AL22" s="278">
        <v>0</v>
      </c>
      <c r="AM22" s="280">
        <v>0</v>
      </c>
      <c r="AN22" s="281">
        <v>1</v>
      </c>
      <c r="AO22" s="281">
        <v>0</v>
      </c>
      <c r="AP22" s="281">
        <v>0</v>
      </c>
      <c r="AQ22" s="281">
        <v>0</v>
      </c>
      <c r="AR22" s="281">
        <v>0</v>
      </c>
      <c r="AS22" s="278">
        <v>1</v>
      </c>
      <c r="AT22" s="283">
        <v>1</v>
      </c>
      <c r="AU22" s="277">
        <v>0</v>
      </c>
      <c r="AV22" s="281">
        <v>0</v>
      </c>
      <c r="AW22" s="278">
        <v>0</v>
      </c>
      <c r="AX22" s="280">
        <v>0</v>
      </c>
      <c r="AY22" s="281">
        <v>0</v>
      </c>
      <c r="AZ22" s="281">
        <v>1</v>
      </c>
      <c r="BA22" s="281">
        <v>1</v>
      </c>
      <c r="BB22" s="281">
        <v>0</v>
      </c>
      <c r="BC22" s="281">
        <v>0</v>
      </c>
      <c r="BD22" s="278">
        <v>2</v>
      </c>
      <c r="BE22" s="283">
        <v>2</v>
      </c>
      <c r="BF22" s="277">
        <v>0</v>
      </c>
      <c r="BG22" s="281">
        <v>0</v>
      </c>
      <c r="BH22" s="278">
        <v>0</v>
      </c>
      <c r="BI22" s="280">
        <v>0</v>
      </c>
      <c r="BJ22" s="281">
        <v>2</v>
      </c>
      <c r="BK22" s="281">
        <v>1</v>
      </c>
      <c r="BL22" s="281">
        <v>1</v>
      </c>
      <c r="BM22" s="281">
        <v>1</v>
      </c>
      <c r="BN22" s="281">
        <v>0</v>
      </c>
      <c r="BO22" s="282">
        <v>5</v>
      </c>
      <c r="BP22" s="283">
        <v>5</v>
      </c>
      <c r="BQ22" s="277">
        <v>0</v>
      </c>
      <c r="BR22" s="281">
        <v>0</v>
      </c>
      <c r="BS22" s="278">
        <v>0</v>
      </c>
      <c r="BT22" s="280">
        <v>0</v>
      </c>
      <c r="BU22" s="281">
        <v>0</v>
      </c>
      <c r="BV22" s="281">
        <v>0</v>
      </c>
      <c r="BW22" s="281">
        <v>0</v>
      </c>
      <c r="BX22" s="281">
        <v>0</v>
      </c>
      <c r="BY22" s="281">
        <v>0</v>
      </c>
      <c r="BZ22" s="278">
        <v>0</v>
      </c>
      <c r="CA22" s="283">
        <v>0</v>
      </c>
      <c r="CB22" s="277">
        <v>0</v>
      </c>
      <c r="CC22" s="281">
        <v>0</v>
      </c>
      <c r="CD22" s="278">
        <v>0</v>
      </c>
      <c r="CE22" s="280">
        <v>0</v>
      </c>
      <c r="CF22" s="281">
        <v>0</v>
      </c>
      <c r="CG22" s="281">
        <v>0</v>
      </c>
      <c r="CH22" s="281">
        <v>0</v>
      </c>
      <c r="CI22" s="281">
        <v>0</v>
      </c>
      <c r="CJ22" s="281">
        <v>0</v>
      </c>
      <c r="CK22" s="278">
        <v>0</v>
      </c>
      <c r="CL22" s="283">
        <v>0</v>
      </c>
      <c r="CM22" s="277">
        <v>0</v>
      </c>
      <c r="CN22" s="281">
        <v>0</v>
      </c>
      <c r="CO22" s="278">
        <v>0</v>
      </c>
      <c r="CP22" s="280">
        <v>0</v>
      </c>
      <c r="CQ22" s="281">
        <v>0</v>
      </c>
      <c r="CR22" s="281">
        <v>0</v>
      </c>
      <c r="CS22" s="281">
        <v>0</v>
      </c>
      <c r="CT22" s="281">
        <v>0</v>
      </c>
      <c r="CU22" s="281">
        <v>0</v>
      </c>
      <c r="CV22" s="278">
        <v>0</v>
      </c>
      <c r="CW22" s="283">
        <v>0</v>
      </c>
    </row>
    <row r="23" spans="2:101" ht="21" customHeight="1" x14ac:dyDescent="0.2">
      <c r="B23" s="262" t="s">
        <v>21</v>
      </c>
      <c r="C23" s="277">
        <v>0</v>
      </c>
      <c r="D23" s="278">
        <v>0</v>
      </c>
      <c r="E23" s="279">
        <v>0</v>
      </c>
      <c r="F23" s="280">
        <v>0</v>
      </c>
      <c r="G23" s="281">
        <v>0</v>
      </c>
      <c r="H23" s="281">
        <v>0</v>
      </c>
      <c r="I23" s="281">
        <v>0</v>
      </c>
      <c r="J23" s="281">
        <v>0</v>
      </c>
      <c r="K23" s="281">
        <v>0</v>
      </c>
      <c r="L23" s="282">
        <v>0</v>
      </c>
      <c r="M23" s="283">
        <v>0</v>
      </c>
      <c r="N23" s="277">
        <v>0</v>
      </c>
      <c r="O23" s="281">
        <v>0</v>
      </c>
      <c r="P23" s="278">
        <v>0</v>
      </c>
      <c r="Q23" s="280">
        <v>0</v>
      </c>
      <c r="R23" s="281">
        <v>0</v>
      </c>
      <c r="S23" s="281">
        <v>0</v>
      </c>
      <c r="T23" s="281">
        <v>0</v>
      </c>
      <c r="U23" s="281">
        <v>0</v>
      </c>
      <c r="V23" s="281">
        <v>0</v>
      </c>
      <c r="W23" s="278">
        <v>0</v>
      </c>
      <c r="X23" s="283">
        <v>0</v>
      </c>
      <c r="Y23" s="277">
        <v>0</v>
      </c>
      <c r="Z23" s="281">
        <v>0</v>
      </c>
      <c r="AA23" s="278">
        <v>0</v>
      </c>
      <c r="AB23" s="280">
        <v>0</v>
      </c>
      <c r="AC23" s="281">
        <v>12</v>
      </c>
      <c r="AD23" s="281">
        <v>4</v>
      </c>
      <c r="AE23" s="281">
        <v>2</v>
      </c>
      <c r="AF23" s="281">
        <v>0</v>
      </c>
      <c r="AG23" s="281">
        <v>0</v>
      </c>
      <c r="AH23" s="278">
        <v>18</v>
      </c>
      <c r="AI23" s="283">
        <v>18</v>
      </c>
      <c r="AJ23" s="277">
        <v>0</v>
      </c>
      <c r="AK23" s="281">
        <v>0</v>
      </c>
      <c r="AL23" s="278">
        <v>0</v>
      </c>
      <c r="AM23" s="280">
        <v>0</v>
      </c>
      <c r="AN23" s="281">
        <v>0</v>
      </c>
      <c r="AO23" s="281">
        <v>0</v>
      </c>
      <c r="AP23" s="281">
        <v>0</v>
      </c>
      <c r="AQ23" s="281">
        <v>0</v>
      </c>
      <c r="AR23" s="281">
        <v>0</v>
      </c>
      <c r="AS23" s="278">
        <v>0</v>
      </c>
      <c r="AT23" s="283">
        <v>0</v>
      </c>
      <c r="AU23" s="277">
        <v>0</v>
      </c>
      <c r="AV23" s="281">
        <v>0</v>
      </c>
      <c r="AW23" s="278">
        <v>0</v>
      </c>
      <c r="AX23" s="280">
        <v>0</v>
      </c>
      <c r="AY23" s="281">
        <v>1</v>
      </c>
      <c r="AZ23" s="281">
        <v>0</v>
      </c>
      <c r="BA23" s="281">
        <v>1</v>
      </c>
      <c r="BB23" s="281">
        <v>1</v>
      </c>
      <c r="BC23" s="281">
        <v>0</v>
      </c>
      <c r="BD23" s="278">
        <v>3</v>
      </c>
      <c r="BE23" s="283">
        <v>3</v>
      </c>
      <c r="BF23" s="277">
        <v>0</v>
      </c>
      <c r="BG23" s="281">
        <v>0</v>
      </c>
      <c r="BH23" s="278">
        <v>0</v>
      </c>
      <c r="BI23" s="280">
        <v>0</v>
      </c>
      <c r="BJ23" s="281">
        <v>1</v>
      </c>
      <c r="BK23" s="281">
        <v>1</v>
      </c>
      <c r="BL23" s="281">
        <v>0</v>
      </c>
      <c r="BM23" s="281">
        <v>1</v>
      </c>
      <c r="BN23" s="281">
        <v>0</v>
      </c>
      <c r="BO23" s="282">
        <v>3</v>
      </c>
      <c r="BP23" s="283">
        <v>3</v>
      </c>
      <c r="BQ23" s="277">
        <v>0</v>
      </c>
      <c r="BR23" s="281">
        <v>0</v>
      </c>
      <c r="BS23" s="278">
        <v>0</v>
      </c>
      <c r="BT23" s="280">
        <v>0</v>
      </c>
      <c r="BU23" s="281">
        <v>0</v>
      </c>
      <c r="BV23" s="281">
        <v>0</v>
      </c>
      <c r="BW23" s="281">
        <v>0</v>
      </c>
      <c r="BX23" s="281">
        <v>0</v>
      </c>
      <c r="BY23" s="281">
        <v>0</v>
      </c>
      <c r="BZ23" s="278">
        <v>0</v>
      </c>
      <c r="CA23" s="283">
        <v>0</v>
      </c>
      <c r="CB23" s="277">
        <v>0</v>
      </c>
      <c r="CC23" s="281">
        <v>0</v>
      </c>
      <c r="CD23" s="278">
        <v>0</v>
      </c>
      <c r="CE23" s="280">
        <v>0</v>
      </c>
      <c r="CF23" s="281">
        <v>0</v>
      </c>
      <c r="CG23" s="281">
        <v>0</v>
      </c>
      <c r="CH23" s="281">
        <v>0</v>
      </c>
      <c r="CI23" s="281">
        <v>0</v>
      </c>
      <c r="CJ23" s="281">
        <v>0</v>
      </c>
      <c r="CK23" s="278">
        <v>0</v>
      </c>
      <c r="CL23" s="283">
        <v>0</v>
      </c>
      <c r="CM23" s="277">
        <v>0</v>
      </c>
      <c r="CN23" s="281">
        <v>0</v>
      </c>
      <c r="CO23" s="278">
        <v>0</v>
      </c>
      <c r="CP23" s="280">
        <v>0</v>
      </c>
      <c r="CQ23" s="281">
        <v>0</v>
      </c>
      <c r="CR23" s="281">
        <v>0</v>
      </c>
      <c r="CS23" s="281">
        <v>0</v>
      </c>
      <c r="CT23" s="281">
        <v>0</v>
      </c>
      <c r="CU23" s="281">
        <v>0</v>
      </c>
      <c r="CV23" s="278">
        <v>0</v>
      </c>
      <c r="CW23" s="283">
        <v>0</v>
      </c>
    </row>
    <row r="24" spans="2:101" ht="21" customHeight="1" x14ac:dyDescent="0.2">
      <c r="B24" s="262" t="s">
        <v>22</v>
      </c>
      <c r="C24" s="277">
        <v>0</v>
      </c>
      <c r="D24" s="278">
        <v>0</v>
      </c>
      <c r="E24" s="279">
        <v>0</v>
      </c>
      <c r="F24" s="280">
        <v>0</v>
      </c>
      <c r="G24" s="281">
        <v>3</v>
      </c>
      <c r="H24" s="281">
        <v>1</v>
      </c>
      <c r="I24" s="281">
        <v>0</v>
      </c>
      <c r="J24" s="281">
        <v>0</v>
      </c>
      <c r="K24" s="281">
        <v>0</v>
      </c>
      <c r="L24" s="282">
        <v>4</v>
      </c>
      <c r="M24" s="283">
        <v>4</v>
      </c>
      <c r="N24" s="277">
        <v>0</v>
      </c>
      <c r="O24" s="281">
        <v>0</v>
      </c>
      <c r="P24" s="278">
        <v>0</v>
      </c>
      <c r="Q24" s="280">
        <v>0</v>
      </c>
      <c r="R24" s="281">
        <v>0</v>
      </c>
      <c r="S24" s="281">
        <v>0</v>
      </c>
      <c r="T24" s="281">
        <v>0</v>
      </c>
      <c r="U24" s="281">
        <v>0</v>
      </c>
      <c r="V24" s="281">
        <v>0</v>
      </c>
      <c r="W24" s="278">
        <v>0</v>
      </c>
      <c r="X24" s="283">
        <v>0</v>
      </c>
      <c r="Y24" s="277">
        <v>0</v>
      </c>
      <c r="Z24" s="281">
        <v>0</v>
      </c>
      <c r="AA24" s="278">
        <v>0</v>
      </c>
      <c r="AB24" s="280">
        <v>0</v>
      </c>
      <c r="AC24" s="281">
        <v>12</v>
      </c>
      <c r="AD24" s="281">
        <v>3</v>
      </c>
      <c r="AE24" s="281">
        <v>0</v>
      </c>
      <c r="AF24" s="281">
        <v>0</v>
      </c>
      <c r="AG24" s="281">
        <v>0</v>
      </c>
      <c r="AH24" s="278">
        <v>15</v>
      </c>
      <c r="AI24" s="283">
        <v>15</v>
      </c>
      <c r="AJ24" s="277">
        <v>0</v>
      </c>
      <c r="AK24" s="281">
        <v>0</v>
      </c>
      <c r="AL24" s="278">
        <v>0</v>
      </c>
      <c r="AM24" s="280">
        <v>0</v>
      </c>
      <c r="AN24" s="281">
        <v>0</v>
      </c>
      <c r="AO24" s="281">
        <v>0</v>
      </c>
      <c r="AP24" s="281">
        <v>1</v>
      </c>
      <c r="AQ24" s="281">
        <v>0</v>
      </c>
      <c r="AR24" s="281">
        <v>0</v>
      </c>
      <c r="AS24" s="278">
        <v>1</v>
      </c>
      <c r="AT24" s="283">
        <v>1</v>
      </c>
      <c r="AU24" s="277">
        <v>1</v>
      </c>
      <c r="AV24" s="281">
        <v>0</v>
      </c>
      <c r="AW24" s="278">
        <v>1</v>
      </c>
      <c r="AX24" s="280">
        <v>0</v>
      </c>
      <c r="AY24" s="281">
        <v>0</v>
      </c>
      <c r="AZ24" s="281">
        <v>1</v>
      </c>
      <c r="BA24" s="281">
        <v>0</v>
      </c>
      <c r="BB24" s="281">
        <v>0</v>
      </c>
      <c r="BC24" s="281">
        <v>0</v>
      </c>
      <c r="BD24" s="278">
        <v>1</v>
      </c>
      <c r="BE24" s="283">
        <v>2</v>
      </c>
      <c r="BF24" s="277">
        <v>0</v>
      </c>
      <c r="BG24" s="281">
        <v>0</v>
      </c>
      <c r="BH24" s="278">
        <v>0</v>
      </c>
      <c r="BI24" s="280">
        <v>0</v>
      </c>
      <c r="BJ24" s="281">
        <v>0</v>
      </c>
      <c r="BK24" s="281">
        <v>0</v>
      </c>
      <c r="BL24" s="281">
        <v>1</v>
      </c>
      <c r="BM24" s="281">
        <v>1</v>
      </c>
      <c r="BN24" s="281">
        <v>0</v>
      </c>
      <c r="BO24" s="282">
        <v>2</v>
      </c>
      <c r="BP24" s="283">
        <v>2</v>
      </c>
      <c r="BQ24" s="277">
        <v>0</v>
      </c>
      <c r="BR24" s="281">
        <v>0</v>
      </c>
      <c r="BS24" s="278">
        <v>0</v>
      </c>
      <c r="BT24" s="280">
        <v>0</v>
      </c>
      <c r="BU24" s="281">
        <v>0</v>
      </c>
      <c r="BV24" s="281">
        <v>0</v>
      </c>
      <c r="BW24" s="281">
        <v>0</v>
      </c>
      <c r="BX24" s="281">
        <v>0</v>
      </c>
      <c r="BY24" s="281">
        <v>0</v>
      </c>
      <c r="BZ24" s="278">
        <v>0</v>
      </c>
      <c r="CA24" s="283">
        <v>0</v>
      </c>
      <c r="CB24" s="277">
        <v>0</v>
      </c>
      <c r="CC24" s="281">
        <v>0</v>
      </c>
      <c r="CD24" s="278">
        <v>0</v>
      </c>
      <c r="CE24" s="280">
        <v>0</v>
      </c>
      <c r="CF24" s="281">
        <v>0</v>
      </c>
      <c r="CG24" s="281">
        <v>0</v>
      </c>
      <c r="CH24" s="281">
        <v>0</v>
      </c>
      <c r="CI24" s="281">
        <v>2</v>
      </c>
      <c r="CJ24" s="281">
        <v>0</v>
      </c>
      <c r="CK24" s="278">
        <v>2</v>
      </c>
      <c r="CL24" s="283">
        <v>2</v>
      </c>
      <c r="CM24" s="277">
        <v>0</v>
      </c>
      <c r="CN24" s="281">
        <v>0</v>
      </c>
      <c r="CO24" s="278">
        <v>0</v>
      </c>
      <c r="CP24" s="280">
        <v>0</v>
      </c>
      <c r="CQ24" s="281">
        <v>0</v>
      </c>
      <c r="CR24" s="281">
        <v>0</v>
      </c>
      <c r="CS24" s="281">
        <v>0</v>
      </c>
      <c r="CT24" s="281">
        <v>0</v>
      </c>
      <c r="CU24" s="281">
        <v>0</v>
      </c>
      <c r="CV24" s="278">
        <v>0</v>
      </c>
      <c r="CW24" s="283">
        <v>0</v>
      </c>
    </row>
    <row r="25" spans="2:101" ht="21" customHeight="1" x14ac:dyDescent="0.2">
      <c r="B25" s="262" t="s">
        <v>23</v>
      </c>
      <c r="C25" s="277">
        <v>0</v>
      </c>
      <c r="D25" s="278">
        <v>0</v>
      </c>
      <c r="E25" s="279">
        <v>0</v>
      </c>
      <c r="F25" s="280">
        <v>0</v>
      </c>
      <c r="G25" s="281">
        <v>0</v>
      </c>
      <c r="H25" s="281">
        <v>0</v>
      </c>
      <c r="I25" s="281">
        <v>0</v>
      </c>
      <c r="J25" s="281">
        <v>0</v>
      </c>
      <c r="K25" s="281">
        <v>0</v>
      </c>
      <c r="L25" s="282">
        <v>0</v>
      </c>
      <c r="M25" s="283">
        <v>0</v>
      </c>
      <c r="N25" s="277">
        <v>0</v>
      </c>
      <c r="O25" s="281">
        <v>0</v>
      </c>
      <c r="P25" s="278">
        <v>0</v>
      </c>
      <c r="Q25" s="280">
        <v>0</v>
      </c>
      <c r="R25" s="281">
        <v>0</v>
      </c>
      <c r="S25" s="281">
        <v>0</v>
      </c>
      <c r="T25" s="281">
        <v>0</v>
      </c>
      <c r="U25" s="281">
        <v>0</v>
      </c>
      <c r="V25" s="281">
        <v>0</v>
      </c>
      <c r="W25" s="278">
        <v>0</v>
      </c>
      <c r="X25" s="283">
        <v>0</v>
      </c>
      <c r="Y25" s="277">
        <v>0</v>
      </c>
      <c r="Z25" s="281">
        <v>0</v>
      </c>
      <c r="AA25" s="278">
        <v>0</v>
      </c>
      <c r="AB25" s="280">
        <v>0</v>
      </c>
      <c r="AC25" s="281">
        <v>2</v>
      </c>
      <c r="AD25" s="281">
        <v>1</v>
      </c>
      <c r="AE25" s="281">
        <v>0</v>
      </c>
      <c r="AF25" s="281">
        <v>0</v>
      </c>
      <c r="AG25" s="281">
        <v>1</v>
      </c>
      <c r="AH25" s="278">
        <v>4</v>
      </c>
      <c r="AI25" s="283">
        <v>4</v>
      </c>
      <c r="AJ25" s="277">
        <v>0</v>
      </c>
      <c r="AK25" s="281">
        <v>0</v>
      </c>
      <c r="AL25" s="278">
        <v>0</v>
      </c>
      <c r="AM25" s="280">
        <v>0</v>
      </c>
      <c r="AN25" s="281">
        <v>0</v>
      </c>
      <c r="AO25" s="281">
        <v>0</v>
      </c>
      <c r="AP25" s="281">
        <v>0</v>
      </c>
      <c r="AQ25" s="281">
        <v>0</v>
      </c>
      <c r="AR25" s="281">
        <v>0</v>
      </c>
      <c r="AS25" s="278">
        <v>0</v>
      </c>
      <c r="AT25" s="283">
        <v>0</v>
      </c>
      <c r="AU25" s="277">
        <v>0</v>
      </c>
      <c r="AV25" s="281">
        <v>0</v>
      </c>
      <c r="AW25" s="278">
        <v>0</v>
      </c>
      <c r="AX25" s="280">
        <v>0</v>
      </c>
      <c r="AY25" s="281">
        <v>0</v>
      </c>
      <c r="AZ25" s="281">
        <v>0</v>
      </c>
      <c r="BA25" s="281">
        <v>0</v>
      </c>
      <c r="BB25" s="281">
        <v>0</v>
      </c>
      <c r="BC25" s="281">
        <v>0</v>
      </c>
      <c r="BD25" s="278">
        <v>0</v>
      </c>
      <c r="BE25" s="283">
        <v>0</v>
      </c>
      <c r="BF25" s="277">
        <v>0</v>
      </c>
      <c r="BG25" s="281">
        <v>0</v>
      </c>
      <c r="BH25" s="278">
        <v>0</v>
      </c>
      <c r="BI25" s="280">
        <v>0</v>
      </c>
      <c r="BJ25" s="281">
        <v>0</v>
      </c>
      <c r="BK25" s="281">
        <v>0</v>
      </c>
      <c r="BL25" s="281">
        <v>1</v>
      </c>
      <c r="BM25" s="281">
        <v>0</v>
      </c>
      <c r="BN25" s="281">
        <v>0</v>
      </c>
      <c r="BO25" s="282">
        <v>1</v>
      </c>
      <c r="BP25" s="283">
        <v>1</v>
      </c>
      <c r="BQ25" s="277">
        <v>0</v>
      </c>
      <c r="BR25" s="281">
        <v>0</v>
      </c>
      <c r="BS25" s="278">
        <v>0</v>
      </c>
      <c r="BT25" s="280">
        <v>0</v>
      </c>
      <c r="BU25" s="281">
        <v>0</v>
      </c>
      <c r="BV25" s="281">
        <v>0</v>
      </c>
      <c r="BW25" s="281">
        <v>0</v>
      </c>
      <c r="BX25" s="281">
        <v>0</v>
      </c>
      <c r="BY25" s="281">
        <v>0</v>
      </c>
      <c r="BZ25" s="278">
        <v>0</v>
      </c>
      <c r="CA25" s="283">
        <v>0</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0</v>
      </c>
      <c r="CT25" s="281">
        <v>0</v>
      </c>
      <c r="CU25" s="281">
        <v>0</v>
      </c>
      <c r="CV25" s="278">
        <v>0</v>
      </c>
      <c r="CW25" s="283">
        <v>0</v>
      </c>
    </row>
    <row r="26" spans="2:101" ht="21" customHeight="1" x14ac:dyDescent="0.2">
      <c r="B26" s="262" t="s">
        <v>24</v>
      </c>
      <c r="C26" s="277">
        <v>0</v>
      </c>
      <c r="D26" s="278">
        <v>0</v>
      </c>
      <c r="E26" s="279">
        <v>0</v>
      </c>
      <c r="F26" s="280">
        <v>0</v>
      </c>
      <c r="G26" s="281">
        <v>0</v>
      </c>
      <c r="H26" s="281">
        <v>0</v>
      </c>
      <c r="I26" s="281">
        <v>0</v>
      </c>
      <c r="J26" s="281">
        <v>1</v>
      </c>
      <c r="K26" s="281">
        <v>0</v>
      </c>
      <c r="L26" s="282">
        <v>1</v>
      </c>
      <c r="M26" s="283">
        <v>1</v>
      </c>
      <c r="N26" s="277">
        <v>0</v>
      </c>
      <c r="O26" s="281">
        <v>0</v>
      </c>
      <c r="P26" s="278">
        <v>0</v>
      </c>
      <c r="Q26" s="280">
        <v>0</v>
      </c>
      <c r="R26" s="281">
        <v>0</v>
      </c>
      <c r="S26" s="281">
        <v>0</v>
      </c>
      <c r="T26" s="281">
        <v>0</v>
      </c>
      <c r="U26" s="281">
        <v>0</v>
      </c>
      <c r="V26" s="281">
        <v>0</v>
      </c>
      <c r="W26" s="278">
        <v>0</v>
      </c>
      <c r="X26" s="283">
        <v>0</v>
      </c>
      <c r="Y26" s="277">
        <v>0</v>
      </c>
      <c r="Z26" s="281">
        <v>0</v>
      </c>
      <c r="AA26" s="278">
        <v>0</v>
      </c>
      <c r="AB26" s="280">
        <v>0</v>
      </c>
      <c r="AC26" s="281">
        <v>0</v>
      </c>
      <c r="AD26" s="281">
        <v>1</v>
      </c>
      <c r="AE26" s="281">
        <v>2</v>
      </c>
      <c r="AF26" s="281">
        <v>0</v>
      </c>
      <c r="AG26" s="281">
        <v>0</v>
      </c>
      <c r="AH26" s="278">
        <v>3</v>
      </c>
      <c r="AI26" s="283">
        <v>3</v>
      </c>
      <c r="AJ26" s="277">
        <v>0</v>
      </c>
      <c r="AK26" s="281">
        <v>0</v>
      </c>
      <c r="AL26" s="278">
        <v>0</v>
      </c>
      <c r="AM26" s="280">
        <v>0</v>
      </c>
      <c r="AN26" s="281">
        <v>0</v>
      </c>
      <c r="AO26" s="281">
        <v>2</v>
      </c>
      <c r="AP26" s="281">
        <v>0</v>
      </c>
      <c r="AQ26" s="281">
        <v>0</v>
      </c>
      <c r="AR26" s="281">
        <v>1</v>
      </c>
      <c r="AS26" s="278">
        <v>3</v>
      </c>
      <c r="AT26" s="283">
        <v>3</v>
      </c>
      <c r="AU26" s="277">
        <v>1</v>
      </c>
      <c r="AV26" s="281">
        <v>1</v>
      </c>
      <c r="AW26" s="278">
        <v>2</v>
      </c>
      <c r="AX26" s="280">
        <v>0</v>
      </c>
      <c r="AY26" s="281">
        <v>4</v>
      </c>
      <c r="AZ26" s="281">
        <v>0</v>
      </c>
      <c r="BA26" s="281">
        <v>0</v>
      </c>
      <c r="BB26" s="281">
        <v>0</v>
      </c>
      <c r="BC26" s="281">
        <v>1</v>
      </c>
      <c r="BD26" s="278">
        <v>5</v>
      </c>
      <c r="BE26" s="283">
        <v>7</v>
      </c>
      <c r="BF26" s="277">
        <v>0</v>
      </c>
      <c r="BG26" s="281">
        <v>0</v>
      </c>
      <c r="BH26" s="278">
        <v>0</v>
      </c>
      <c r="BI26" s="280">
        <v>0</v>
      </c>
      <c r="BJ26" s="281">
        <v>0</v>
      </c>
      <c r="BK26" s="281">
        <v>0</v>
      </c>
      <c r="BL26" s="281">
        <v>1</v>
      </c>
      <c r="BM26" s="281">
        <v>1</v>
      </c>
      <c r="BN26" s="281">
        <v>1</v>
      </c>
      <c r="BO26" s="282">
        <v>3</v>
      </c>
      <c r="BP26" s="283">
        <v>3</v>
      </c>
      <c r="BQ26" s="277">
        <v>0</v>
      </c>
      <c r="BR26" s="281">
        <v>0</v>
      </c>
      <c r="BS26" s="278">
        <v>0</v>
      </c>
      <c r="BT26" s="280">
        <v>0</v>
      </c>
      <c r="BU26" s="281">
        <v>0</v>
      </c>
      <c r="BV26" s="281">
        <v>0</v>
      </c>
      <c r="BW26" s="281">
        <v>0</v>
      </c>
      <c r="BX26" s="281">
        <v>0</v>
      </c>
      <c r="BY26" s="281">
        <v>0</v>
      </c>
      <c r="BZ26" s="278">
        <v>0</v>
      </c>
      <c r="CA26" s="283">
        <v>0</v>
      </c>
      <c r="CB26" s="277">
        <v>0</v>
      </c>
      <c r="CC26" s="281">
        <v>0</v>
      </c>
      <c r="CD26" s="278">
        <v>0</v>
      </c>
      <c r="CE26" s="280">
        <v>0</v>
      </c>
      <c r="CF26" s="281">
        <v>0</v>
      </c>
      <c r="CG26" s="281">
        <v>0</v>
      </c>
      <c r="CH26" s="281">
        <v>0</v>
      </c>
      <c r="CI26" s="281">
        <v>0</v>
      </c>
      <c r="CJ26" s="281">
        <v>0</v>
      </c>
      <c r="CK26" s="278">
        <v>0</v>
      </c>
      <c r="CL26" s="283">
        <v>0</v>
      </c>
      <c r="CM26" s="277">
        <v>0</v>
      </c>
      <c r="CN26" s="281">
        <v>0</v>
      </c>
      <c r="CO26" s="278">
        <v>0</v>
      </c>
      <c r="CP26" s="280">
        <v>0</v>
      </c>
      <c r="CQ26" s="281">
        <v>0</v>
      </c>
      <c r="CR26" s="281">
        <v>0</v>
      </c>
      <c r="CS26" s="281">
        <v>0</v>
      </c>
      <c r="CT26" s="281">
        <v>0</v>
      </c>
      <c r="CU26" s="281">
        <v>0</v>
      </c>
      <c r="CV26" s="278">
        <v>0</v>
      </c>
      <c r="CW26" s="283">
        <v>0</v>
      </c>
    </row>
    <row r="27" spans="2:101" ht="21" customHeight="1" x14ac:dyDescent="0.2">
      <c r="B27" s="262" t="s">
        <v>25</v>
      </c>
      <c r="C27" s="277">
        <v>0</v>
      </c>
      <c r="D27" s="278">
        <v>0</v>
      </c>
      <c r="E27" s="279">
        <v>0</v>
      </c>
      <c r="F27" s="280">
        <v>0</v>
      </c>
      <c r="G27" s="281">
        <v>0</v>
      </c>
      <c r="H27" s="281">
        <v>0</v>
      </c>
      <c r="I27" s="281">
        <v>0</v>
      </c>
      <c r="J27" s="281">
        <v>0</v>
      </c>
      <c r="K27" s="281">
        <v>0</v>
      </c>
      <c r="L27" s="282">
        <v>0</v>
      </c>
      <c r="M27" s="283">
        <v>0</v>
      </c>
      <c r="N27" s="277">
        <v>0</v>
      </c>
      <c r="O27" s="281">
        <v>0</v>
      </c>
      <c r="P27" s="278">
        <v>0</v>
      </c>
      <c r="Q27" s="280">
        <v>0</v>
      </c>
      <c r="R27" s="281">
        <v>0</v>
      </c>
      <c r="S27" s="281">
        <v>0</v>
      </c>
      <c r="T27" s="281">
        <v>0</v>
      </c>
      <c r="U27" s="281">
        <v>0</v>
      </c>
      <c r="V27" s="281">
        <v>0</v>
      </c>
      <c r="W27" s="278">
        <v>0</v>
      </c>
      <c r="X27" s="283">
        <v>0</v>
      </c>
      <c r="Y27" s="277">
        <v>0</v>
      </c>
      <c r="Z27" s="281">
        <v>0</v>
      </c>
      <c r="AA27" s="278">
        <v>0</v>
      </c>
      <c r="AB27" s="280">
        <v>0</v>
      </c>
      <c r="AC27" s="281">
        <v>5</v>
      </c>
      <c r="AD27" s="281">
        <v>0</v>
      </c>
      <c r="AE27" s="281">
        <v>0</v>
      </c>
      <c r="AF27" s="281">
        <v>0</v>
      </c>
      <c r="AG27" s="281">
        <v>0</v>
      </c>
      <c r="AH27" s="278">
        <v>5</v>
      </c>
      <c r="AI27" s="283">
        <v>5</v>
      </c>
      <c r="AJ27" s="277">
        <v>0</v>
      </c>
      <c r="AK27" s="281">
        <v>0</v>
      </c>
      <c r="AL27" s="278">
        <v>0</v>
      </c>
      <c r="AM27" s="280">
        <v>0</v>
      </c>
      <c r="AN27" s="281">
        <v>0</v>
      </c>
      <c r="AO27" s="281">
        <v>0</v>
      </c>
      <c r="AP27" s="281">
        <v>0</v>
      </c>
      <c r="AQ27" s="281">
        <v>0</v>
      </c>
      <c r="AR27" s="281">
        <v>0</v>
      </c>
      <c r="AS27" s="278">
        <v>0</v>
      </c>
      <c r="AT27" s="283">
        <v>0</v>
      </c>
      <c r="AU27" s="277">
        <v>0</v>
      </c>
      <c r="AV27" s="281">
        <v>0</v>
      </c>
      <c r="AW27" s="278">
        <v>0</v>
      </c>
      <c r="AX27" s="280">
        <v>0</v>
      </c>
      <c r="AY27" s="281">
        <v>0</v>
      </c>
      <c r="AZ27" s="281">
        <v>0</v>
      </c>
      <c r="BA27" s="281">
        <v>0</v>
      </c>
      <c r="BB27" s="281">
        <v>0</v>
      </c>
      <c r="BC27" s="281">
        <v>0</v>
      </c>
      <c r="BD27" s="278">
        <v>0</v>
      </c>
      <c r="BE27" s="283">
        <v>0</v>
      </c>
      <c r="BF27" s="277">
        <v>0</v>
      </c>
      <c r="BG27" s="281">
        <v>0</v>
      </c>
      <c r="BH27" s="278">
        <v>0</v>
      </c>
      <c r="BI27" s="280">
        <v>0</v>
      </c>
      <c r="BJ27" s="281">
        <v>2</v>
      </c>
      <c r="BK27" s="281">
        <v>0</v>
      </c>
      <c r="BL27" s="281">
        <v>1</v>
      </c>
      <c r="BM27" s="281">
        <v>0</v>
      </c>
      <c r="BN27" s="281">
        <v>0</v>
      </c>
      <c r="BO27" s="282">
        <v>3</v>
      </c>
      <c r="BP27" s="283">
        <v>3</v>
      </c>
      <c r="BQ27" s="277">
        <v>0</v>
      </c>
      <c r="BR27" s="281">
        <v>0</v>
      </c>
      <c r="BS27" s="278">
        <v>0</v>
      </c>
      <c r="BT27" s="280">
        <v>0</v>
      </c>
      <c r="BU27" s="281">
        <v>0</v>
      </c>
      <c r="BV27" s="281">
        <v>0</v>
      </c>
      <c r="BW27" s="281">
        <v>0</v>
      </c>
      <c r="BX27" s="281">
        <v>0</v>
      </c>
      <c r="BY27" s="281">
        <v>0</v>
      </c>
      <c r="BZ27" s="278">
        <v>0</v>
      </c>
      <c r="CA27" s="283">
        <v>0</v>
      </c>
      <c r="CB27" s="277">
        <v>0</v>
      </c>
      <c r="CC27" s="281">
        <v>0</v>
      </c>
      <c r="CD27" s="278">
        <v>0</v>
      </c>
      <c r="CE27" s="280">
        <v>0</v>
      </c>
      <c r="CF27" s="281">
        <v>0</v>
      </c>
      <c r="CG27" s="281">
        <v>0</v>
      </c>
      <c r="CH27" s="281">
        <v>0</v>
      </c>
      <c r="CI27" s="281">
        <v>0</v>
      </c>
      <c r="CJ27" s="281">
        <v>0</v>
      </c>
      <c r="CK27" s="278">
        <v>0</v>
      </c>
      <c r="CL27" s="283">
        <v>0</v>
      </c>
      <c r="CM27" s="277">
        <v>0</v>
      </c>
      <c r="CN27" s="281">
        <v>0</v>
      </c>
      <c r="CO27" s="278">
        <v>0</v>
      </c>
      <c r="CP27" s="280">
        <v>0</v>
      </c>
      <c r="CQ27" s="281">
        <v>0</v>
      </c>
      <c r="CR27" s="281">
        <v>0</v>
      </c>
      <c r="CS27" s="281">
        <v>0</v>
      </c>
      <c r="CT27" s="281">
        <v>0</v>
      </c>
      <c r="CU27" s="281">
        <v>0</v>
      </c>
      <c r="CV27" s="278">
        <v>0</v>
      </c>
      <c r="CW27" s="283">
        <v>0</v>
      </c>
    </row>
    <row r="28" spans="2:101" ht="21" customHeight="1" x14ac:dyDescent="0.2">
      <c r="B28" s="262" t="s">
        <v>26</v>
      </c>
      <c r="C28" s="277">
        <v>0</v>
      </c>
      <c r="D28" s="278">
        <v>0</v>
      </c>
      <c r="E28" s="279">
        <v>0</v>
      </c>
      <c r="F28" s="280">
        <v>0</v>
      </c>
      <c r="G28" s="281">
        <v>0</v>
      </c>
      <c r="H28" s="281">
        <v>0</v>
      </c>
      <c r="I28" s="281">
        <v>0</v>
      </c>
      <c r="J28" s="281">
        <v>0</v>
      </c>
      <c r="K28" s="281">
        <v>0</v>
      </c>
      <c r="L28" s="282">
        <v>0</v>
      </c>
      <c r="M28" s="283">
        <v>0</v>
      </c>
      <c r="N28" s="277">
        <v>0</v>
      </c>
      <c r="O28" s="281">
        <v>0</v>
      </c>
      <c r="P28" s="278">
        <v>0</v>
      </c>
      <c r="Q28" s="280">
        <v>0</v>
      </c>
      <c r="R28" s="281">
        <v>0</v>
      </c>
      <c r="S28" s="281">
        <v>0</v>
      </c>
      <c r="T28" s="281">
        <v>0</v>
      </c>
      <c r="U28" s="281">
        <v>0</v>
      </c>
      <c r="V28" s="281">
        <v>0</v>
      </c>
      <c r="W28" s="278">
        <v>0</v>
      </c>
      <c r="X28" s="283">
        <v>0</v>
      </c>
      <c r="Y28" s="277">
        <v>0</v>
      </c>
      <c r="Z28" s="281">
        <v>0</v>
      </c>
      <c r="AA28" s="278">
        <v>0</v>
      </c>
      <c r="AB28" s="280">
        <v>0</v>
      </c>
      <c r="AC28" s="281">
        <v>2</v>
      </c>
      <c r="AD28" s="281">
        <v>1</v>
      </c>
      <c r="AE28" s="281">
        <v>2</v>
      </c>
      <c r="AF28" s="281">
        <v>0</v>
      </c>
      <c r="AG28" s="281">
        <v>1</v>
      </c>
      <c r="AH28" s="278">
        <v>6</v>
      </c>
      <c r="AI28" s="283">
        <v>6</v>
      </c>
      <c r="AJ28" s="277">
        <v>0</v>
      </c>
      <c r="AK28" s="281">
        <v>0</v>
      </c>
      <c r="AL28" s="278">
        <v>0</v>
      </c>
      <c r="AM28" s="280">
        <v>0</v>
      </c>
      <c r="AN28" s="281">
        <v>0</v>
      </c>
      <c r="AO28" s="281">
        <v>0</v>
      </c>
      <c r="AP28" s="281">
        <v>0</v>
      </c>
      <c r="AQ28" s="281">
        <v>0</v>
      </c>
      <c r="AR28" s="281">
        <v>1</v>
      </c>
      <c r="AS28" s="278">
        <v>1</v>
      </c>
      <c r="AT28" s="283">
        <v>1</v>
      </c>
      <c r="AU28" s="277">
        <v>0</v>
      </c>
      <c r="AV28" s="281">
        <v>0</v>
      </c>
      <c r="AW28" s="278">
        <v>0</v>
      </c>
      <c r="AX28" s="280">
        <v>0</v>
      </c>
      <c r="AY28" s="281">
        <v>1</v>
      </c>
      <c r="AZ28" s="281">
        <v>0</v>
      </c>
      <c r="BA28" s="281">
        <v>0</v>
      </c>
      <c r="BB28" s="281">
        <v>0</v>
      </c>
      <c r="BC28" s="281">
        <v>0</v>
      </c>
      <c r="BD28" s="278">
        <v>1</v>
      </c>
      <c r="BE28" s="283">
        <v>1</v>
      </c>
      <c r="BF28" s="277">
        <v>0</v>
      </c>
      <c r="BG28" s="281">
        <v>0</v>
      </c>
      <c r="BH28" s="278">
        <v>0</v>
      </c>
      <c r="BI28" s="280">
        <v>0</v>
      </c>
      <c r="BJ28" s="281">
        <v>0</v>
      </c>
      <c r="BK28" s="281">
        <v>0</v>
      </c>
      <c r="BL28" s="281">
        <v>1</v>
      </c>
      <c r="BM28" s="281">
        <v>1</v>
      </c>
      <c r="BN28" s="281">
        <v>2</v>
      </c>
      <c r="BO28" s="282">
        <v>4</v>
      </c>
      <c r="BP28" s="283">
        <v>4</v>
      </c>
      <c r="BQ28" s="277">
        <v>0</v>
      </c>
      <c r="BR28" s="281">
        <v>0</v>
      </c>
      <c r="BS28" s="278">
        <v>0</v>
      </c>
      <c r="BT28" s="280">
        <v>0</v>
      </c>
      <c r="BU28" s="281">
        <v>0</v>
      </c>
      <c r="BV28" s="281">
        <v>0</v>
      </c>
      <c r="BW28" s="281">
        <v>0</v>
      </c>
      <c r="BX28" s="281">
        <v>0</v>
      </c>
      <c r="BY28" s="281">
        <v>0</v>
      </c>
      <c r="BZ28" s="278">
        <v>0</v>
      </c>
      <c r="CA28" s="283">
        <v>0</v>
      </c>
      <c r="CB28" s="277">
        <v>0</v>
      </c>
      <c r="CC28" s="281">
        <v>0</v>
      </c>
      <c r="CD28" s="278">
        <v>0</v>
      </c>
      <c r="CE28" s="280">
        <v>0</v>
      </c>
      <c r="CF28" s="281">
        <v>0</v>
      </c>
      <c r="CG28" s="281">
        <v>0</v>
      </c>
      <c r="CH28" s="281">
        <v>0</v>
      </c>
      <c r="CI28" s="281">
        <v>0</v>
      </c>
      <c r="CJ28" s="281">
        <v>0</v>
      </c>
      <c r="CK28" s="278">
        <v>0</v>
      </c>
      <c r="CL28" s="283">
        <v>0</v>
      </c>
      <c r="CM28" s="277">
        <v>0</v>
      </c>
      <c r="CN28" s="281">
        <v>0</v>
      </c>
      <c r="CO28" s="278">
        <v>0</v>
      </c>
      <c r="CP28" s="280">
        <v>0</v>
      </c>
      <c r="CQ28" s="281">
        <v>0</v>
      </c>
      <c r="CR28" s="281">
        <v>0</v>
      </c>
      <c r="CS28" s="281">
        <v>0</v>
      </c>
      <c r="CT28" s="281">
        <v>0</v>
      </c>
      <c r="CU28" s="281">
        <v>0</v>
      </c>
      <c r="CV28" s="278">
        <v>0</v>
      </c>
      <c r="CW28" s="283">
        <v>0</v>
      </c>
    </row>
    <row r="29" spans="2:101" ht="21" customHeight="1" x14ac:dyDescent="0.2">
      <c r="B29" s="262" t="s">
        <v>27</v>
      </c>
      <c r="C29" s="277">
        <v>0</v>
      </c>
      <c r="D29" s="278">
        <v>0</v>
      </c>
      <c r="E29" s="279">
        <v>0</v>
      </c>
      <c r="F29" s="280">
        <v>0</v>
      </c>
      <c r="G29" s="281">
        <v>0</v>
      </c>
      <c r="H29" s="281">
        <v>0</v>
      </c>
      <c r="I29" s="281">
        <v>0</v>
      </c>
      <c r="J29" s="281">
        <v>0</v>
      </c>
      <c r="K29" s="281">
        <v>0</v>
      </c>
      <c r="L29" s="282">
        <v>0</v>
      </c>
      <c r="M29" s="283">
        <v>0</v>
      </c>
      <c r="N29" s="277">
        <v>0</v>
      </c>
      <c r="O29" s="281">
        <v>0</v>
      </c>
      <c r="P29" s="278">
        <v>0</v>
      </c>
      <c r="Q29" s="280">
        <v>0</v>
      </c>
      <c r="R29" s="281">
        <v>0</v>
      </c>
      <c r="S29" s="281">
        <v>0</v>
      </c>
      <c r="T29" s="281">
        <v>0</v>
      </c>
      <c r="U29" s="281">
        <v>0</v>
      </c>
      <c r="V29" s="281">
        <v>0</v>
      </c>
      <c r="W29" s="278">
        <v>0</v>
      </c>
      <c r="X29" s="283">
        <v>0</v>
      </c>
      <c r="Y29" s="277">
        <v>0</v>
      </c>
      <c r="Z29" s="281">
        <v>0</v>
      </c>
      <c r="AA29" s="278">
        <v>0</v>
      </c>
      <c r="AB29" s="280">
        <v>0</v>
      </c>
      <c r="AC29" s="281">
        <v>2</v>
      </c>
      <c r="AD29" s="281">
        <v>1</v>
      </c>
      <c r="AE29" s="281">
        <v>0</v>
      </c>
      <c r="AF29" s="281">
        <v>0</v>
      </c>
      <c r="AG29" s="281">
        <v>0</v>
      </c>
      <c r="AH29" s="278">
        <v>3</v>
      </c>
      <c r="AI29" s="283">
        <v>3</v>
      </c>
      <c r="AJ29" s="277">
        <v>0</v>
      </c>
      <c r="AK29" s="281">
        <v>0</v>
      </c>
      <c r="AL29" s="278">
        <v>0</v>
      </c>
      <c r="AM29" s="280">
        <v>0</v>
      </c>
      <c r="AN29" s="281">
        <v>0</v>
      </c>
      <c r="AO29" s="281">
        <v>0</v>
      </c>
      <c r="AP29" s="281">
        <v>0</v>
      </c>
      <c r="AQ29" s="281">
        <v>0</v>
      </c>
      <c r="AR29" s="281">
        <v>0</v>
      </c>
      <c r="AS29" s="278">
        <v>0</v>
      </c>
      <c r="AT29" s="283">
        <v>0</v>
      </c>
      <c r="AU29" s="277">
        <v>0</v>
      </c>
      <c r="AV29" s="281">
        <v>0</v>
      </c>
      <c r="AW29" s="278">
        <v>0</v>
      </c>
      <c r="AX29" s="280">
        <v>0</v>
      </c>
      <c r="AY29" s="281">
        <v>0</v>
      </c>
      <c r="AZ29" s="281">
        <v>0</v>
      </c>
      <c r="BA29" s="281">
        <v>0</v>
      </c>
      <c r="BB29" s="281">
        <v>0</v>
      </c>
      <c r="BC29" s="281">
        <v>0</v>
      </c>
      <c r="BD29" s="278">
        <v>0</v>
      </c>
      <c r="BE29" s="283">
        <v>0</v>
      </c>
      <c r="BF29" s="277">
        <v>0</v>
      </c>
      <c r="BG29" s="281">
        <v>0</v>
      </c>
      <c r="BH29" s="278">
        <v>0</v>
      </c>
      <c r="BI29" s="280">
        <v>0</v>
      </c>
      <c r="BJ29" s="281">
        <v>0</v>
      </c>
      <c r="BK29" s="281">
        <v>0</v>
      </c>
      <c r="BL29" s="281">
        <v>0</v>
      </c>
      <c r="BM29" s="281">
        <v>0</v>
      </c>
      <c r="BN29" s="281">
        <v>0</v>
      </c>
      <c r="BO29" s="282">
        <v>0</v>
      </c>
      <c r="BP29" s="283">
        <v>0</v>
      </c>
      <c r="BQ29" s="277">
        <v>0</v>
      </c>
      <c r="BR29" s="281">
        <v>0</v>
      </c>
      <c r="BS29" s="278">
        <v>0</v>
      </c>
      <c r="BT29" s="280">
        <v>0</v>
      </c>
      <c r="BU29" s="281">
        <v>0</v>
      </c>
      <c r="BV29" s="281">
        <v>0</v>
      </c>
      <c r="BW29" s="281">
        <v>0</v>
      </c>
      <c r="BX29" s="281">
        <v>0</v>
      </c>
      <c r="BY29" s="281">
        <v>0</v>
      </c>
      <c r="BZ29" s="278">
        <v>0</v>
      </c>
      <c r="CA29" s="283">
        <v>0</v>
      </c>
      <c r="CB29" s="277">
        <v>0</v>
      </c>
      <c r="CC29" s="281">
        <v>0</v>
      </c>
      <c r="CD29" s="278">
        <v>0</v>
      </c>
      <c r="CE29" s="280">
        <v>0</v>
      </c>
      <c r="CF29" s="281">
        <v>0</v>
      </c>
      <c r="CG29" s="281">
        <v>0</v>
      </c>
      <c r="CH29" s="281">
        <v>0</v>
      </c>
      <c r="CI29" s="281">
        <v>0</v>
      </c>
      <c r="CJ29" s="281">
        <v>0</v>
      </c>
      <c r="CK29" s="278">
        <v>0</v>
      </c>
      <c r="CL29" s="283">
        <v>0</v>
      </c>
      <c r="CM29" s="277">
        <v>0</v>
      </c>
      <c r="CN29" s="281">
        <v>0</v>
      </c>
      <c r="CO29" s="278">
        <v>0</v>
      </c>
      <c r="CP29" s="280">
        <v>0</v>
      </c>
      <c r="CQ29" s="281">
        <v>0</v>
      </c>
      <c r="CR29" s="281">
        <v>0</v>
      </c>
      <c r="CS29" s="281">
        <v>0</v>
      </c>
      <c r="CT29" s="281">
        <v>0</v>
      </c>
      <c r="CU29" s="281">
        <v>0</v>
      </c>
      <c r="CV29" s="278">
        <v>0</v>
      </c>
      <c r="CW29" s="283">
        <v>0</v>
      </c>
    </row>
    <row r="30" spans="2:101" ht="21" customHeight="1" x14ac:dyDescent="0.2">
      <c r="B30" s="262" t="s">
        <v>28</v>
      </c>
      <c r="C30" s="277">
        <v>0</v>
      </c>
      <c r="D30" s="278">
        <v>0</v>
      </c>
      <c r="E30" s="279">
        <v>0</v>
      </c>
      <c r="F30" s="280">
        <v>0</v>
      </c>
      <c r="G30" s="281">
        <v>0</v>
      </c>
      <c r="H30" s="281">
        <v>0</v>
      </c>
      <c r="I30" s="281">
        <v>0</v>
      </c>
      <c r="J30" s="281">
        <v>0</v>
      </c>
      <c r="K30" s="281">
        <v>0</v>
      </c>
      <c r="L30" s="282">
        <v>0</v>
      </c>
      <c r="M30" s="283">
        <v>0</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4</v>
      </c>
      <c r="AD30" s="281">
        <v>1</v>
      </c>
      <c r="AE30" s="281">
        <v>0</v>
      </c>
      <c r="AF30" s="281">
        <v>0</v>
      </c>
      <c r="AG30" s="281">
        <v>0</v>
      </c>
      <c r="AH30" s="278">
        <v>5</v>
      </c>
      <c r="AI30" s="283">
        <v>5</v>
      </c>
      <c r="AJ30" s="277">
        <v>0</v>
      </c>
      <c r="AK30" s="281">
        <v>0</v>
      </c>
      <c r="AL30" s="278">
        <v>0</v>
      </c>
      <c r="AM30" s="280">
        <v>0</v>
      </c>
      <c r="AN30" s="281">
        <v>0</v>
      </c>
      <c r="AO30" s="281">
        <v>0</v>
      </c>
      <c r="AP30" s="281">
        <v>0</v>
      </c>
      <c r="AQ30" s="281">
        <v>0</v>
      </c>
      <c r="AR30" s="281">
        <v>0</v>
      </c>
      <c r="AS30" s="278">
        <v>0</v>
      </c>
      <c r="AT30" s="283">
        <v>0</v>
      </c>
      <c r="AU30" s="277">
        <v>0</v>
      </c>
      <c r="AV30" s="281">
        <v>0</v>
      </c>
      <c r="AW30" s="278">
        <v>0</v>
      </c>
      <c r="AX30" s="280">
        <v>0</v>
      </c>
      <c r="AY30" s="281">
        <v>0</v>
      </c>
      <c r="AZ30" s="281">
        <v>0</v>
      </c>
      <c r="BA30" s="281">
        <v>0</v>
      </c>
      <c r="BB30" s="281">
        <v>0</v>
      </c>
      <c r="BC30" s="281">
        <v>0</v>
      </c>
      <c r="BD30" s="278">
        <v>0</v>
      </c>
      <c r="BE30" s="283">
        <v>0</v>
      </c>
      <c r="BF30" s="277">
        <v>0</v>
      </c>
      <c r="BG30" s="281">
        <v>0</v>
      </c>
      <c r="BH30" s="278">
        <v>0</v>
      </c>
      <c r="BI30" s="280">
        <v>0</v>
      </c>
      <c r="BJ30" s="281">
        <v>0</v>
      </c>
      <c r="BK30" s="281">
        <v>0</v>
      </c>
      <c r="BL30" s="281">
        <v>0</v>
      </c>
      <c r="BM30" s="281">
        <v>0</v>
      </c>
      <c r="BN30" s="281">
        <v>0</v>
      </c>
      <c r="BO30" s="282">
        <v>0</v>
      </c>
      <c r="BP30" s="283">
        <v>0</v>
      </c>
      <c r="BQ30" s="277">
        <v>0</v>
      </c>
      <c r="BR30" s="281">
        <v>0</v>
      </c>
      <c r="BS30" s="278">
        <v>0</v>
      </c>
      <c r="BT30" s="280">
        <v>0</v>
      </c>
      <c r="BU30" s="281">
        <v>0</v>
      </c>
      <c r="BV30" s="281">
        <v>0</v>
      </c>
      <c r="BW30" s="281">
        <v>0</v>
      </c>
      <c r="BX30" s="281">
        <v>0</v>
      </c>
      <c r="BY30" s="281">
        <v>0</v>
      </c>
      <c r="BZ30" s="278">
        <v>0</v>
      </c>
      <c r="CA30" s="283">
        <v>0</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row>
    <row r="31" spans="2:101" ht="21" customHeight="1" x14ac:dyDescent="0.2">
      <c r="B31" s="262" t="s">
        <v>29</v>
      </c>
      <c r="C31" s="277">
        <v>0</v>
      </c>
      <c r="D31" s="278">
        <v>0</v>
      </c>
      <c r="E31" s="279">
        <v>0</v>
      </c>
      <c r="F31" s="280">
        <v>0</v>
      </c>
      <c r="G31" s="281">
        <v>0</v>
      </c>
      <c r="H31" s="281">
        <v>0</v>
      </c>
      <c r="I31" s="281">
        <v>0</v>
      </c>
      <c r="J31" s="281">
        <v>0</v>
      </c>
      <c r="K31" s="281">
        <v>0</v>
      </c>
      <c r="L31" s="282">
        <v>0</v>
      </c>
      <c r="M31" s="283">
        <v>0</v>
      </c>
      <c r="N31" s="277">
        <v>0</v>
      </c>
      <c r="O31" s="281">
        <v>0</v>
      </c>
      <c r="P31" s="278">
        <v>0</v>
      </c>
      <c r="Q31" s="280">
        <v>0</v>
      </c>
      <c r="R31" s="281">
        <v>0</v>
      </c>
      <c r="S31" s="281">
        <v>0</v>
      </c>
      <c r="T31" s="281">
        <v>0</v>
      </c>
      <c r="U31" s="281">
        <v>0</v>
      </c>
      <c r="V31" s="281">
        <v>0</v>
      </c>
      <c r="W31" s="278">
        <v>0</v>
      </c>
      <c r="X31" s="283">
        <v>0</v>
      </c>
      <c r="Y31" s="277">
        <v>0</v>
      </c>
      <c r="Z31" s="281">
        <v>0</v>
      </c>
      <c r="AA31" s="278">
        <v>0</v>
      </c>
      <c r="AB31" s="280">
        <v>0</v>
      </c>
      <c r="AC31" s="281">
        <v>0</v>
      </c>
      <c r="AD31" s="281">
        <v>1</v>
      </c>
      <c r="AE31" s="281">
        <v>0</v>
      </c>
      <c r="AF31" s="281">
        <v>0</v>
      </c>
      <c r="AG31" s="281">
        <v>0</v>
      </c>
      <c r="AH31" s="278">
        <v>1</v>
      </c>
      <c r="AI31" s="283">
        <v>1</v>
      </c>
      <c r="AJ31" s="277">
        <v>0</v>
      </c>
      <c r="AK31" s="281">
        <v>0</v>
      </c>
      <c r="AL31" s="278">
        <v>0</v>
      </c>
      <c r="AM31" s="280">
        <v>0</v>
      </c>
      <c r="AN31" s="281">
        <v>0</v>
      </c>
      <c r="AO31" s="281">
        <v>0</v>
      </c>
      <c r="AP31" s="281">
        <v>1</v>
      </c>
      <c r="AQ31" s="281">
        <v>0</v>
      </c>
      <c r="AR31" s="281">
        <v>0</v>
      </c>
      <c r="AS31" s="278">
        <v>1</v>
      </c>
      <c r="AT31" s="283">
        <v>1</v>
      </c>
      <c r="AU31" s="277">
        <v>0</v>
      </c>
      <c r="AV31" s="281">
        <v>0</v>
      </c>
      <c r="AW31" s="278">
        <v>0</v>
      </c>
      <c r="AX31" s="280">
        <v>0</v>
      </c>
      <c r="AY31" s="281">
        <v>1</v>
      </c>
      <c r="AZ31" s="281">
        <v>0</v>
      </c>
      <c r="BA31" s="281">
        <v>0</v>
      </c>
      <c r="BB31" s="281">
        <v>0</v>
      </c>
      <c r="BC31" s="281">
        <v>0</v>
      </c>
      <c r="BD31" s="278">
        <v>1</v>
      </c>
      <c r="BE31" s="283">
        <v>1</v>
      </c>
      <c r="BF31" s="277">
        <v>0</v>
      </c>
      <c r="BG31" s="281">
        <v>0</v>
      </c>
      <c r="BH31" s="278">
        <v>0</v>
      </c>
      <c r="BI31" s="280">
        <v>0</v>
      </c>
      <c r="BJ31" s="281">
        <v>0</v>
      </c>
      <c r="BK31" s="281">
        <v>0</v>
      </c>
      <c r="BL31" s="281">
        <v>0</v>
      </c>
      <c r="BM31" s="281">
        <v>0</v>
      </c>
      <c r="BN31" s="281">
        <v>0</v>
      </c>
      <c r="BO31" s="282">
        <v>0</v>
      </c>
      <c r="BP31" s="283">
        <v>0</v>
      </c>
      <c r="BQ31" s="277">
        <v>0</v>
      </c>
      <c r="BR31" s="281">
        <v>0</v>
      </c>
      <c r="BS31" s="278">
        <v>0</v>
      </c>
      <c r="BT31" s="280">
        <v>0</v>
      </c>
      <c r="BU31" s="281">
        <v>0</v>
      </c>
      <c r="BV31" s="281">
        <v>0</v>
      </c>
      <c r="BW31" s="281">
        <v>0</v>
      </c>
      <c r="BX31" s="281">
        <v>0</v>
      </c>
      <c r="BY31" s="281">
        <v>0</v>
      </c>
      <c r="BZ31" s="278">
        <v>0</v>
      </c>
      <c r="CA31" s="283">
        <v>0</v>
      </c>
      <c r="CB31" s="277">
        <v>0</v>
      </c>
      <c r="CC31" s="281">
        <v>0</v>
      </c>
      <c r="CD31" s="278">
        <v>0</v>
      </c>
      <c r="CE31" s="280">
        <v>0</v>
      </c>
      <c r="CF31" s="281">
        <v>0</v>
      </c>
      <c r="CG31" s="281">
        <v>0</v>
      </c>
      <c r="CH31" s="281">
        <v>1</v>
      </c>
      <c r="CI31" s="281">
        <v>0</v>
      </c>
      <c r="CJ31" s="281">
        <v>0</v>
      </c>
      <c r="CK31" s="278">
        <v>1</v>
      </c>
      <c r="CL31" s="283">
        <v>1</v>
      </c>
      <c r="CM31" s="277">
        <v>0</v>
      </c>
      <c r="CN31" s="281">
        <v>0</v>
      </c>
      <c r="CO31" s="278">
        <v>0</v>
      </c>
      <c r="CP31" s="280">
        <v>0</v>
      </c>
      <c r="CQ31" s="281">
        <v>0</v>
      </c>
      <c r="CR31" s="281">
        <v>0</v>
      </c>
      <c r="CS31" s="281">
        <v>0</v>
      </c>
      <c r="CT31" s="281">
        <v>0</v>
      </c>
      <c r="CU31" s="281">
        <v>0</v>
      </c>
      <c r="CV31" s="278">
        <v>0</v>
      </c>
      <c r="CW31" s="283">
        <v>0</v>
      </c>
    </row>
    <row r="32" spans="2:101" ht="21" customHeight="1" x14ac:dyDescent="0.2">
      <c r="B32" s="262" t="s">
        <v>30</v>
      </c>
      <c r="C32" s="277">
        <v>0</v>
      </c>
      <c r="D32" s="278">
        <v>0</v>
      </c>
      <c r="E32" s="279">
        <v>0</v>
      </c>
      <c r="F32" s="280">
        <v>0</v>
      </c>
      <c r="G32" s="281">
        <v>0</v>
      </c>
      <c r="H32" s="281">
        <v>0</v>
      </c>
      <c r="I32" s="281">
        <v>0</v>
      </c>
      <c r="J32" s="281">
        <v>0</v>
      </c>
      <c r="K32" s="281">
        <v>0</v>
      </c>
      <c r="L32" s="282">
        <v>0</v>
      </c>
      <c r="M32" s="283">
        <v>0</v>
      </c>
      <c r="N32" s="277">
        <v>0</v>
      </c>
      <c r="O32" s="281">
        <v>0</v>
      </c>
      <c r="P32" s="278">
        <v>0</v>
      </c>
      <c r="Q32" s="280">
        <v>0</v>
      </c>
      <c r="R32" s="281">
        <v>0</v>
      </c>
      <c r="S32" s="281">
        <v>0</v>
      </c>
      <c r="T32" s="281">
        <v>0</v>
      </c>
      <c r="U32" s="281">
        <v>0</v>
      </c>
      <c r="V32" s="281">
        <v>0</v>
      </c>
      <c r="W32" s="278">
        <v>0</v>
      </c>
      <c r="X32" s="283">
        <v>0</v>
      </c>
      <c r="Y32" s="277">
        <v>0</v>
      </c>
      <c r="Z32" s="281">
        <v>0</v>
      </c>
      <c r="AA32" s="278">
        <v>0</v>
      </c>
      <c r="AB32" s="280">
        <v>0</v>
      </c>
      <c r="AC32" s="281">
        <v>1</v>
      </c>
      <c r="AD32" s="281">
        <v>0</v>
      </c>
      <c r="AE32" s="281">
        <v>0</v>
      </c>
      <c r="AF32" s="281">
        <v>0</v>
      </c>
      <c r="AG32" s="281">
        <v>0</v>
      </c>
      <c r="AH32" s="278">
        <v>1</v>
      </c>
      <c r="AI32" s="283">
        <v>1</v>
      </c>
      <c r="AJ32" s="277">
        <v>0</v>
      </c>
      <c r="AK32" s="281">
        <v>0</v>
      </c>
      <c r="AL32" s="278">
        <v>0</v>
      </c>
      <c r="AM32" s="280">
        <v>0</v>
      </c>
      <c r="AN32" s="281">
        <v>0</v>
      </c>
      <c r="AO32" s="281">
        <v>1</v>
      </c>
      <c r="AP32" s="281">
        <v>0</v>
      </c>
      <c r="AQ32" s="281">
        <v>0</v>
      </c>
      <c r="AR32" s="281">
        <v>0</v>
      </c>
      <c r="AS32" s="278">
        <v>1</v>
      </c>
      <c r="AT32" s="283">
        <v>1</v>
      </c>
      <c r="AU32" s="277">
        <v>0</v>
      </c>
      <c r="AV32" s="281">
        <v>0</v>
      </c>
      <c r="AW32" s="278">
        <v>0</v>
      </c>
      <c r="AX32" s="280">
        <v>0</v>
      </c>
      <c r="AY32" s="281">
        <v>0</v>
      </c>
      <c r="AZ32" s="281">
        <v>0</v>
      </c>
      <c r="BA32" s="281">
        <v>0</v>
      </c>
      <c r="BB32" s="281">
        <v>0</v>
      </c>
      <c r="BC32" s="281">
        <v>0</v>
      </c>
      <c r="BD32" s="278">
        <v>0</v>
      </c>
      <c r="BE32" s="283">
        <v>0</v>
      </c>
      <c r="BF32" s="277">
        <v>0</v>
      </c>
      <c r="BG32" s="281">
        <v>0</v>
      </c>
      <c r="BH32" s="278">
        <v>0</v>
      </c>
      <c r="BI32" s="280">
        <v>0</v>
      </c>
      <c r="BJ32" s="281">
        <v>1</v>
      </c>
      <c r="BK32" s="281">
        <v>0</v>
      </c>
      <c r="BL32" s="281">
        <v>0</v>
      </c>
      <c r="BM32" s="281">
        <v>0</v>
      </c>
      <c r="BN32" s="281">
        <v>0</v>
      </c>
      <c r="BO32" s="282">
        <v>1</v>
      </c>
      <c r="BP32" s="283">
        <v>1</v>
      </c>
      <c r="BQ32" s="277">
        <v>0</v>
      </c>
      <c r="BR32" s="281">
        <v>0</v>
      </c>
      <c r="BS32" s="278">
        <v>0</v>
      </c>
      <c r="BT32" s="280">
        <v>0</v>
      </c>
      <c r="BU32" s="281">
        <v>0</v>
      </c>
      <c r="BV32" s="281">
        <v>0</v>
      </c>
      <c r="BW32" s="281">
        <v>0</v>
      </c>
      <c r="BX32" s="281">
        <v>0</v>
      </c>
      <c r="BY32" s="281">
        <v>0</v>
      </c>
      <c r="BZ32" s="278">
        <v>0</v>
      </c>
      <c r="CA32" s="283">
        <v>0</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row>
    <row r="33" spans="2:101" ht="21" customHeight="1" x14ac:dyDescent="0.2">
      <c r="B33" s="262" t="s">
        <v>31</v>
      </c>
      <c r="C33" s="277">
        <v>0</v>
      </c>
      <c r="D33" s="278">
        <v>0</v>
      </c>
      <c r="E33" s="279">
        <v>0</v>
      </c>
      <c r="F33" s="280">
        <v>0</v>
      </c>
      <c r="G33" s="281">
        <v>0</v>
      </c>
      <c r="H33" s="281">
        <v>1</v>
      </c>
      <c r="I33" s="281">
        <v>0</v>
      </c>
      <c r="J33" s="281">
        <v>0</v>
      </c>
      <c r="K33" s="281">
        <v>0</v>
      </c>
      <c r="L33" s="282">
        <v>1</v>
      </c>
      <c r="M33" s="283">
        <v>1</v>
      </c>
      <c r="N33" s="277">
        <v>0</v>
      </c>
      <c r="O33" s="281">
        <v>0</v>
      </c>
      <c r="P33" s="278">
        <v>0</v>
      </c>
      <c r="Q33" s="280">
        <v>0</v>
      </c>
      <c r="R33" s="281">
        <v>0</v>
      </c>
      <c r="S33" s="281">
        <v>0</v>
      </c>
      <c r="T33" s="281">
        <v>0</v>
      </c>
      <c r="U33" s="281">
        <v>0</v>
      </c>
      <c r="V33" s="281">
        <v>0</v>
      </c>
      <c r="W33" s="278">
        <v>0</v>
      </c>
      <c r="X33" s="283">
        <v>0</v>
      </c>
      <c r="Y33" s="277">
        <v>0</v>
      </c>
      <c r="Z33" s="281">
        <v>0</v>
      </c>
      <c r="AA33" s="278">
        <v>0</v>
      </c>
      <c r="AB33" s="280">
        <v>0</v>
      </c>
      <c r="AC33" s="281">
        <v>2</v>
      </c>
      <c r="AD33" s="281">
        <v>3</v>
      </c>
      <c r="AE33" s="281">
        <v>2</v>
      </c>
      <c r="AF33" s="281">
        <v>0</v>
      </c>
      <c r="AG33" s="281">
        <v>0</v>
      </c>
      <c r="AH33" s="278">
        <v>7</v>
      </c>
      <c r="AI33" s="283">
        <v>7</v>
      </c>
      <c r="AJ33" s="277">
        <v>0</v>
      </c>
      <c r="AK33" s="281">
        <v>0</v>
      </c>
      <c r="AL33" s="278">
        <v>0</v>
      </c>
      <c r="AM33" s="280">
        <v>0</v>
      </c>
      <c r="AN33" s="281">
        <v>0</v>
      </c>
      <c r="AO33" s="281">
        <v>0</v>
      </c>
      <c r="AP33" s="281">
        <v>0</v>
      </c>
      <c r="AQ33" s="281">
        <v>0</v>
      </c>
      <c r="AR33" s="281">
        <v>0</v>
      </c>
      <c r="AS33" s="278">
        <v>0</v>
      </c>
      <c r="AT33" s="283">
        <v>0</v>
      </c>
      <c r="AU33" s="277">
        <v>0</v>
      </c>
      <c r="AV33" s="281">
        <v>0</v>
      </c>
      <c r="AW33" s="278">
        <v>0</v>
      </c>
      <c r="AX33" s="280">
        <v>0</v>
      </c>
      <c r="AY33" s="281">
        <v>0</v>
      </c>
      <c r="AZ33" s="281">
        <v>1</v>
      </c>
      <c r="BA33" s="281">
        <v>0</v>
      </c>
      <c r="BB33" s="281">
        <v>0</v>
      </c>
      <c r="BC33" s="281">
        <v>0</v>
      </c>
      <c r="BD33" s="278">
        <v>1</v>
      </c>
      <c r="BE33" s="283">
        <v>1</v>
      </c>
      <c r="BF33" s="277">
        <v>0</v>
      </c>
      <c r="BG33" s="281">
        <v>0</v>
      </c>
      <c r="BH33" s="278">
        <v>0</v>
      </c>
      <c r="BI33" s="280">
        <v>0</v>
      </c>
      <c r="BJ33" s="281">
        <v>0</v>
      </c>
      <c r="BK33" s="281">
        <v>0</v>
      </c>
      <c r="BL33" s="281">
        <v>0</v>
      </c>
      <c r="BM33" s="281">
        <v>0</v>
      </c>
      <c r="BN33" s="281">
        <v>1</v>
      </c>
      <c r="BO33" s="282">
        <v>1</v>
      </c>
      <c r="BP33" s="283">
        <v>1</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row>
    <row r="34" spans="2:101" ht="21" customHeight="1" x14ac:dyDescent="0.2">
      <c r="B34" s="262" t="s">
        <v>32</v>
      </c>
      <c r="C34" s="277">
        <v>0</v>
      </c>
      <c r="D34" s="278">
        <v>0</v>
      </c>
      <c r="E34" s="279">
        <v>0</v>
      </c>
      <c r="F34" s="280">
        <v>0</v>
      </c>
      <c r="G34" s="281">
        <v>0</v>
      </c>
      <c r="H34" s="281">
        <v>1</v>
      </c>
      <c r="I34" s="281">
        <v>0</v>
      </c>
      <c r="J34" s="281">
        <v>0</v>
      </c>
      <c r="K34" s="281">
        <v>0</v>
      </c>
      <c r="L34" s="282">
        <v>1</v>
      </c>
      <c r="M34" s="283">
        <v>1</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2</v>
      </c>
      <c r="AD34" s="281">
        <v>1</v>
      </c>
      <c r="AE34" s="281">
        <v>1</v>
      </c>
      <c r="AF34" s="281">
        <v>1</v>
      </c>
      <c r="AG34" s="281">
        <v>0</v>
      </c>
      <c r="AH34" s="278">
        <v>5</v>
      </c>
      <c r="AI34" s="283">
        <v>5</v>
      </c>
      <c r="AJ34" s="277">
        <v>0</v>
      </c>
      <c r="AK34" s="281">
        <v>0</v>
      </c>
      <c r="AL34" s="278">
        <v>0</v>
      </c>
      <c r="AM34" s="280">
        <v>0</v>
      </c>
      <c r="AN34" s="281">
        <v>0</v>
      </c>
      <c r="AO34" s="281">
        <v>0</v>
      </c>
      <c r="AP34" s="281">
        <v>0</v>
      </c>
      <c r="AQ34" s="281">
        <v>0</v>
      </c>
      <c r="AR34" s="281">
        <v>0</v>
      </c>
      <c r="AS34" s="278">
        <v>0</v>
      </c>
      <c r="AT34" s="283">
        <v>0</v>
      </c>
      <c r="AU34" s="277">
        <v>0</v>
      </c>
      <c r="AV34" s="281">
        <v>0</v>
      </c>
      <c r="AW34" s="278">
        <v>0</v>
      </c>
      <c r="AX34" s="280">
        <v>0</v>
      </c>
      <c r="AY34" s="281">
        <v>0</v>
      </c>
      <c r="AZ34" s="281">
        <v>0</v>
      </c>
      <c r="BA34" s="281">
        <v>0</v>
      </c>
      <c r="BB34" s="281">
        <v>0</v>
      </c>
      <c r="BC34" s="281">
        <v>0</v>
      </c>
      <c r="BD34" s="278">
        <v>0</v>
      </c>
      <c r="BE34" s="283">
        <v>0</v>
      </c>
      <c r="BF34" s="277">
        <v>0</v>
      </c>
      <c r="BG34" s="281">
        <v>0</v>
      </c>
      <c r="BH34" s="278">
        <v>0</v>
      </c>
      <c r="BI34" s="280">
        <v>0</v>
      </c>
      <c r="BJ34" s="281">
        <v>0</v>
      </c>
      <c r="BK34" s="281">
        <v>1</v>
      </c>
      <c r="BL34" s="281">
        <v>1</v>
      </c>
      <c r="BM34" s="281">
        <v>0</v>
      </c>
      <c r="BN34" s="281">
        <v>1</v>
      </c>
      <c r="BO34" s="282">
        <v>3</v>
      </c>
      <c r="BP34" s="283">
        <v>3</v>
      </c>
      <c r="BQ34" s="277">
        <v>0</v>
      </c>
      <c r="BR34" s="281">
        <v>0</v>
      </c>
      <c r="BS34" s="278">
        <v>0</v>
      </c>
      <c r="BT34" s="280">
        <v>0</v>
      </c>
      <c r="BU34" s="281">
        <v>0</v>
      </c>
      <c r="BV34" s="281">
        <v>0</v>
      </c>
      <c r="BW34" s="281">
        <v>0</v>
      </c>
      <c r="BX34" s="281">
        <v>0</v>
      </c>
      <c r="BY34" s="281">
        <v>0</v>
      </c>
      <c r="BZ34" s="278">
        <v>0</v>
      </c>
      <c r="CA34" s="283">
        <v>0</v>
      </c>
      <c r="CB34" s="277">
        <v>0</v>
      </c>
      <c r="CC34" s="281">
        <v>0</v>
      </c>
      <c r="CD34" s="278">
        <v>0</v>
      </c>
      <c r="CE34" s="280">
        <v>0</v>
      </c>
      <c r="CF34" s="281">
        <v>0</v>
      </c>
      <c r="CG34" s="281">
        <v>1</v>
      </c>
      <c r="CH34" s="281">
        <v>0</v>
      </c>
      <c r="CI34" s="281">
        <v>0</v>
      </c>
      <c r="CJ34" s="281">
        <v>0</v>
      </c>
      <c r="CK34" s="278">
        <v>1</v>
      </c>
      <c r="CL34" s="283">
        <v>1</v>
      </c>
      <c r="CM34" s="277">
        <v>0</v>
      </c>
      <c r="CN34" s="281">
        <v>0</v>
      </c>
      <c r="CO34" s="278">
        <v>0</v>
      </c>
      <c r="CP34" s="280">
        <v>0</v>
      </c>
      <c r="CQ34" s="281">
        <v>0</v>
      </c>
      <c r="CR34" s="281">
        <v>0</v>
      </c>
      <c r="CS34" s="281">
        <v>0</v>
      </c>
      <c r="CT34" s="281">
        <v>0</v>
      </c>
      <c r="CU34" s="281">
        <v>0</v>
      </c>
      <c r="CV34" s="278">
        <v>0</v>
      </c>
      <c r="CW34" s="283">
        <v>0</v>
      </c>
    </row>
    <row r="35" spans="2:101" ht="21" customHeight="1" x14ac:dyDescent="0.2">
      <c r="B35" s="262" t="s">
        <v>33</v>
      </c>
      <c r="C35" s="277">
        <v>0</v>
      </c>
      <c r="D35" s="278">
        <v>0</v>
      </c>
      <c r="E35" s="279">
        <v>0</v>
      </c>
      <c r="F35" s="280">
        <v>0</v>
      </c>
      <c r="G35" s="281">
        <v>0</v>
      </c>
      <c r="H35" s="281">
        <v>0</v>
      </c>
      <c r="I35" s="281">
        <v>0</v>
      </c>
      <c r="J35" s="281">
        <v>0</v>
      </c>
      <c r="K35" s="281">
        <v>0</v>
      </c>
      <c r="L35" s="282">
        <v>0</v>
      </c>
      <c r="M35" s="283">
        <v>0</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2</v>
      </c>
      <c r="AD35" s="281">
        <v>0</v>
      </c>
      <c r="AE35" s="281">
        <v>2</v>
      </c>
      <c r="AF35" s="281">
        <v>0</v>
      </c>
      <c r="AG35" s="281">
        <v>0</v>
      </c>
      <c r="AH35" s="278">
        <v>4</v>
      </c>
      <c r="AI35" s="283">
        <v>4</v>
      </c>
      <c r="AJ35" s="277">
        <v>0</v>
      </c>
      <c r="AK35" s="281">
        <v>0</v>
      </c>
      <c r="AL35" s="278">
        <v>0</v>
      </c>
      <c r="AM35" s="280">
        <v>0</v>
      </c>
      <c r="AN35" s="281">
        <v>0</v>
      </c>
      <c r="AO35" s="281">
        <v>0</v>
      </c>
      <c r="AP35" s="281">
        <v>0</v>
      </c>
      <c r="AQ35" s="281">
        <v>0</v>
      </c>
      <c r="AR35" s="281">
        <v>0</v>
      </c>
      <c r="AS35" s="278">
        <v>0</v>
      </c>
      <c r="AT35" s="283">
        <v>0</v>
      </c>
      <c r="AU35" s="277">
        <v>0</v>
      </c>
      <c r="AV35" s="281">
        <v>0</v>
      </c>
      <c r="AW35" s="278">
        <v>0</v>
      </c>
      <c r="AX35" s="280">
        <v>0</v>
      </c>
      <c r="AY35" s="281">
        <v>0</v>
      </c>
      <c r="AZ35" s="281">
        <v>0</v>
      </c>
      <c r="BA35" s="281">
        <v>0</v>
      </c>
      <c r="BB35" s="281">
        <v>0</v>
      </c>
      <c r="BC35" s="281">
        <v>0</v>
      </c>
      <c r="BD35" s="278">
        <v>0</v>
      </c>
      <c r="BE35" s="283">
        <v>0</v>
      </c>
      <c r="BF35" s="277">
        <v>0</v>
      </c>
      <c r="BG35" s="281">
        <v>0</v>
      </c>
      <c r="BH35" s="278">
        <v>0</v>
      </c>
      <c r="BI35" s="280">
        <v>0</v>
      </c>
      <c r="BJ35" s="281">
        <v>0</v>
      </c>
      <c r="BK35" s="281">
        <v>0</v>
      </c>
      <c r="BL35" s="281">
        <v>0</v>
      </c>
      <c r="BM35" s="281">
        <v>0</v>
      </c>
      <c r="BN35" s="281">
        <v>0</v>
      </c>
      <c r="BO35" s="282">
        <v>0</v>
      </c>
      <c r="BP35" s="283">
        <v>0</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0</v>
      </c>
      <c r="CR35" s="281">
        <v>0</v>
      </c>
      <c r="CS35" s="281">
        <v>1</v>
      </c>
      <c r="CT35" s="281">
        <v>0</v>
      </c>
      <c r="CU35" s="281">
        <v>0</v>
      </c>
      <c r="CV35" s="278">
        <v>1</v>
      </c>
      <c r="CW35" s="283">
        <v>1</v>
      </c>
    </row>
    <row r="36" spans="2:101" ht="21" customHeight="1" x14ac:dyDescent="0.2">
      <c r="B36" s="262" t="s">
        <v>34</v>
      </c>
      <c r="C36" s="277">
        <v>0</v>
      </c>
      <c r="D36" s="278">
        <v>0</v>
      </c>
      <c r="E36" s="279">
        <v>0</v>
      </c>
      <c r="F36" s="280">
        <v>0</v>
      </c>
      <c r="G36" s="281">
        <v>0</v>
      </c>
      <c r="H36" s="281">
        <v>0</v>
      </c>
      <c r="I36" s="281">
        <v>0</v>
      </c>
      <c r="J36" s="281">
        <v>0</v>
      </c>
      <c r="K36" s="281">
        <v>0</v>
      </c>
      <c r="L36" s="282">
        <v>0</v>
      </c>
      <c r="M36" s="283">
        <v>0</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0</v>
      </c>
      <c r="AD36" s="281">
        <v>0</v>
      </c>
      <c r="AE36" s="281">
        <v>0</v>
      </c>
      <c r="AF36" s="281">
        <v>0</v>
      </c>
      <c r="AG36" s="281">
        <v>0</v>
      </c>
      <c r="AH36" s="278">
        <v>0</v>
      </c>
      <c r="AI36" s="283">
        <v>0</v>
      </c>
      <c r="AJ36" s="277">
        <v>0</v>
      </c>
      <c r="AK36" s="281">
        <v>0</v>
      </c>
      <c r="AL36" s="278">
        <v>0</v>
      </c>
      <c r="AM36" s="280">
        <v>0</v>
      </c>
      <c r="AN36" s="281">
        <v>0</v>
      </c>
      <c r="AO36" s="281">
        <v>0</v>
      </c>
      <c r="AP36" s="281">
        <v>0</v>
      </c>
      <c r="AQ36" s="281">
        <v>0</v>
      </c>
      <c r="AR36" s="281">
        <v>0</v>
      </c>
      <c r="AS36" s="278">
        <v>0</v>
      </c>
      <c r="AT36" s="283">
        <v>0</v>
      </c>
      <c r="AU36" s="277">
        <v>0</v>
      </c>
      <c r="AV36" s="281">
        <v>0</v>
      </c>
      <c r="AW36" s="278">
        <v>0</v>
      </c>
      <c r="AX36" s="280">
        <v>0</v>
      </c>
      <c r="AY36" s="281">
        <v>1</v>
      </c>
      <c r="AZ36" s="281">
        <v>0</v>
      </c>
      <c r="BA36" s="281">
        <v>0</v>
      </c>
      <c r="BB36" s="281">
        <v>0</v>
      </c>
      <c r="BC36" s="281">
        <v>0</v>
      </c>
      <c r="BD36" s="278">
        <v>1</v>
      </c>
      <c r="BE36" s="283">
        <v>1</v>
      </c>
      <c r="BF36" s="277">
        <v>0</v>
      </c>
      <c r="BG36" s="281">
        <v>0</v>
      </c>
      <c r="BH36" s="278">
        <v>0</v>
      </c>
      <c r="BI36" s="280">
        <v>0</v>
      </c>
      <c r="BJ36" s="281">
        <v>0</v>
      </c>
      <c r="BK36" s="281">
        <v>0</v>
      </c>
      <c r="BL36" s="281">
        <v>0</v>
      </c>
      <c r="BM36" s="281">
        <v>0</v>
      </c>
      <c r="BN36" s="281">
        <v>0</v>
      </c>
      <c r="BO36" s="282">
        <v>0</v>
      </c>
      <c r="BP36" s="283">
        <v>0</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1</v>
      </c>
      <c r="CS36" s="281">
        <v>0</v>
      </c>
      <c r="CT36" s="281">
        <v>0</v>
      </c>
      <c r="CU36" s="281">
        <v>0</v>
      </c>
      <c r="CV36" s="278">
        <v>1</v>
      </c>
      <c r="CW36" s="283">
        <v>1</v>
      </c>
    </row>
    <row r="37" spans="2:101" ht="21" customHeight="1" x14ac:dyDescent="0.2">
      <c r="B37" s="262" t="s">
        <v>35</v>
      </c>
      <c r="C37" s="277">
        <v>0</v>
      </c>
      <c r="D37" s="278">
        <v>0</v>
      </c>
      <c r="E37" s="279">
        <v>0</v>
      </c>
      <c r="F37" s="280">
        <v>0</v>
      </c>
      <c r="G37" s="281">
        <v>0</v>
      </c>
      <c r="H37" s="281">
        <v>0</v>
      </c>
      <c r="I37" s="281">
        <v>0</v>
      </c>
      <c r="J37" s="281">
        <v>0</v>
      </c>
      <c r="K37" s="281">
        <v>0</v>
      </c>
      <c r="L37" s="282">
        <v>0</v>
      </c>
      <c r="M37" s="283">
        <v>0</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v>
      </c>
      <c r="AD37" s="281">
        <v>1</v>
      </c>
      <c r="AE37" s="281">
        <v>0</v>
      </c>
      <c r="AF37" s="281">
        <v>0</v>
      </c>
      <c r="AG37" s="281">
        <v>0</v>
      </c>
      <c r="AH37" s="278">
        <v>2</v>
      </c>
      <c r="AI37" s="283">
        <v>2</v>
      </c>
      <c r="AJ37" s="277">
        <v>0</v>
      </c>
      <c r="AK37" s="281">
        <v>0</v>
      </c>
      <c r="AL37" s="278">
        <v>0</v>
      </c>
      <c r="AM37" s="280">
        <v>0</v>
      </c>
      <c r="AN37" s="281">
        <v>0</v>
      </c>
      <c r="AO37" s="281">
        <v>0</v>
      </c>
      <c r="AP37" s="281">
        <v>0</v>
      </c>
      <c r="AQ37" s="281">
        <v>0</v>
      </c>
      <c r="AR37" s="281">
        <v>0</v>
      </c>
      <c r="AS37" s="278">
        <v>0</v>
      </c>
      <c r="AT37" s="283">
        <v>0</v>
      </c>
      <c r="AU37" s="277">
        <v>0</v>
      </c>
      <c r="AV37" s="281">
        <v>0</v>
      </c>
      <c r="AW37" s="278">
        <v>0</v>
      </c>
      <c r="AX37" s="280">
        <v>0</v>
      </c>
      <c r="AY37" s="281">
        <v>1</v>
      </c>
      <c r="AZ37" s="281">
        <v>0</v>
      </c>
      <c r="BA37" s="281">
        <v>1</v>
      </c>
      <c r="BB37" s="281">
        <v>0</v>
      </c>
      <c r="BC37" s="281">
        <v>0</v>
      </c>
      <c r="BD37" s="278">
        <v>2</v>
      </c>
      <c r="BE37" s="283">
        <v>2</v>
      </c>
      <c r="BF37" s="277">
        <v>0</v>
      </c>
      <c r="BG37" s="281">
        <v>0</v>
      </c>
      <c r="BH37" s="278">
        <v>0</v>
      </c>
      <c r="BI37" s="280">
        <v>0</v>
      </c>
      <c r="BJ37" s="281">
        <v>0</v>
      </c>
      <c r="BK37" s="281">
        <v>0</v>
      </c>
      <c r="BL37" s="281">
        <v>0</v>
      </c>
      <c r="BM37" s="281">
        <v>1</v>
      </c>
      <c r="BN37" s="281">
        <v>0</v>
      </c>
      <c r="BO37" s="282">
        <v>1</v>
      </c>
      <c r="BP37" s="283">
        <v>1</v>
      </c>
      <c r="BQ37" s="277">
        <v>0</v>
      </c>
      <c r="BR37" s="281">
        <v>0</v>
      </c>
      <c r="BS37" s="278">
        <v>0</v>
      </c>
      <c r="BT37" s="280">
        <v>0</v>
      </c>
      <c r="BU37" s="281">
        <v>0</v>
      </c>
      <c r="BV37" s="281">
        <v>0</v>
      </c>
      <c r="BW37" s="281">
        <v>0</v>
      </c>
      <c r="BX37" s="281">
        <v>0</v>
      </c>
      <c r="BY37" s="281">
        <v>0</v>
      </c>
      <c r="BZ37" s="278">
        <v>0</v>
      </c>
      <c r="CA37" s="283">
        <v>0</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row>
    <row r="38" spans="2:101" ht="21" customHeight="1" x14ac:dyDescent="0.2">
      <c r="B38" s="262" t="s">
        <v>36</v>
      </c>
      <c r="C38" s="277">
        <v>0</v>
      </c>
      <c r="D38" s="278">
        <v>0</v>
      </c>
      <c r="E38" s="279">
        <v>0</v>
      </c>
      <c r="F38" s="280">
        <v>0</v>
      </c>
      <c r="G38" s="281">
        <v>0</v>
      </c>
      <c r="H38" s="281">
        <v>0</v>
      </c>
      <c r="I38" s="281">
        <v>0</v>
      </c>
      <c r="J38" s="281">
        <v>0</v>
      </c>
      <c r="K38" s="281">
        <v>0</v>
      </c>
      <c r="L38" s="282">
        <v>0</v>
      </c>
      <c r="M38" s="283">
        <v>0</v>
      </c>
      <c r="N38" s="277">
        <v>0</v>
      </c>
      <c r="O38" s="281">
        <v>0</v>
      </c>
      <c r="P38" s="278">
        <v>0</v>
      </c>
      <c r="Q38" s="280">
        <v>0</v>
      </c>
      <c r="R38" s="281">
        <v>0</v>
      </c>
      <c r="S38" s="281">
        <v>0</v>
      </c>
      <c r="T38" s="281">
        <v>0</v>
      </c>
      <c r="U38" s="281">
        <v>0</v>
      </c>
      <c r="V38" s="281">
        <v>0</v>
      </c>
      <c r="W38" s="278">
        <v>0</v>
      </c>
      <c r="X38" s="283">
        <v>0</v>
      </c>
      <c r="Y38" s="277">
        <v>0</v>
      </c>
      <c r="Z38" s="281">
        <v>0</v>
      </c>
      <c r="AA38" s="278">
        <v>0</v>
      </c>
      <c r="AB38" s="280">
        <v>0</v>
      </c>
      <c r="AC38" s="281">
        <v>0</v>
      </c>
      <c r="AD38" s="281">
        <v>0</v>
      </c>
      <c r="AE38" s="281">
        <v>0</v>
      </c>
      <c r="AF38" s="281">
        <v>1</v>
      </c>
      <c r="AG38" s="281">
        <v>1</v>
      </c>
      <c r="AH38" s="278">
        <v>2</v>
      </c>
      <c r="AI38" s="283">
        <v>2</v>
      </c>
      <c r="AJ38" s="277">
        <v>0</v>
      </c>
      <c r="AK38" s="281">
        <v>0</v>
      </c>
      <c r="AL38" s="278">
        <v>0</v>
      </c>
      <c r="AM38" s="280">
        <v>0</v>
      </c>
      <c r="AN38" s="281">
        <v>0</v>
      </c>
      <c r="AO38" s="281">
        <v>0</v>
      </c>
      <c r="AP38" s="281">
        <v>0</v>
      </c>
      <c r="AQ38" s="281">
        <v>0</v>
      </c>
      <c r="AR38" s="281">
        <v>0</v>
      </c>
      <c r="AS38" s="278">
        <v>0</v>
      </c>
      <c r="AT38" s="283">
        <v>0</v>
      </c>
      <c r="AU38" s="277">
        <v>0</v>
      </c>
      <c r="AV38" s="281">
        <v>0</v>
      </c>
      <c r="AW38" s="278">
        <v>0</v>
      </c>
      <c r="AX38" s="280">
        <v>0</v>
      </c>
      <c r="AY38" s="281">
        <v>1</v>
      </c>
      <c r="AZ38" s="281">
        <v>0</v>
      </c>
      <c r="BA38" s="281">
        <v>0</v>
      </c>
      <c r="BB38" s="281">
        <v>0</v>
      </c>
      <c r="BC38" s="281">
        <v>0</v>
      </c>
      <c r="BD38" s="278">
        <v>1</v>
      </c>
      <c r="BE38" s="283">
        <v>1</v>
      </c>
      <c r="BF38" s="277">
        <v>0</v>
      </c>
      <c r="BG38" s="281">
        <v>0</v>
      </c>
      <c r="BH38" s="278">
        <v>0</v>
      </c>
      <c r="BI38" s="280">
        <v>0</v>
      </c>
      <c r="BJ38" s="281">
        <v>0</v>
      </c>
      <c r="BK38" s="281">
        <v>0</v>
      </c>
      <c r="BL38" s="281">
        <v>1</v>
      </c>
      <c r="BM38" s="281">
        <v>1</v>
      </c>
      <c r="BN38" s="281">
        <v>0</v>
      </c>
      <c r="BO38" s="282">
        <v>2</v>
      </c>
      <c r="BP38" s="283">
        <v>2</v>
      </c>
      <c r="BQ38" s="277">
        <v>0</v>
      </c>
      <c r="BR38" s="281">
        <v>0</v>
      </c>
      <c r="BS38" s="278">
        <v>0</v>
      </c>
      <c r="BT38" s="280">
        <v>0</v>
      </c>
      <c r="BU38" s="281">
        <v>0</v>
      </c>
      <c r="BV38" s="281">
        <v>0</v>
      </c>
      <c r="BW38" s="281">
        <v>0</v>
      </c>
      <c r="BX38" s="281">
        <v>0</v>
      </c>
      <c r="BY38" s="281">
        <v>0</v>
      </c>
      <c r="BZ38" s="278">
        <v>0</v>
      </c>
      <c r="CA38" s="283">
        <v>0</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row>
    <row r="39" spans="2:101" ht="21" customHeight="1" thickBot="1" x14ac:dyDescent="0.25">
      <c r="B39" s="263" t="s">
        <v>37</v>
      </c>
      <c r="C39" s="284">
        <v>0</v>
      </c>
      <c r="D39" s="285">
        <v>0</v>
      </c>
      <c r="E39" s="286">
        <v>0</v>
      </c>
      <c r="F39" s="287">
        <v>0</v>
      </c>
      <c r="G39" s="288">
        <v>0</v>
      </c>
      <c r="H39" s="288">
        <v>0</v>
      </c>
      <c r="I39" s="288">
        <v>0</v>
      </c>
      <c r="J39" s="288">
        <v>0</v>
      </c>
      <c r="K39" s="288">
        <v>0</v>
      </c>
      <c r="L39" s="289">
        <v>0</v>
      </c>
      <c r="M39" s="290">
        <v>0</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1</v>
      </c>
      <c r="AF39" s="288">
        <v>0</v>
      </c>
      <c r="AG39" s="288">
        <v>1</v>
      </c>
      <c r="AH39" s="285">
        <v>2</v>
      </c>
      <c r="AI39" s="290">
        <v>2</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0</v>
      </c>
      <c r="BC39" s="288">
        <v>0</v>
      </c>
      <c r="BD39" s="285">
        <v>0</v>
      </c>
      <c r="BE39" s="290">
        <v>0</v>
      </c>
      <c r="BF39" s="284">
        <v>0</v>
      </c>
      <c r="BG39" s="288">
        <v>0</v>
      </c>
      <c r="BH39" s="285">
        <v>0</v>
      </c>
      <c r="BI39" s="287">
        <v>0</v>
      </c>
      <c r="BJ39" s="288">
        <v>0</v>
      </c>
      <c r="BK39" s="288">
        <v>0</v>
      </c>
      <c r="BL39" s="288">
        <v>0</v>
      </c>
      <c r="BM39" s="288">
        <v>0</v>
      </c>
      <c r="BN39" s="288">
        <v>0</v>
      </c>
      <c r="BO39" s="289">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 style="256" customWidth="1"/>
    <col min="6" max="6" width="7.77734375" style="256" customWidth="1"/>
    <col min="7" max="7" width="10.77734375" style="256" customWidth="1"/>
    <col min="8" max="16" width="9" style="256"/>
    <col min="17" max="17" width="8" style="256" customWidth="1"/>
    <col min="18" max="16384" width="9" style="256"/>
  </cols>
  <sheetData>
    <row r="1" spans="2:24" ht="24" customHeight="1" x14ac:dyDescent="0.2">
      <c r="B1" s="291" t="s">
        <v>125</v>
      </c>
      <c r="H1" s="528">
        <f>第１表!F2</f>
        <v>4</v>
      </c>
      <c r="I1" s="528"/>
      <c r="J1" s="248">
        <f>第１表!G2</f>
        <v>7</v>
      </c>
      <c r="K1" s="529">
        <f>IF(J1&lt;3,J1+12-2,J1-2)</f>
        <v>5</v>
      </c>
      <c r="L1" s="529"/>
    </row>
    <row r="2" spans="2:24" ht="24" customHeight="1" thickBot="1" x14ac:dyDescent="0.25">
      <c r="B2" s="291" t="s">
        <v>133</v>
      </c>
    </row>
    <row r="3" spans="2:24" ht="21.75" customHeight="1" x14ac:dyDescent="0.2">
      <c r="B3" s="541"/>
      <c r="C3" s="537" t="s">
        <v>143</v>
      </c>
      <c r="D3" s="537"/>
      <c r="E3" s="537"/>
      <c r="F3" s="537"/>
      <c r="G3" s="537"/>
      <c r="H3" s="537"/>
      <c r="I3" s="537"/>
      <c r="J3" s="537"/>
      <c r="K3" s="537"/>
      <c r="L3" s="537"/>
      <c r="M3" s="567"/>
      <c r="N3" s="537" t="s">
        <v>113</v>
      </c>
      <c r="O3" s="537"/>
      <c r="P3" s="537"/>
      <c r="Q3" s="537"/>
      <c r="R3" s="537"/>
      <c r="S3" s="537"/>
      <c r="T3" s="537"/>
      <c r="U3" s="537"/>
      <c r="V3" s="537"/>
      <c r="W3" s="537"/>
      <c r="X3" s="567"/>
    </row>
    <row r="4" spans="2:24" ht="20.25" customHeight="1" x14ac:dyDescent="0.2">
      <c r="B4" s="565"/>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28.5" customHeight="1" thickBot="1" x14ac:dyDescent="0.25">
      <c r="B5" s="566"/>
      <c r="C5" s="260" t="s">
        <v>43</v>
      </c>
      <c r="D5" s="260" t="s">
        <v>44</v>
      </c>
      <c r="E5" s="266" t="s">
        <v>45</v>
      </c>
      <c r="F5" s="268" t="s">
        <v>83</v>
      </c>
      <c r="G5" s="260" t="s">
        <v>47</v>
      </c>
      <c r="H5" s="260" t="s">
        <v>48</v>
      </c>
      <c r="I5" s="260" t="s">
        <v>49</v>
      </c>
      <c r="J5" s="260" t="s">
        <v>50</v>
      </c>
      <c r="K5" s="260" t="s">
        <v>51</v>
      </c>
      <c r="L5" s="266" t="s">
        <v>45</v>
      </c>
      <c r="M5" s="540"/>
      <c r="N5" s="260" t="s">
        <v>43</v>
      </c>
      <c r="O5" s="260" t="s">
        <v>44</v>
      </c>
      <c r="P5" s="266" t="s">
        <v>45</v>
      </c>
      <c r="Q5" s="268" t="s">
        <v>83</v>
      </c>
      <c r="R5" s="260" t="s">
        <v>47</v>
      </c>
      <c r="S5" s="260" t="s">
        <v>48</v>
      </c>
      <c r="T5" s="260" t="s">
        <v>49</v>
      </c>
      <c r="U5" s="260" t="s">
        <v>50</v>
      </c>
      <c r="V5" s="260" t="s">
        <v>51</v>
      </c>
      <c r="W5" s="266" t="s">
        <v>45</v>
      </c>
      <c r="X5" s="540"/>
    </row>
    <row r="6" spans="2:24" ht="21" customHeight="1" x14ac:dyDescent="0.2">
      <c r="B6" s="259" t="s">
        <v>4</v>
      </c>
      <c r="C6" s="274">
        <v>0</v>
      </c>
      <c r="D6" s="274">
        <v>0</v>
      </c>
      <c r="E6" s="271">
        <v>0</v>
      </c>
      <c r="F6" s="273">
        <v>0</v>
      </c>
      <c r="G6" s="274">
        <v>101804</v>
      </c>
      <c r="H6" s="274">
        <v>98811</v>
      </c>
      <c r="I6" s="274">
        <v>60878</v>
      </c>
      <c r="J6" s="274">
        <v>32820</v>
      </c>
      <c r="K6" s="274">
        <v>14734</v>
      </c>
      <c r="L6" s="271">
        <v>309047</v>
      </c>
      <c r="M6" s="276">
        <v>309047</v>
      </c>
      <c r="N6" s="274">
        <v>25</v>
      </c>
      <c r="O6" s="274">
        <v>41</v>
      </c>
      <c r="P6" s="271">
        <v>66</v>
      </c>
      <c r="Q6" s="273">
        <v>0</v>
      </c>
      <c r="R6" s="274">
        <v>6946</v>
      </c>
      <c r="S6" s="274">
        <v>9045</v>
      </c>
      <c r="T6" s="274">
        <v>12164</v>
      </c>
      <c r="U6" s="274">
        <v>6161</v>
      </c>
      <c r="V6" s="274">
        <v>5546</v>
      </c>
      <c r="W6" s="271">
        <v>39862</v>
      </c>
      <c r="X6" s="276">
        <v>39928</v>
      </c>
    </row>
    <row r="7" spans="2:24" ht="21" customHeight="1" x14ac:dyDescent="0.2">
      <c r="B7" s="257" t="s">
        <v>5</v>
      </c>
      <c r="C7" s="281">
        <v>0</v>
      </c>
      <c r="D7" s="281">
        <v>0</v>
      </c>
      <c r="E7" s="278">
        <v>0</v>
      </c>
      <c r="F7" s="280">
        <v>0</v>
      </c>
      <c r="G7" s="281">
        <v>34035</v>
      </c>
      <c r="H7" s="281">
        <v>44615</v>
      </c>
      <c r="I7" s="281">
        <v>26948</v>
      </c>
      <c r="J7" s="281">
        <v>14849</v>
      </c>
      <c r="K7" s="281">
        <v>6757</v>
      </c>
      <c r="L7" s="278">
        <v>127204</v>
      </c>
      <c r="M7" s="283">
        <v>127204</v>
      </c>
      <c r="N7" s="281">
        <v>13</v>
      </c>
      <c r="O7" s="281">
        <v>13</v>
      </c>
      <c r="P7" s="278">
        <v>26</v>
      </c>
      <c r="Q7" s="280">
        <v>0</v>
      </c>
      <c r="R7" s="281">
        <v>3093</v>
      </c>
      <c r="S7" s="281">
        <v>4481</v>
      </c>
      <c r="T7" s="281">
        <v>6425</v>
      </c>
      <c r="U7" s="281">
        <v>3394</v>
      </c>
      <c r="V7" s="281">
        <v>3328</v>
      </c>
      <c r="W7" s="278">
        <v>20721</v>
      </c>
      <c r="X7" s="283">
        <v>20747</v>
      </c>
    </row>
    <row r="8" spans="2:24" ht="21" customHeight="1" x14ac:dyDescent="0.2">
      <c r="B8" s="257" t="s">
        <v>6</v>
      </c>
      <c r="C8" s="281">
        <v>0</v>
      </c>
      <c r="D8" s="281">
        <v>0</v>
      </c>
      <c r="E8" s="278">
        <v>0</v>
      </c>
      <c r="F8" s="280">
        <v>0</v>
      </c>
      <c r="G8" s="281">
        <v>15422</v>
      </c>
      <c r="H8" s="281">
        <v>11354</v>
      </c>
      <c r="I8" s="281">
        <v>7561</v>
      </c>
      <c r="J8" s="281">
        <v>4382</v>
      </c>
      <c r="K8" s="281">
        <v>2170</v>
      </c>
      <c r="L8" s="278">
        <v>40889</v>
      </c>
      <c r="M8" s="283">
        <v>40889</v>
      </c>
      <c r="N8" s="281">
        <v>8</v>
      </c>
      <c r="O8" s="281">
        <v>4</v>
      </c>
      <c r="P8" s="278">
        <v>12</v>
      </c>
      <c r="Q8" s="280">
        <v>0</v>
      </c>
      <c r="R8" s="281">
        <v>1692</v>
      </c>
      <c r="S8" s="281">
        <v>2042</v>
      </c>
      <c r="T8" s="281">
        <v>2552</v>
      </c>
      <c r="U8" s="281">
        <v>1601</v>
      </c>
      <c r="V8" s="281">
        <v>972</v>
      </c>
      <c r="W8" s="278">
        <v>8859</v>
      </c>
      <c r="X8" s="283">
        <v>8871</v>
      </c>
    </row>
    <row r="9" spans="2:24" ht="21" customHeight="1" x14ac:dyDescent="0.2">
      <c r="B9" s="257" t="s">
        <v>14</v>
      </c>
      <c r="C9" s="281">
        <v>0</v>
      </c>
      <c r="D9" s="281">
        <v>0</v>
      </c>
      <c r="E9" s="278">
        <v>0</v>
      </c>
      <c r="F9" s="280">
        <v>0</v>
      </c>
      <c r="G9" s="281">
        <v>8118</v>
      </c>
      <c r="H9" s="281">
        <v>8683</v>
      </c>
      <c r="I9" s="281">
        <v>5727</v>
      </c>
      <c r="J9" s="281">
        <v>2928</v>
      </c>
      <c r="K9" s="281">
        <v>1230</v>
      </c>
      <c r="L9" s="278">
        <v>26686</v>
      </c>
      <c r="M9" s="283">
        <v>26686</v>
      </c>
      <c r="N9" s="281">
        <v>0</v>
      </c>
      <c r="O9" s="281">
        <v>0</v>
      </c>
      <c r="P9" s="278">
        <v>0</v>
      </c>
      <c r="Q9" s="280">
        <v>0</v>
      </c>
      <c r="R9" s="281">
        <v>170</v>
      </c>
      <c r="S9" s="281">
        <v>208</v>
      </c>
      <c r="T9" s="281">
        <v>365</v>
      </c>
      <c r="U9" s="281">
        <v>123</v>
      </c>
      <c r="V9" s="281">
        <v>282</v>
      </c>
      <c r="W9" s="278">
        <v>1148</v>
      </c>
      <c r="X9" s="283">
        <v>1148</v>
      </c>
    </row>
    <row r="10" spans="2:24" ht="21" customHeight="1" x14ac:dyDescent="0.2">
      <c r="B10" s="257" t="s">
        <v>7</v>
      </c>
      <c r="C10" s="281">
        <v>0</v>
      </c>
      <c r="D10" s="281">
        <v>0</v>
      </c>
      <c r="E10" s="278">
        <v>0</v>
      </c>
      <c r="F10" s="280">
        <v>0</v>
      </c>
      <c r="G10" s="281">
        <v>7893</v>
      </c>
      <c r="H10" s="281">
        <v>5294</v>
      </c>
      <c r="I10" s="281">
        <v>2860</v>
      </c>
      <c r="J10" s="281">
        <v>1192</v>
      </c>
      <c r="K10" s="281">
        <v>556</v>
      </c>
      <c r="L10" s="278">
        <v>17795</v>
      </c>
      <c r="M10" s="283">
        <v>17795</v>
      </c>
      <c r="N10" s="281">
        <v>0</v>
      </c>
      <c r="O10" s="281">
        <v>0</v>
      </c>
      <c r="P10" s="278">
        <v>0</v>
      </c>
      <c r="Q10" s="280">
        <v>0</v>
      </c>
      <c r="R10" s="281">
        <v>779</v>
      </c>
      <c r="S10" s="281">
        <v>898</v>
      </c>
      <c r="T10" s="281">
        <v>1178</v>
      </c>
      <c r="U10" s="281">
        <v>349</v>
      </c>
      <c r="V10" s="281">
        <v>162</v>
      </c>
      <c r="W10" s="278">
        <v>3366</v>
      </c>
      <c r="X10" s="283">
        <v>3366</v>
      </c>
    </row>
    <row r="11" spans="2:24" ht="21" customHeight="1" x14ac:dyDescent="0.2">
      <c r="B11" s="257" t="s">
        <v>8</v>
      </c>
      <c r="C11" s="281">
        <v>0</v>
      </c>
      <c r="D11" s="281">
        <v>0</v>
      </c>
      <c r="E11" s="278">
        <v>0</v>
      </c>
      <c r="F11" s="280">
        <v>0</v>
      </c>
      <c r="G11" s="281">
        <v>4658</v>
      </c>
      <c r="H11" s="281">
        <v>4485</v>
      </c>
      <c r="I11" s="281">
        <v>2744</v>
      </c>
      <c r="J11" s="281">
        <v>1473</v>
      </c>
      <c r="K11" s="281">
        <v>572</v>
      </c>
      <c r="L11" s="278">
        <v>13932</v>
      </c>
      <c r="M11" s="283">
        <v>13932</v>
      </c>
      <c r="N11" s="281">
        <v>0</v>
      </c>
      <c r="O11" s="281">
        <v>0</v>
      </c>
      <c r="P11" s="278">
        <v>0</v>
      </c>
      <c r="Q11" s="280">
        <v>0</v>
      </c>
      <c r="R11" s="281">
        <v>84</v>
      </c>
      <c r="S11" s="281">
        <v>127</v>
      </c>
      <c r="T11" s="281">
        <v>90</v>
      </c>
      <c r="U11" s="281">
        <v>53</v>
      </c>
      <c r="V11" s="281">
        <v>87</v>
      </c>
      <c r="W11" s="278">
        <v>441</v>
      </c>
      <c r="X11" s="283">
        <v>441</v>
      </c>
    </row>
    <row r="12" spans="2:24" ht="21" customHeight="1" x14ac:dyDescent="0.2">
      <c r="B12" s="257" t="s">
        <v>9</v>
      </c>
      <c r="C12" s="281">
        <v>0</v>
      </c>
      <c r="D12" s="281">
        <v>0</v>
      </c>
      <c r="E12" s="278">
        <v>0</v>
      </c>
      <c r="F12" s="280">
        <v>0</v>
      </c>
      <c r="G12" s="281">
        <v>2945</v>
      </c>
      <c r="H12" s="281">
        <v>2355</v>
      </c>
      <c r="I12" s="281">
        <v>1846</v>
      </c>
      <c r="J12" s="281">
        <v>765</v>
      </c>
      <c r="K12" s="281">
        <v>260</v>
      </c>
      <c r="L12" s="278">
        <v>8171</v>
      </c>
      <c r="M12" s="283">
        <v>8171</v>
      </c>
      <c r="N12" s="281">
        <v>0</v>
      </c>
      <c r="O12" s="281">
        <v>0</v>
      </c>
      <c r="P12" s="278">
        <v>0</v>
      </c>
      <c r="Q12" s="280">
        <v>0</v>
      </c>
      <c r="R12" s="281">
        <v>51</v>
      </c>
      <c r="S12" s="281">
        <v>62</v>
      </c>
      <c r="T12" s="281">
        <v>54</v>
      </c>
      <c r="U12" s="281">
        <v>39</v>
      </c>
      <c r="V12" s="281">
        <v>43</v>
      </c>
      <c r="W12" s="278">
        <v>249</v>
      </c>
      <c r="X12" s="283">
        <v>249</v>
      </c>
    </row>
    <row r="13" spans="2:24" ht="21" customHeight="1" x14ac:dyDescent="0.2">
      <c r="B13" s="257" t="s">
        <v>10</v>
      </c>
      <c r="C13" s="281">
        <v>0</v>
      </c>
      <c r="D13" s="281">
        <v>0</v>
      </c>
      <c r="E13" s="278">
        <v>0</v>
      </c>
      <c r="F13" s="280">
        <v>0</v>
      </c>
      <c r="G13" s="281">
        <v>4373</v>
      </c>
      <c r="H13" s="281">
        <v>2220</v>
      </c>
      <c r="I13" s="281">
        <v>1088</v>
      </c>
      <c r="J13" s="281">
        <v>613</v>
      </c>
      <c r="K13" s="281">
        <v>305</v>
      </c>
      <c r="L13" s="278">
        <v>8599</v>
      </c>
      <c r="M13" s="283">
        <v>8599</v>
      </c>
      <c r="N13" s="281">
        <v>0</v>
      </c>
      <c r="O13" s="281">
        <v>4</v>
      </c>
      <c r="P13" s="278">
        <v>4</v>
      </c>
      <c r="Q13" s="280">
        <v>0</v>
      </c>
      <c r="R13" s="281">
        <v>124</v>
      </c>
      <c r="S13" s="281">
        <v>141</v>
      </c>
      <c r="T13" s="281">
        <v>169</v>
      </c>
      <c r="U13" s="281">
        <v>58</v>
      </c>
      <c r="V13" s="281">
        <v>131</v>
      </c>
      <c r="W13" s="278">
        <v>623</v>
      </c>
      <c r="X13" s="283">
        <v>627</v>
      </c>
    </row>
    <row r="14" spans="2:24" ht="21" customHeight="1" x14ac:dyDescent="0.2">
      <c r="B14" s="257" t="s">
        <v>11</v>
      </c>
      <c r="C14" s="281">
        <v>0</v>
      </c>
      <c r="D14" s="281">
        <v>0</v>
      </c>
      <c r="E14" s="278">
        <v>0</v>
      </c>
      <c r="F14" s="280">
        <v>0</v>
      </c>
      <c r="G14" s="281">
        <v>4429</v>
      </c>
      <c r="H14" s="281">
        <v>2546</v>
      </c>
      <c r="I14" s="281">
        <v>1767</v>
      </c>
      <c r="J14" s="281">
        <v>885</v>
      </c>
      <c r="K14" s="281">
        <v>316</v>
      </c>
      <c r="L14" s="278">
        <v>9943</v>
      </c>
      <c r="M14" s="283">
        <v>9943</v>
      </c>
      <c r="N14" s="281">
        <v>0</v>
      </c>
      <c r="O14" s="281">
        <v>8</v>
      </c>
      <c r="P14" s="278">
        <v>8</v>
      </c>
      <c r="Q14" s="280">
        <v>0</v>
      </c>
      <c r="R14" s="281">
        <v>190</v>
      </c>
      <c r="S14" s="281">
        <v>118</v>
      </c>
      <c r="T14" s="281">
        <v>96</v>
      </c>
      <c r="U14" s="281">
        <v>14</v>
      </c>
      <c r="V14" s="281">
        <v>7</v>
      </c>
      <c r="W14" s="278">
        <v>425</v>
      </c>
      <c r="X14" s="283">
        <v>433</v>
      </c>
    </row>
    <row r="15" spans="2:24" ht="21" customHeight="1" x14ac:dyDescent="0.2">
      <c r="B15" s="257" t="s">
        <v>12</v>
      </c>
      <c r="C15" s="281">
        <v>0</v>
      </c>
      <c r="D15" s="281">
        <v>0</v>
      </c>
      <c r="E15" s="278">
        <v>0</v>
      </c>
      <c r="F15" s="280">
        <v>0</v>
      </c>
      <c r="G15" s="281">
        <v>3167</v>
      </c>
      <c r="H15" s="281">
        <v>2035</v>
      </c>
      <c r="I15" s="281">
        <v>1577</v>
      </c>
      <c r="J15" s="281">
        <v>758</v>
      </c>
      <c r="K15" s="281">
        <v>306</v>
      </c>
      <c r="L15" s="278">
        <v>7843</v>
      </c>
      <c r="M15" s="283">
        <v>7843</v>
      </c>
      <c r="N15" s="281">
        <v>0</v>
      </c>
      <c r="O15" s="281">
        <v>0</v>
      </c>
      <c r="P15" s="278">
        <v>0</v>
      </c>
      <c r="Q15" s="280">
        <v>0</v>
      </c>
      <c r="R15" s="281">
        <v>32</v>
      </c>
      <c r="S15" s="281">
        <v>22</v>
      </c>
      <c r="T15" s="281">
        <v>10</v>
      </c>
      <c r="U15" s="281">
        <v>0</v>
      </c>
      <c r="V15" s="281">
        <v>13</v>
      </c>
      <c r="W15" s="278">
        <v>77</v>
      </c>
      <c r="X15" s="283">
        <v>77</v>
      </c>
    </row>
    <row r="16" spans="2:24" ht="21" customHeight="1" x14ac:dyDescent="0.2">
      <c r="B16" s="257" t="s">
        <v>13</v>
      </c>
      <c r="C16" s="281">
        <v>0</v>
      </c>
      <c r="D16" s="281">
        <v>0</v>
      </c>
      <c r="E16" s="278">
        <v>0</v>
      </c>
      <c r="F16" s="280">
        <v>0</v>
      </c>
      <c r="G16" s="281">
        <v>920</v>
      </c>
      <c r="H16" s="281">
        <v>1027</v>
      </c>
      <c r="I16" s="281">
        <v>564</v>
      </c>
      <c r="J16" s="281">
        <v>306</v>
      </c>
      <c r="K16" s="281">
        <v>96</v>
      </c>
      <c r="L16" s="278">
        <v>2913</v>
      </c>
      <c r="M16" s="283">
        <v>2913</v>
      </c>
      <c r="N16" s="281">
        <v>0</v>
      </c>
      <c r="O16" s="281">
        <v>0</v>
      </c>
      <c r="P16" s="278">
        <v>0</v>
      </c>
      <c r="Q16" s="280">
        <v>0</v>
      </c>
      <c r="R16" s="281">
        <v>18</v>
      </c>
      <c r="S16" s="281">
        <v>19</v>
      </c>
      <c r="T16" s="281">
        <v>61</v>
      </c>
      <c r="U16" s="281">
        <v>39</v>
      </c>
      <c r="V16" s="281">
        <v>42</v>
      </c>
      <c r="W16" s="278">
        <v>179</v>
      </c>
      <c r="X16" s="283">
        <v>179</v>
      </c>
    </row>
    <row r="17" spans="2:24" ht="21" customHeight="1" x14ac:dyDescent="0.2">
      <c r="B17" s="257" t="s">
        <v>15</v>
      </c>
      <c r="C17" s="281">
        <v>0</v>
      </c>
      <c r="D17" s="281">
        <v>0</v>
      </c>
      <c r="E17" s="278">
        <v>0</v>
      </c>
      <c r="F17" s="280">
        <v>0</v>
      </c>
      <c r="G17" s="281">
        <v>1049</v>
      </c>
      <c r="H17" s="281">
        <v>1284</v>
      </c>
      <c r="I17" s="281">
        <v>734</v>
      </c>
      <c r="J17" s="281">
        <v>316</v>
      </c>
      <c r="K17" s="281">
        <v>104</v>
      </c>
      <c r="L17" s="278">
        <v>3487</v>
      </c>
      <c r="M17" s="283">
        <v>3487</v>
      </c>
      <c r="N17" s="281">
        <v>0</v>
      </c>
      <c r="O17" s="281">
        <v>0</v>
      </c>
      <c r="P17" s="278">
        <v>0</v>
      </c>
      <c r="Q17" s="280">
        <v>0</v>
      </c>
      <c r="R17" s="281">
        <v>25</v>
      </c>
      <c r="S17" s="281">
        <v>61</v>
      </c>
      <c r="T17" s="281">
        <v>86</v>
      </c>
      <c r="U17" s="281">
        <v>27</v>
      </c>
      <c r="V17" s="281">
        <v>7</v>
      </c>
      <c r="W17" s="278">
        <v>206</v>
      </c>
      <c r="X17" s="283">
        <v>206</v>
      </c>
    </row>
    <row r="18" spans="2:24" ht="21" customHeight="1" x14ac:dyDescent="0.2">
      <c r="B18" s="257" t="s">
        <v>16</v>
      </c>
      <c r="C18" s="281">
        <v>0</v>
      </c>
      <c r="D18" s="281">
        <v>0</v>
      </c>
      <c r="E18" s="278">
        <v>0</v>
      </c>
      <c r="F18" s="280">
        <v>0</v>
      </c>
      <c r="G18" s="281">
        <v>1266</v>
      </c>
      <c r="H18" s="281">
        <v>1374</v>
      </c>
      <c r="I18" s="281">
        <v>919</v>
      </c>
      <c r="J18" s="281">
        <v>475</v>
      </c>
      <c r="K18" s="281">
        <v>222</v>
      </c>
      <c r="L18" s="278">
        <v>4256</v>
      </c>
      <c r="M18" s="283">
        <v>4256</v>
      </c>
      <c r="N18" s="281">
        <v>0</v>
      </c>
      <c r="O18" s="281">
        <v>0</v>
      </c>
      <c r="P18" s="278">
        <v>0</v>
      </c>
      <c r="Q18" s="280">
        <v>0</v>
      </c>
      <c r="R18" s="281">
        <v>43</v>
      </c>
      <c r="S18" s="281">
        <v>85</v>
      </c>
      <c r="T18" s="281">
        <v>73</v>
      </c>
      <c r="U18" s="281">
        <v>37</v>
      </c>
      <c r="V18" s="281">
        <v>64</v>
      </c>
      <c r="W18" s="278">
        <v>302</v>
      </c>
      <c r="X18" s="283">
        <v>302</v>
      </c>
    </row>
    <row r="19" spans="2:24" ht="21" customHeight="1" x14ac:dyDescent="0.2">
      <c r="B19" s="257" t="s">
        <v>17</v>
      </c>
      <c r="C19" s="281">
        <v>0</v>
      </c>
      <c r="D19" s="281">
        <v>0</v>
      </c>
      <c r="E19" s="278">
        <v>0</v>
      </c>
      <c r="F19" s="280">
        <v>0</v>
      </c>
      <c r="G19" s="281">
        <v>2111</v>
      </c>
      <c r="H19" s="281">
        <v>2697</v>
      </c>
      <c r="I19" s="281">
        <v>1556</v>
      </c>
      <c r="J19" s="281">
        <v>1311</v>
      </c>
      <c r="K19" s="281">
        <v>753</v>
      </c>
      <c r="L19" s="278">
        <v>8428</v>
      </c>
      <c r="M19" s="283">
        <v>8428</v>
      </c>
      <c r="N19" s="281">
        <v>0</v>
      </c>
      <c r="O19" s="281">
        <v>11</v>
      </c>
      <c r="P19" s="278">
        <v>11</v>
      </c>
      <c r="Q19" s="280">
        <v>0</v>
      </c>
      <c r="R19" s="281">
        <v>166</v>
      </c>
      <c r="S19" s="281">
        <v>215</v>
      </c>
      <c r="T19" s="281">
        <v>215</v>
      </c>
      <c r="U19" s="281">
        <v>141</v>
      </c>
      <c r="V19" s="281">
        <v>74</v>
      </c>
      <c r="W19" s="278">
        <v>811</v>
      </c>
      <c r="X19" s="283">
        <v>822</v>
      </c>
    </row>
    <row r="20" spans="2:24" ht="21" customHeight="1" x14ac:dyDescent="0.2">
      <c r="B20" s="257" t="s">
        <v>18</v>
      </c>
      <c r="C20" s="281">
        <v>0</v>
      </c>
      <c r="D20" s="281">
        <v>0</v>
      </c>
      <c r="E20" s="278">
        <v>0</v>
      </c>
      <c r="F20" s="280">
        <v>0</v>
      </c>
      <c r="G20" s="281">
        <v>2012</v>
      </c>
      <c r="H20" s="281">
        <v>1724</v>
      </c>
      <c r="I20" s="281">
        <v>1073</v>
      </c>
      <c r="J20" s="281">
        <v>430</v>
      </c>
      <c r="K20" s="281">
        <v>184</v>
      </c>
      <c r="L20" s="278">
        <v>5423</v>
      </c>
      <c r="M20" s="283">
        <v>5423</v>
      </c>
      <c r="N20" s="281">
        <v>0</v>
      </c>
      <c r="O20" s="281">
        <v>0</v>
      </c>
      <c r="P20" s="278">
        <v>0</v>
      </c>
      <c r="Q20" s="280">
        <v>0</v>
      </c>
      <c r="R20" s="281">
        <v>102</v>
      </c>
      <c r="S20" s="281">
        <v>66</v>
      </c>
      <c r="T20" s="281">
        <v>128</v>
      </c>
      <c r="U20" s="281">
        <v>121</v>
      </c>
      <c r="V20" s="281">
        <v>129</v>
      </c>
      <c r="W20" s="278">
        <v>546</v>
      </c>
      <c r="X20" s="283">
        <v>546</v>
      </c>
    </row>
    <row r="21" spans="2:24" ht="21" customHeight="1" x14ac:dyDescent="0.2">
      <c r="B21" s="257" t="s">
        <v>19</v>
      </c>
      <c r="C21" s="281">
        <v>0</v>
      </c>
      <c r="D21" s="281">
        <v>0</v>
      </c>
      <c r="E21" s="278">
        <v>0</v>
      </c>
      <c r="F21" s="280">
        <v>0</v>
      </c>
      <c r="G21" s="281">
        <v>1058</v>
      </c>
      <c r="H21" s="281">
        <v>909</v>
      </c>
      <c r="I21" s="281">
        <v>444</v>
      </c>
      <c r="J21" s="281">
        <v>331</v>
      </c>
      <c r="K21" s="281">
        <v>107</v>
      </c>
      <c r="L21" s="278">
        <v>2849</v>
      </c>
      <c r="M21" s="283">
        <v>2849</v>
      </c>
      <c r="N21" s="281">
        <v>0</v>
      </c>
      <c r="O21" s="281">
        <v>0</v>
      </c>
      <c r="P21" s="278">
        <v>0</v>
      </c>
      <c r="Q21" s="280">
        <v>0</v>
      </c>
      <c r="R21" s="281">
        <v>103</v>
      </c>
      <c r="S21" s="281">
        <v>247</v>
      </c>
      <c r="T21" s="281">
        <v>207</v>
      </c>
      <c r="U21" s="281">
        <v>19</v>
      </c>
      <c r="V21" s="281">
        <v>53</v>
      </c>
      <c r="W21" s="278">
        <v>629</v>
      </c>
      <c r="X21" s="283">
        <v>629</v>
      </c>
    </row>
    <row r="22" spans="2:24" ht="21" customHeight="1" x14ac:dyDescent="0.2">
      <c r="B22" s="257" t="s">
        <v>20</v>
      </c>
      <c r="C22" s="281">
        <v>0</v>
      </c>
      <c r="D22" s="281">
        <v>0</v>
      </c>
      <c r="E22" s="278">
        <v>0</v>
      </c>
      <c r="F22" s="280">
        <v>0</v>
      </c>
      <c r="G22" s="281">
        <v>1423</v>
      </c>
      <c r="H22" s="281">
        <v>694</v>
      </c>
      <c r="I22" s="281">
        <v>494</v>
      </c>
      <c r="J22" s="281">
        <v>358</v>
      </c>
      <c r="K22" s="281">
        <v>58</v>
      </c>
      <c r="L22" s="278">
        <v>3027</v>
      </c>
      <c r="M22" s="283">
        <v>3027</v>
      </c>
      <c r="N22" s="281">
        <v>0</v>
      </c>
      <c r="O22" s="281">
        <v>0</v>
      </c>
      <c r="P22" s="278">
        <v>0</v>
      </c>
      <c r="Q22" s="280">
        <v>0</v>
      </c>
      <c r="R22" s="281">
        <v>9</v>
      </c>
      <c r="S22" s="281">
        <v>28</v>
      </c>
      <c r="T22" s="281">
        <v>54</v>
      </c>
      <c r="U22" s="281">
        <v>29</v>
      </c>
      <c r="V22" s="281">
        <v>29</v>
      </c>
      <c r="W22" s="278">
        <v>149</v>
      </c>
      <c r="X22" s="283">
        <v>149</v>
      </c>
    </row>
    <row r="23" spans="2:24" ht="21" customHeight="1" x14ac:dyDescent="0.2">
      <c r="B23" s="257" t="s">
        <v>21</v>
      </c>
      <c r="C23" s="281">
        <v>0</v>
      </c>
      <c r="D23" s="281">
        <v>0</v>
      </c>
      <c r="E23" s="278">
        <v>0</v>
      </c>
      <c r="F23" s="280">
        <v>0</v>
      </c>
      <c r="G23" s="281">
        <v>1330</v>
      </c>
      <c r="H23" s="281">
        <v>1626</v>
      </c>
      <c r="I23" s="281">
        <v>684</v>
      </c>
      <c r="J23" s="281">
        <v>290</v>
      </c>
      <c r="K23" s="281">
        <v>170</v>
      </c>
      <c r="L23" s="278">
        <v>4100</v>
      </c>
      <c r="M23" s="283">
        <v>4100</v>
      </c>
      <c r="N23" s="281">
        <v>0</v>
      </c>
      <c r="O23" s="281">
        <v>1</v>
      </c>
      <c r="P23" s="278">
        <v>1</v>
      </c>
      <c r="Q23" s="280">
        <v>0</v>
      </c>
      <c r="R23" s="281">
        <v>0</v>
      </c>
      <c r="S23" s="281">
        <v>0</v>
      </c>
      <c r="T23" s="281">
        <v>0</v>
      </c>
      <c r="U23" s="281">
        <v>0</v>
      </c>
      <c r="V23" s="281">
        <v>0</v>
      </c>
      <c r="W23" s="278">
        <v>0</v>
      </c>
      <c r="X23" s="283">
        <v>1</v>
      </c>
    </row>
    <row r="24" spans="2:24" ht="21" customHeight="1" x14ac:dyDescent="0.2">
      <c r="B24" s="257" t="s">
        <v>22</v>
      </c>
      <c r="C24" s="281">
        <v>0</v>
      </c>
      <c r="D24" s="281">
        <v>0</v>
      </c>
      <c r="E24" s="278">
        <v>0</v>
      </c>
      <c r="F24" s="280">
        <v>0</v>
      </c>
      <c r="G24" s="281">
        <v>1253</v>
      </c>
      <c r="H24" s="281">
        <v>914</v>
      </c>
      <c r="I24" s="281">
        <v>461</v>
      </c>
      <c r="J24" s="281">
        <v>271</v>
      </c>
      <c r="K24" s="281">
        <v>83</v>
      </c>
      <c r="L24" s="278">
        <v>2982</v>
      </c>
      <c r="M24" s="283">
        <v>2982</v>
      </c>
      <c r="N24" s="281">
        <v>0</v>
      </c>
      <c r="O24" s="281">
        <v>0</v>
      </c>
      <c r="P24" s="278">
        <v>0</v>
      </c>
      <c r="Q24" s="280">
        <v>0</v>
      </c>
      <c r="R24" s="281">
        <v>59</v>
      </c>
      <c r="S24" s="281">
        <v>49</v>
      </c>
      <c r="T24" s="281">
        <v>88</v>
      </c>
      <c r="U24" s="281">
        <v>24</v>
      </c>
      <c r="V24" s="281">
        <v>16</v>
      </c>
      <c r="W24" s="278">
        <v>236</v>
      </c>
      <c r="X24" s="283">
        <v>236</v>
      </c>
    </row>
    <row r="25" spans="2:24" ht="21" customHeight="1" x14ac:dyDescent="0.2">
      <c r="B25" s="257" t="s">
        <v>23</v>
      </c>
      <c r="C25" s="281">
        <v>0</v>
      </c>
      <c r="D25" s="281">
        <v>0</v>
      </c>
      <c r="E25" s="278">
        <v>0</v>
      </c>
      <c r="F25" s="280">
        <v>0</v>
      </c>
      <c r="G25" s="281">
        <v>501</v>
      </c>
      <c r="H25" s="281">
        <v>413</v>
      </c>
      <c r="I25" s="281">
        <v>169</v>
      </c>
      <c r="J25" s="281">
        <v>130</v>
      </c>
      <c r="K25" s="281">
        <v>42</v>
      </c>
      <c r="L25" s="278">
        <v>1255</v>
      </c>
      <c r="M25" s="283">
        <v>1255</v>
      </c>
      <c r="N25" s="281">
        <v>0</v>
      </c>
      <c r="O25" s="281">
        <v>0</v>
      </c>
      <c r="P25" s="278">
        <v>0</v>
      </c>
      <c r="Q25" s="280">
        <v>0</v>
      </c>
      <c r="R25" s="281">
        <v>0</v>
      </c>
      <c r="S25" s="281">
        <v>4</v>
      </c>
      <c r="T25" s="281">
        <v>7</v>
      </c>
      <c r="U25" s="281">
        <v>20</v>
      </c>
      <c r="V25" s="281">
        <v>0</v>
      </c>
      <c r="W25" s="278">
        <v>31</v>
      </c>
      <c r="X25" s="283">
        <v>31</v>
      </c>
    </row>
    <row r="26" spans="2:24" ht="21" customHeight="1" x14ac:dyDescent="0.2">
      <c r="B26" s="257" t="s">
        <v>24</v>
      </c>
      <c r="C26" s="281">
        <v>0</v>
      </c>
      <c r="D26" s="281">
        <v>0</v>
      </c>
      <c r="E26" s="278">
        <v>0</v>
      </c>
      <c r="F26" s="280">
        <v>0</v>
      </c>
      <c r="G26" s="281">
        <v>290</v>
      </c>
      <c r="H26" s="281">
        <v>114</v>
      </c>
      <c r="I26" s="281">
        <v>103</v>
      </c>
      <c r="J26" s="281">
        <v>21</v>
      </c>
      <c r="K26" s="281">
        <v>12</v>
      </c>
      <c r="L26" s="278">
        <v>540</v>
      </c>
      <c r="M26" s="283">
        <v>540</v>
      </c>
      <c r="N26" s="281">
        <v>0</v>
      </c>
      <c r="O26" s="281">
        <v>0</v>
      </c>
      <c r="P26" s="278">
        <v>0</v>
      </c>
      <c r="Q26" s="280">
        <v>0</v>
      </c>
      <c r="R26" s="281">
        <v>84</v>
      </c>
      <c r="S26" s="281">
        <v>72</v>
      </c>
      <c r="T26" s="281">
        <v>41</v>
      </c>
      <c r="U26" s="281">
        <v>21</v>
      </c>
      <c r="V26" s="281">
        <v>22</v>
      </c>
      <c r="W26" s="278">
        <v>240</v>
      </c>
      <c r="X26" s="283">
        <v>240</v>
      </c>
    </row>
    <row r="27" spans="2:24" ht="21" customHeight="1" x14ac:dyDescent="0.2">
      <c r="B27" s="257" t="s">
        <v>25</v>
      </c>
      <c r="C27" s="281">
        <v>0</v>
      </c>
      <c r="D27" s="281">
        <v>0</v>
      </c>
      <c r="E27" s="278">
        <v>0</v>
      </c>
      <c r="F27" s="280">
        <v>0</v>
      </c>
      <c r="G27" s="281">
        <v>724</v>
      </c>
      <c r="H27" s="281">
        <v>281</v>
      </c>
      <c r="I27" s="281">
        <v>139</v>
      </c>
      <c r="J27" s="281">
        <v>69</v>
      </c>
      <c r="K27" s="281">
        <v>18</v>
      </c>
      <c r="L27" s="278">
        <v>1231</v>
      </c>
      <c r="M27" s="283">
        <v>1231</v>
      </c>
      <c r="N27" s="281">
        <v>0</v>
      </c>
      <c r="O27" s="281">
        <v>0</v>
      </c>
      <c r="P27" s="278">
        <v>0</v>
      </c>
      <c r="Q27" s="280">
        <v>0</v>
      </c>
      <c r="R27" s="281">
        <v>59</v>
      </c>
      <c r="S27" s="281">
        <v>28</v>
      </c>
      <c r="T27" s="281">
        <v>12</v>
      </c>
      <c r="U27" s="281">
        <v>0</v>
      </c>
      <c r="V27" s="281">
        <v>13</v>
      </c>
      <c r="W27" s="278">
        <v>112</v>
      </c>
      <c r="X27" s="283">
        <v>112</v>
      </c>
    </row>
    <row r="28" spans="2:24" ht="21" customHeight="1" x14ac:dyDescent="0.2">
      <c r="B28" s="257" t="s">
        <v>26</v>
      </c>
      <c r="C28" s="281">
        <v>0</v>
      </c>
      <c r="D28" s="281">
        <v>0</v>
      </c>
      <c r="E28" s="278">
        <v>0</v>
      </c>
      <c r="F28" s="280">
        <v>0</v>
      </c>
      <c r="G28" s="281">
        <v>429</v>
      </c>
      <c r="H28" s="281">
        <v>387</v>
      </c>
      <c r="I28" s="281">
        <v>251</v>
      </c>
      <c r="J28" s="281">
        <v>130</v>
      </c>
      <c r="K28" s="281">
        <v>141</v>
      </c>
      <c r="L28" s="278">
        <v>1338</v>
      </c>
      <c r="M28" s="283">
        <v>1338</v>
      </c>
      <c r="N28" s="281">
        <v>0</v>
      </c>
      <c r="O28" s="281">
        <v>0</v>
      </c>
      <c r="P28" s="278">
        <v>0</v>
      </c>
      <c r="Q28" s="280">
        <v>0</v>
      </c>
      <c r="R28" s="281">
        <v>9</v>
      </c>
      <c r="S28" s="281">
        <v>24</v>
      </c>
      <c r="T28" s="281">
        <v>110</v>
      </c>
      <c r="U28" s="281">
        <v>14</v>
      </c>
      <c r="V28" s="281">
        <v>43</v>
      </c>
      <c r="W28" s="278">
        <v>200</v>
      </c>
      <c r="X28" s="283">
        <v>200</v>
      </c>
    </row>
    <row r="29" spans="2:24" ht="21" customHeight="1" x14ac:dyDescent="0.2">
      <c r="B29" s="257" t="s">
        <v>27</v>
      </c>
      <c r="C29" s="281">
        <v>0</v>
      </c>
      <c r="D29" s="281">
        <v>0</v>
      </c>
      <c r="E29" s="278">
        <v>0</v>
      </c>
      <c r="F29" s="280">
        <v>0</v>
      </c>
      <c r="G29" s="281">
        <v>272</v>
      </c>
      <c r="H29" s="281">
        <v>149</v>
      </c>
      <c r="I29" s="281">
        <v>81</v>
      </c>
      <c r="J29" s="281">
        <v>7</v>
      </c>
      <c r="K29" s="281">
        <v>6</v>
      </c>
      <c r="L29" s="278">
        <v>515</v>
      </c>
      <c r="M29" s="283">
        <v>515</v>
      </c>
      <c r="N29" s="281">
        <v>0</v>
      </c>
      <c r="O29" s="281">
        <v>0</v>
      </c>
      <c r="P29" s="278">
        <v>0</v>
      </c>
      <c r="Q29" s="280">
        <v>0</v>
      </c>
      <c r="R29" s="281">
        <v>14</v>
      </c>
      <c r="S29" s="281">
        <v>17</v>
      </c>
      <c r="T29" s="281">
        <v>15</v>
      </c>
      <c r="U29" s="281">
        <v>20</v>
      </c>
      <c r="V29" s="281">
        <v>1</v>
      </c>
      <c r="W29" s="278">
        <v>67</v>
      </c>
      <c r="X29" s="283">
        <v>67</v>
      </c>
    </row>
    <row r="30" spans="2:24" ht="21" customHeight="1" x14ac:dyDescent="0.2">
      <c r="B30" s="257" t="s">
        <v>28</v>
      </c>
      <c r="C30" s="281">
        <v>0</v>
      </c>
      <c r="D30" s="281">
        <v>0</v>
      </c>
      <c r="E30" s="278">
        <v>0</v>
      </c>
      <c r="F30" s="280">
        <v>0</v>
      </c>
      <c r="G30" s="281">
        <v>192</v>
      </c>
      <c r="H30" s="281">
        <v>114</v>
      </c>
      <c r="I30" s="281">
        <v>13</v>
      </c>
      <c r="J30" s="281">
        <v>33</v>
      </c>
      <c r="K30" s="281">
        <v>7</v>
      </c>
      <c r="L30" s="278">
        <v>359</v>
      </c>
      <c r="M30" s="283">
        <v>359</v>
      </c>
      <c r="N30" s="281">
        <v>0</v>
      </c>
      <c r="O30" s="281">
        <v>0</v>
      </c>
      <c r="P30" s="278">
        <v>0</v>
      </c>
      <c r="Q30" s="280">
        <v>0</v>
      </c>
      <c r="R30" s="281">
        <v>9</v>
      </c>
      <c r="S30" s="281">
        <v>3</v>
      </c>
      <c r="T30" s="281">
        <v>27</v>
      </c>
      <c r="U30" s="281">
        <v>0</v>
      </c>
      <c r="V30" s="281">
        <v>1</v>
      </c>
      <c r="W30" s="278">
        <v>40</v>
      </c>
      <c r="X30" s="283">
        <v>40</v>
      </c>
    </row>
    <row r="31" spans="2:24" ht="21" customHeight="1" x14ac:dyDescent="0.2">
      <c r="B31" s="257" t="s">
        <v>29</v>
      </c>
      <c r="C31" s="281">
        <v>0</v>
      </c>
      <c r="D31" s="281">
        <v>0</v>
      </c>
      <c r="E31" s="278">
        <v>0</v>
      </c>
      <c r="F31" s="280">
        <v>0</v>
      </c>
      <c r="G31" s="281">
        <v>113</v>
      </c>
      <c r="H31" s="281">
        <v>167</v>
      </c>
      <c r="I31" s="281">
        <v>26</v>
      </c>
      <c r="J31" s="281">
        <v>39</v>
      </c>
      <c r="K31" s="281">
        <v>0</v>
      </c>
      <c r="L31" s="278">
        <v>345</v>
      </c>
      <c r="M31" s="283">
        <v>345</v>
      </c>
      <c r="N31" s="281">
        <v>0</v>
      </c>
      <c r="O31" s="281">
        <v>0</v>
      </c>
      <c r="P31" s="278">
        <v>0</v>
      </c>
      <c r="Q31" s="280">
        <v>0</v>
      </c>
      <c r="R31" s="281">
        <v>0</v>
      </c>
      <c r="S31" s="281">
        <v>6</v>
      </c>
      <c r="T31" s="281">
        <v>31</v>
      </c>
      <c r="U31" s="281">
        <v>0</v>
      </c>
      <c r="V31" s="281">
        <v>0</v>
      </c>
      <c r="W31" s="278">
        <v>37</v>
      </c>
      <c r="X31" s="283">
        <v>37</v>
      </c>
    </row>
    <row r="32" spans="2:24" ht="21" customHeight="1" x14ac:dyDescent="0.2">
      <c r="B32" s="257" t="s">
        <v>30</v>
      </c>
      <c r="C32" s="281">
        <v>0</v>
      </c>
      <c r="D32" s="281">
        <v>0</v>
      </c>
      <c r="E32" s="278">
        <v>0</v>
      </c>
      <c r="F32" s="280">
        <v>0</v>
      </c>
      <c r="G32" s="281">
        <v>188</v>
      </c>
      <c r="H32" s="281">
        <v>135</v>
      </c>
      <c r="I32" s="281">
        <v>91</v>
      </c>
      <c r="J32" s="281">
        <v>55</v>
      </c>
      <c r="K32" s="281">
        <v>0</v>
      </c>
      <c r="L32" s="278">
        <v>469</v>
      </c>
      <c r="M32" s="283">
        <v>469</v>
      </c>
      <c r="N32" s="281">
        <v>4</v>
      </c>
      <c r="O32" s="281">
        <v>0</v>
      </c>
      <c r="P32" s="278">
        <v>4</v>
      </c>
      <c r="Q32" s="280">
        <v>0</v>
      </c>
      <c r="R32" s="281">
        <v>6</v>
      </c>
      <c r="S32" s="281">
        <v>7</v>
      </c>
      <c r="T32" s="281">
        <v>19</v>
      </c>
      <c r="U32" s="281">
        <v>0</v>
      </c>
      <c r="V32" s="281">
        <v>0</v>
      </c>
      <c r="W32" s="278">
        <v>32</v>
      </c>
      <c r="X32" s="283">
        <v>36</v>
      </c>
    </row>
    <row r="33" spans="2:24" ht="21" customHeight="1" x14ac:dyDescent="0.2">
      <c r="B33" s="257" t="s">
        <v>31</v>
      </c>
      <c r="C33" s="281">
        <v>0</v>
      </c>
      <c r="D33" s="281">
        <v>0</v>
      </c>
      <c r="E33" s="278">
        <v>0</v>
      </c>
      <c r="F33" s="280">
        <v>0</v>
      </c>
      <c r="G33" s="281">
        <v>209</v>
      </c>
      <c r="H33" s="281">
        <v>119</v>
      </c>
      <c r="I33" s="281">
        <v>103</v>
      </c>
      <c r="J33" s="281">
        <v>12</v>
      </c>
      <c r="K33" s="281">
        <v>3</v>
      </c>
      <c r="L33" s="278">
        <v>446</v>
      </c>
      <c r="M33" s="283">
        <v>446</v>
      </c>
      <c r="N33" s="281">
        <v>0</v>
      </c>
      <c r="O33" s="281">
        <v>0</v>
      </c>
      <c r="P33" s="278">
        <v>0</v>
      </c>
      <c r="Q33" s="280">
        <v>0</v>
      </c>
      <c r="R33" s="281">
        <v>0</v>
      </c>
      <c r="S33" s="281">
        <v>15</v>
      </c>
      <c r="T33" s="281">
        <v>12</v>
      </c>
      <c r="U33" s="281">
        <v>0</v>
      </c>
      <c r="V33" s="281">
        <v>0</v>
      </c>
      <c r="W33" s="278">
        <v>27</v>
      </c>
      <c r="X33" s="283">
        <v>27</v>
      </c>
    </row>
    <row r="34" spans="2:24" ht="21" customHeight="1" x14ac:dyDescent="0.2">
      <c r="B34" s="257" t="s">
        <v>32</v>
      </c>
      <c r="C34" s="281">
        <v>0</v>
      </c>
      <c r="D34" s="281">
        <v>0</v>
      </c>
      <c r="E34" s="278">
        <v>0</v>
      </c>
      <c r="F34" s="280">
        <v>0</v>
      </c>
      <c r="G34" s="281">
        <v>345</v>
      </c>
      <c r="H34" s="281">
        <v>257</v>
      </c>
      <c r="I34" s="281">
        <v>103</v>
      </c>
      <c r="J34" s="281">
        <v>44</v>
      </c>
      <c r="K34" s="281">
        <v>18</v>
      </c>
      <c r="L34" s="278">
        <v>767</v>
      </c>
      <c r="M34" s="283">
        <v>767</v>
      </c>
      <c r="N34" s="281">
        <v>0</v>
      </c>
      <c r="O34" s="281">
        <v>0</v>
      </c>
      <c r="P34" s="278">
        <v>0</v>
      </c>
      <c r="Q34" s="280">
        <v>0</v>
      </c>
      <c r="R34" s="281">
        <v>11</v>
      </c>
      <c r="S34" s="281">
        <v>0</v>
      </c>
      <c r="T34" s="281">
        <v>26</v>
      </c>
      <c r="U34" s="281">
        <v>11</v>
      </c>
      <c r="V34" s="281">
        <v>12</v>
      </c>
      <c r="W34" s="278">
        <v>60</v>
      </c>
      <c r="X34" s="283">
        <v>60</v>
      </c>
    </row>
    <row r="35" spans="2:24" ht="21" customHeight="1" x14ac:dyDescent="0.2">
      <c r="B35" s="257" t="s">
        <v>33</v>
      </c>
      <c r="C35" s="281">
        <v>0</v>
      </c>
      <c r="D35" s="281">
        <v>0</v>
      </c>
      <c r="E35" s="278">
        <v>0</v>
      </c>
      <c r="F35" s="280">
        <v>0</v>
      </c>
      <c r="G35" s="281">
        <v>189</v>
      </c>
      <c r="H35" s="281">
        <v>63</v>
      </c>
      <c r="I35" s="281">
        <v>35</v>
      </c>
      <c r="J35" s="281">
        <v>50</v>
      </c>
      <c r="K35" s="281">
        <v>10</v>
      </c>
      <c r="L35" s="278">
        <v>347</v>
      </c>
      <c r="M35" s="283">
        <v>347</v>
      </c>
      <c r="N35" s="281">
        <v>0</v>
      </c>
      <c r="O35" s="281">
        <v>0</v>
      </c>
      <c r="P35" s="278">
        <v>0</v>
      </c>
      <c r="Q35" s="280">
        <v>0</v>
      </c>
      <c r="R35" s="281">
        <v>10</v>
      </c>
      <c r="S35" s="281">
        <v>0</v>
      </c>
      <c r="T35" s="281">
        <v>0</v>
      </c>
      <c r="U35" s="281">
        <v>0</v>
      </c>
      <c r="V35" s="281">
        <v>0</v>
      </c>
      <c r="W35" s="278">
        <v>10</v>
      </c>
      <c r="X35" s="283">
        <v>10</v>
      </c>
    </row>
    <row r="36" spans="2:24" ht="21" customHeight="1" x14ac:dyDescent="0.2">
      <c r="B36" s="257" t="s">
        <v>34</v>
      </c>
      <c r="C36" s="281">
        <v>0</v>
      </c>
      <c r="D36" s="281">
        <v>0</v>
      </c>
      <c r="E36" s="278">
        <v>0</v>
      </c>
      <c r="F36" s="280">
        <v>0</v>
      </c>
      <c r="G36" s="281">
        <v>165</v>
      </c>
      <c r="H36" s="281">
        <v>29</v>
      </c>
      <c r="I36" s="281">
        <v>37</v>
      </c>
      <c r="J36" s="281">
        <v>0</v>
      </c>
      <c r="K36" s="281">
        <v>0</v>
      </c>
      <c r="L36" s="278">
        <v>231</v>
      </c>
      <c r="M36" s="283">
        <v>231</v>
      </c>
      <c r="N36" s="281">
        <v>0</v>
      </c>
      <c r="O36" s="281">
        <v>0</v>
      </c>
      <c r="P36" s="278">
        <v>0</v>
      </c>
      <c r="Q36" s="280">
        <v>0</v>
      </c>
      <c r="R36" s="281">
        <v>0</v>
      </c>
      <c r="S36" s="281">
        <v>0</v>
      </c>
      <c r="T36" s="281">
        <v>0</v>
      </c>
      <c r="U36" s="281">
        <v>7</v>
      </c>
      <c r="V36" s="281">
        <v>0</v>
      </c>
      <c r="W36" s="278">
        <v>7</v>
      </c>
      <c r="X36" s="283">
        <v>7</v>
      </c>
    </row>
    <row r="37" spans="2:24" ht="21" customHeight="1" x14ac:dyDescent="0.2">
      <c r="B37" s="257" t="s">
        <v>35</v>
      </c>
      <c r="C37" s="281">
        <v>0</v>
      </c>
      <c r="D37" s="281">
        <v>0</v>
      </c>
      <c r="E37" s="278">
        <v>0</v>
      </c>
      <c r="F37" s="280">
        <v>0</v>
      </c>
      <c r="G37" s="281">
        <v>197</v>
      </c>
      <c r="H37" s="281">
        <v>172</v>
      </c>
      <c r="I37" s="281">
        <v>135</v>
      </c>
      <c r="J37" s="281">
        <v>126</v>
      </c>
      <c r="K37" s="281">
        <v>23</v>
      </c>
      <c r="L37" s="278">
        <v>653</v>
      </c>
      <c r="M37" s="283">
        <v>653</v>
      </c>
      <c r="N37" s="281">
        <v>0</v>
      </c>
      <c r="O37" s="281">
        <v>0</v>
      </c>
      <c r="P37" s="278">
        <v>0</v>
      </c>
      <c r="Q37" s="280">
        <v>0</v>
      </c>
      <c r="R37" s="281">
        <v>0</v>
      </c>
      <c r="S37" s="281">
        <v>0</v>
      </c>
      <c r="T37" s="281">
        <v>0</v>
      </c>
      <c r="U37" s="281">
        <v>0</v>
      </c>
      <c r="V37" s="281">
        <v>0</v>
      </c>
      <c r="W37" s="278">
        <v>0</v>
      </c>
      <c r="X37" s="283">
        <v>0</v>
      </c>
    </row>
    <row r="38" spans="2:24" ht="21" customHeight="1" x14ac:dyDescent="0.2">
      <c r="B38" s="257" t="s">
        <v>36</v>
      </c>
      <c r="C38" s="281">
        <v>0</v>
      </c>
      <c r="D38" s="281">
        <v>0</v>
      </c>
      <c r="E38" s="278">
        <v>0</v>
      </c>
      <c r="F38" s="280">
        <v>0</v>
      </c>
      <c r="G38" s="281">
        <v>359</v>
      </c>
      <c r="H38" s="281">
        <v>490</v>
      </c>
      <c r="I38" s="281">
        <v>491</v>
      </c>
      <c r="J38" s="281">
        <v>171</v>
      </c>
      <c r="K38" s="281">
        <v>187</v>
      </c>
      <c r="L38" s="278">
        <v>1698</v>
      </c>
      <c r="M38" s="283">
        <v>1698</v>
      </c>
      <c r="N38" s="281">
        <v>0</v>
      </c>
      <c r="O38" s="281">
        <v>0</v>
      </c>
      <c r="P38" s="278">
        <v>0</v>
      </c>
      <c r="Q38" s="280">
        <v>0</v>
      </c>
      <c r="R38" s="281">
        <v>0</v>
      </c>
      <c r="S38" s="281">
        <v>0</v>
      </c>
      <c r="T38" s="281">
        <v>0</v>
      </c>
      <c r="U38" s="281">
        <v>0</v>
      </c>
      <c r="V38" s="281">
        <v>0</v>
      </c>
      <c r="W38" s="278">
        <v>0</v>
      </c>
      <c r="X38" s="283">
        <v>0</v>
      </c>
    </row>
    <row r="39" spans="2:24" ht="21" customHeight="1" thickBot="1" x14ac:dyDescent="0.25">
      <c r="B39" s="258" t="s">
        <v>37</v>
      </c>
      <c r="C39" s="288">
        <v>0</v>
      </c>
      <c r="D39" s="288">
        <v>0</v>
      </c>
      <c r="E39" s="285">
        <v>0</v>
      </c>
      <c r="F39" s="287">
        <v>0</v>
      </c>
      <c r="G39" s="288">
        <v>169</v>
      </c>
      <c r="H39" s="288">
        <v>85</v>
      </c>
      <c r="I39" s="288">
        <v>54</v>
      </c>
      <c r="J39" s="288">
        <v>0</v>
      </c>
      <c r="K39" s="288">
        <v>18</v>
      </c>
      <c r="L39" s="285">
        <v>326</v>
      </c>
      <c r="M39" s="290">
        <v>326</v>
      </c>
      <c r="N39" s="288">
        <v>0</v>
      </c>
      <c r="O39" s="288">
        <v>0</v>
      </c>
      <c r="P39" s="285">
        <v>0</v>
      </c>
      <c r="Q39" s="287">
        <v>0</v>
      </c>
      <c r="R39" s="288">
        <v>4</v>
      </c>
      <c r="S39" s="288">
        <v>0</v>
      </c>
      <c r="T39" s="288">
        <v>13</v>
      </c>
      <c r="U39" s="288">
        <v>0</v>
      </c>
      <c r="V39" s="288">
        <v>15</v>
      </c>
      <c r="W39" s="285">
        <v>32</v>
      </c>
      <c r="X39" s="290">
        <v>32</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 style="256" customWidth="1"/>
    <col min="6" max="6" width="7.77734375" style="256" customWidth="1"/>
    <col min="7" max="7" width="10.77734375" style="256" customWidth="1"/>
    <col min="8" max="16" width="9" style="256"/>
    <col min="17" max="17" width="7.6640625" style="256" customWidth="1"/>
    <col min="18" max="16384" width="9" style="256"/>
  </cols>
  <sheetData>
    <row r="1" spans="2:24" ht="24" customHeight="1" x14ac:dyDescent="0.2">
      <c r="B1" s="291" t="s">
        <v>125</v>
      </c>
      <c r="H1" s="528">
        <f>第１表!F2</f>
        <v>4</v>
      </c>
      <c r="I1" s="528"/>
      <c r="J1" s="248">
        <f>第１表!G2</f>
        <v>7</v>
      </c>
      <c r="K1" s="529">
        <f>IF(J1&lt;3,J1+12-2,J1-2)</f>
        <v>5</v>
      </c>
      <c r="L1" s="529"/>
    </row>
    <row r="2" spans="2:24" ht="24" customHeight="1" thickBot="1" x14ac:dyDescent="0.25">
      <c r="B2" s="291" t="s">
        <v>135</v>
      </c>
    </row>
    <row r="3" spans="2:24" ht="18.75" customHeight="1" x14ac:dyDescent="0.2">
      <c r="B3" s="541"/>
      <c r="C3" s="537" t="s">
        <v>143</v>
      </c>
      <c r="D3" s="537"/>
      <c r="E3" s="537"/>
      <c r="F3" s="537"/>
      <c r="G3" s="537"/>
      <c r="H3" s="537"/>
      <c r="I3" s="537"/>
      <c r="J3" s="537"/>
      <c r="K3" s="537"/>
      <c r="L3" s="537"/>
      <c r="M3" s="567"/>
      <c r="N3" s="537" t="s">
        <v>113</v>
      </c>
      <c r="O3" s="537"/>
      <c r="P3" s="537"/>
      <c r="Q3" s="537"/>
      <c r="R3" s="537"/>
      <c r="S3" s="537"/>
      <c r="T3" s="537"/>
      <c r="U3" s="537"/>
      <c r="V3" s="537"/>
      <c r="W3" s="537"/>
      <c r="X3" s="567"/>
    </row>
    <row r="4" spans="2:24" ht="18.75" customHeight="1" x14ac:dyDescent="0.2">
      <c r="B4" s="565"/>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27" thickBot="1" x14ac:dyDescent="0.25">
      <c r="B5" s="566"/>
      <c r="C5" s="260" t="s">
        <v>43</v>
      </c>
      <c r="D5" s="260" t="s">
        <v>44</v>
      </c>
      <c r="E5" s="266" t="s">
        <v>45</v>
      </c>
      <c r="F5" s="268" t="s">
        <v>83</v>
      </c>
      <c r="G5" s="260" t="s">
        <v>47</v>
      </c>
      <c r="H5" s="260" t="s">
        <v>48</v>
      </c>
      <c r="I5" s="260" t="s">
        <v>49</v>
      </c>
      <c r="J5" s="260" t="s">
        <v>50</v>
      </c>
      <c r="K5" s="260" t="s">
        <v>51</v>
      </c>
      <c r="L5" s="266" t="s">
        <v>45</v>
      </c>
      <c r="M5" s="540"/>
      <c r="N5" s="260" t="s">
        <v>43</v>
      </c>
      <c r="O5" s="260" t="s">
        <v>44</v>
      </c>
      <c r="P5" s="266" t="s">
        <v>45</v>
      </c>
      <c r="Q5" s="268" t="s">
        <v>83</v>
      </c>
      <c r="R5" s="260" t="s">
        <v>47</v>
      </c>
      <c r="S5" s="260" t="s">
        <v>48</v>
      </c>
      <c r="T5" s="260" t="s">
        <v>49</v>
      </c>
      <c r="U5" s="260" t="s">
        <v>50</v>
      </c>
      <c r="V5" s="260" t="s">
        <v>51</v>
      </c>
      <c r="W5" s="266" t="s">
        <v>45</v>
      </c>
      <c r="X5" s="540"/>
    </row>
    <row r="6" spans="2:24" ht="21" customHeight="1" x14ac:dyDescent="0.2">
      <c r="B6" s="259" t="s">
        <v>4</v>
      </c>
      <c r="C6" s="274">
        <v>0</v>
      </c>
      <c r="D6" s="274">
        <v>0</v>
      </c>
      <c r="E6" s="271">
        <v>0</v>
      </c>
      <c r="F6" s="273">
        <v>0</v>
      </c>
      <c r="G6" s="274">
        <v>7189</v>
      </c>
      <c r="H6" s="274">
        <v>5621</v>
      </c>
      <c r="I6" s="274">
        <v>3738</v>
      </c>
      <c r="J6" s="274">
        <v>1708</v>
      </c>
      <c r="K6" s="274">
        <v>601</v>
      </c>
      <c r="L6" s="271">
        <v>18857</v>
      </c>
      <c r="M6" s="276">
        <v>18857</v>
      </c>
      <c r="N6" s="274">
        <v>4</v>
      </c>
      <c r="O6" s="274">
        <v>13</v>
      </c>
      <c r="P6" s="271">
        <v>17</v>
      </c>
      <c r="Q6" s="273">
        <v>0</v>
      </c>
      <c r="R6" s="274">
        <v>675</v>
      </c>
      <c r="S6" s="274">
        <v>683</v>
      </c>
      <c r="T6" s="274">
        <v>748</v>
      </c>
      <c r="U6" s="274">
        <v>378</v>
      </c>
      <c r="V6" s="274">
        <v>237</v>
      </c>
      <c r="W6" s="271">
        <v>2721</v>
      </c>
      <c r="X6" s="276">
        <v>2738</v>
      </c>
    </row>
    <row r="7" spans="2:24" ht="21" customHeight="1" x14ac:dyDescent="0.2">
      <c r="B7" s="257" t="s">
        <v>5</v>
      </c>
      <c r="C7" s="281">
        <v>0</v>
      </c>
      <c r="D7" s="281">
        <v>0</v>
      </c>
      <c r="E7" s="278">
        <v>0</v>
      </c>
      <c r="F7" s="280">
        <v>0</v>
      </c>
      <c r="G7" s="281">
        <v>2735</v>
      </c>
      <c r="H7" s="281">
        <v>2631</v>
      </c>
      <c r="I7" s="281">
        <v>1916</v>
      </c>
      <c r="J7" s="281">
        <v>874</v>
      </c>
      <c r="K7" s="281">
        <v>275</v>
      </c>
      <c r="L7" s="278">
        <v>8431</v>
      </c>
      <c r="M7" s="283">
        <v>8431</v>
      </c>
      <c r="N7" s="281">
        <v>0</v>
      </c>
      <c r="O7" s="281">
        <v>13</v>
      </c>
      <c r="P7" s="278">
        <v>13</v>
      </c>
      <c r="Q7" s="280">
        <v>0</v>
      </c>
      <c r="R7" s="281">
        <v>285</v>
      </c>
      <c r="S7" s="281">
        <v>354</v>
      </c>
      <c r="T7" s="281">
        <v>415</v>
      </c>
      <c r="U7" s="281">
        <v>262</v>
      </c>
      <c r="V7" s="281">
        <v>132</v>
      </c>
      <c r="W7" s="278">
        <v>1448</v>
      </c>
      <c r="X7" s="283">
        <v>1461</v>
      </c>
    </row>
    <row r="8" spans="2:24" ht="21" customHeight="1" x14ac:dyDescent="0.2">
      <c r="B8" s="257" t="s">
        <v>6</v>
      </c>
      <c r="C8" s="281">
        <v>0</v>
      </c>
      <c r="D8" s="281">
        <v>0</v>
      </c>
      <c r="E8" s="278">
        <v>0</v>
      </c>
      <c r="F8" s="280">
        <v>0</v>
      </c>
      <c r="G8" s="281">
        <v>889</v>
      </c>
      <c r="H8" s="281">
        <v>546</v>
      </c>
      <c r="I8" s="281">
        <v>428</v>
      </c>
      <c r="J8" s="281">
        <v>197</v>
      </c>
      <c r="K8" s="281">
        <v>117</v>
      </c>
      <c r="L8" s="278">
        <v>2177</v>
      </c>
      <c r="M8" s="283">
        <v>2177</v>
      </c>
      <c r="N8" s="281">
        <v>0</v>
      </c>
      <c r="O8" s="281">
        <v>0</v>
      </c>
      <c r="P8" s="278">
        <v>0</v>
      </c>
      <c r="Q8" s="280">
        <v>0</v>
      </c>
      <c r="R8" s="281">
        <v>148</v>
      </c>
      <c r="S8" s="281">
        <v>122</v>
      </c>
      <c r="T8" s="281">
        <v>149</v>
      </c>
      <c r="U8" s="281">
        <v>46</v>
      </c>
      <c r="V8" s="281">
        <v>39</v>
      </c>
      <c r="W8" s="278">
        <v>504</v>
      </c>
      <c r="X8" s="283">
        <v>504</v>
      </c>
    </row>
    <row r="9" spans="2:24" ht="21" customHeight="1" x14ac:dyDescent="0.2">
      <c r="B9" s="257" t="s">
        <v>14</v>
      </c>
      <c r="C9" s="281">
        <v>0</v>
      </c>
      <c r="D9" s="281">
        <v>0</v>
      </c>
      <c r="E9" s="278">
        <v>0</v>
      </c>
      <c r="F9" s="280">
        <v>0</v>
      </c>
      <c r="G9" s="281">
        <v>570</v>
      </c>
      <c r="H9" s="281">
        <v>477</v>
      </c>
      <c r="I9" s="281">
        <v>393</v>
      </c>
      <c r="J9" s="281">
        <v>137</v>
      </c>
      <c r="K9" s="281">
        <v>11</v>
      </c>
      <c r="L9" s="278">
        <v>1588</v>
      </c>
      <c r="M9" s="283">
        <v>1588</v>
      </c>
      <c r="N9" s="281">
        <v>0</v>
      </c>
      <c r="O9" s="281">
        <v>0</v>
      </c>
      <c r="P9" s="278">
        <v>0</v>
      </c>
      <c r="Q9" s="280">
        <v>0</v>
      </c>
      <c r="R9" s="281">
        <v>9</v>
      </c>
      <c r="S9" s="281">
        <v>8</v>
      </c>
      <c r="T9" s="281">
        <v>0</v>
      </c>
      <c r="U9" s="281">
        <v>9</v>
      </c>
      <c r="V9" s="281">
        <v>0</v>
      </c>
      <c r="W9" s="278">
        <v>26</v>
      </c>
      <c r="X9" s="283">
        <v>26</v>
      </c>
    </row>
    <row r="10" spans="2:24" ht="21" customHeight="1" x14ac:dyDescent="0.2">
      <c r="B10" s="257" t="s">
        <v>7</v>
      </c>
      <c r="C10" s="281">
        <v>0</v>
      </c>
      <c r="D10" s="281">
        <v>0</v>
      </c>
      <c r="E10" s="278">
        <v>0</v>
      </c>
      <c r="F10" s="280">
        <v>0</v>
      </c>
      <c r="G10" s="281">
        <v>701</v>
      </c>
      <c r="H10" s="281">
        <v>328</v>
      </c>
      <c r="I10" s="281">
        <v>126</v>
      </c>
      <c r="J10" s="281">
        <v>64</v>
      </c>
      <c r="K10" s="281">
        <v>32</v>
      </c>
      <c r="L10" s="278">
        <v>1251</v>
      </c>
      <c r="M10" s="283">
        <v>1251</v>
      </c>
      <c r="N10" s="281">
        <v>0</v>
      </c>
      <c r="O10" s="281">
        <v>0</v>
      </c>
      <c r="P10" s="278">
        <v>0</v>
      </c>
      <c r="Q10" s="280">
        <v>0</v>
      </c>
      <c r="R10" s="281">
        <v>101</v>
      </c>
      <c r="S10" s="281">
        <v>93</v>
      </c>
      <c r="T10" s="281">
        <v>35</v>
      </c>
      <c r="U10" s="281">
        <v>28</v>
      </c>
      <c r="V10" s="281">
        <v>13</v>
      </c>
      <c r="W10" s="278">
        <v>270</v>
      </c>
      <c r="X10" s="283">
        <v>270</v>
      </c>
    </row>
    <row r="11" spans="2:24" ht="21" customHeight="1" x14ac:dyDescent="0.2">
      <c r="B11" s="257" t="s">
        <v>8</v>
      </c>
      <c r="C11" s="281">
        <v>0</v>
      </c>
      <c r="D11" s="281">
        <v>0</v>
      </c>
      <c r="E11" s="278">
        <v>0</v>
      </c>
      <c r="F11" s="280">
        <v>0</v>
      </c>
      <c r="G11" s="281">
        <v>282</v>
      </c>
      <c r="H11" s="281">
        <v>211</v>
      </c>
      <c r="I11" s="281">
        <v>85</v>
      </c>
      <c r="J11" s="281">
        <v>42</v>
      </c>
      <c r="K11" s="281">
        <v>7</v>
      </c>
      <c r="L11" s="278">
        <v>627</v>
      </c>
      <c r="M11" s="283">
        <v>627</v>
      </c>
      <c r="N11" s="281">
        <v>0</v>
      </c>
      <c r="O11" s="281">
        <v>0</v>
      </c>
      <c r="P11" s="278">
        <v>0</v>
      </c>
      <c r="Q11" s="280">
        <v>0</v>
      </c>
      <c r="R11" s="281">
        <v>15</v>
      </c>
      <c r="S11" s="281">
        <v>0</v>
      </c>
      <c r="T11" s="281">
        <v>0</v>
      </c>
      <c r="U11" s="281">
        <v>0</v>
      </c>
      <c r="V11" s="281">
        <v>22</v>
      </c>
      <c r="W11" s="278">
        <v>37</v>
      </c>
      <c r="X11" s="283">
        <v>37</v>
      </c>
    </row>
    <row r="12" spans="2:24" ht="21" customHeight="1" x14ac:dyDescent="0.2">
      <c r="B12" s="257" t="s">
        <v>9</v>
      </c>
      <c r="C12" s="281">
        <v>0</v>
      </c>
      <c r="D12" s="281">
        <v>0</v>
      </c>
      <c r="E12" s="278">
        <v>0</v>
      </c>
      <c r="F12" s="280">
        <v>0</v>
      </c>
      <c r="G12" s="281">
        <v>267</v>
      </c>
      <c r="H12" s="281">
        <v>174</v>
      </c>
      <c r="I12" s="281">
        <v>177</v>
      </c>
      <c r="J12" s="281">
        <v>83</v>
      </c>
      <c r="K12" s="281">
        <v>14</v>
      </c>
      <c r="L12" s="278">
        <v>715</v>
      </c>
      <c r="M12" s="283">
        <v>715</v>
      </c>
      <c r="N12" s="281">
        <v>0</v>
      </c>
      <c r="O12" s="281">
        <v>0</v>
      </c>
      <c r="P12" s="278">
        <v>0</v>
      </c>
      <c r="Q12" s="280">
        <v>0</v>
      </c>
      <c r="R12" s="281">
        <v>0</v>
      </c>
      <c r="S12" s="281">
        <v>8</v>
      </c>
      <c r="T12" s="281">
        <v>16</v>
      </c>
      <c r="U12" s="281">
        <v>0</v>
      </c>
      <c r="V12" s="281">
        <v>0</v>
      </c>
      <c r="W12" s="278">
        <v>24</v>
      </c>
      <c r="X12" s="283">
        <v>24</v>
      </c>
    </row>
    <row r="13" spans="2:24" ht="21" customHeight="1" x14ac:dyDescent="0.2">
      <c r="B13" s="257" t="s">
        <v>10</v>
      </c>
      <c r="C13" s="281">
        <v>0</v>
      </c>
      <c r="D13" s="281">
        <v>0</v>
      </c>
      <c r="E13" s="278">
        <v>0</v>
      </c>
      <c r="F13" s="280">
        <v>0</v>
      </c>
      <c r="G13" s="281">
        <v>368</v>
      </c>
      <c r="H13" s="281">
        <v>221</v>
      </c>
      <c r="I13" s="281">
        <v>31</v>
      </c>
      <c r="J13" s="281">
        <v>13</v>
      </c>
      <c r="K13" s="281">
        <v>3</v>
      </c>
      <c r="L13" s="278">
        <v>636</v>
      </c>
      <c r="M13" s="283">
        <v>636</v>
      </c>
      <c r="N13" s="281">
        <v>0</v>
      </c>
      <c r="O13" s="281">
        <v>0</v>
      </c>
      <c r="P13" s="278">
        <v>0</v>
      </c>
      <c r="Q13" s="280">
        <v>0</v>
      </c>
      <c r="R13" s="281">
        <v>13</v>
      </c>
      <c r="S13" s="281">
        <v>15</v>
      </c>
      <c r="T13" s="281">
        <v>23</v>
      </c>
      <c r="U13" s="281">
        <v>0</v>
      </c>
      <c r="V13" s="281">
        <v>11</v>
      </c>
      <c r="W13" s="278">
        <v>62</v>
      </c>
      <c r="X13" s="283">
        <v>62</v>
      </c>
    </row>
    <row r="14" spans="2:24" ht="21" customHeight="1" x14ac:dyDescent="0.2">
      <c r="B14" s="257" t="s">
        <v>11</v>
      </c>
      <c r="C14" s="281">
        <v>0</v>
      </c>
      <c r="D14" s="281">
        <v>0</v>
      </c>
      <c r="E14" s="278">
        <v>0</v>
      </c>
      <c r="F14" s="280">
        <v>0</v>
      </c>
      <c r="G14" s="281">
        <v>216</v>
      </c>
      <c r="H14" s="281">
        <v>64</v>
      </c>
      <c r="I14" s="281">
        <v>125</v>
      </c>
      <c r="J14" s="281">
        <v>31</v>
      </c>
      <c r="K14" s="281">
        <v>24</v>
      </c>
      <c r="L14" s="278">
        <v>460</v>
      </c>
      <c r="M14" s="283">
        <v>460</v>
      </c>
      <c r="N14" s="281">
        <v>0</v>
      </c>
      <c r="O14" s="281">
        <v>0</v>
      </c>
      <c r="P14" s="278">
        <v>0</v>
      </c>
      <c r="Q14" s="280">
        <v>0</v>
      </c>
      <c r="R14" s="281">
        <v>35</v>
      </c>
      <c r="S14" s="281">
        <v>22</v>
      </c>
      <c r="T14" s="281">
        <v>26</v>
      </c>
      <c r="U14" s="281">
        <v>0</v>
      </c>
      <c r="V14" s="281">
        <v>0</v>
      </c>
      <c r="W14" s="278">
        <v>83</v>
      </c>
      <c r="X14" s="283">
        <v>83</v>
      </c>
    </row>
    <row r="15" spans="2:24" ht="21" customHeight="1" x14ac:dyDescent="0.2">
      <c r="B15" s="257" t="s">
        <v>12</v>
      </c>
      <c r="C15" s="281">
        <v>0</v>
      </c>
      <c r="D15" s="281">
        <v>0</v>
      </c>
      <c r="E15" s="278">
        <v>0</v>
      </c>
      <c r="F15" s="280">
        <v>0</v>
      </c>
      <c r="G15" s="281">
        <v>239</v>
      </c>
      <c r="H15" s="281">
        <v>131</v>
      </c>
      <c r="I15" s="281">
        <v>106</v>
      </c>
      <c r="J15" s="281">
        <v>8</v>
      </c>
      <c r="K15" s="281">
        <v>25</v>
      </c>
      <c r="L15" s="278">
        <v>509</v>
      </c>
      <c r="M15" s="283">
        <v>509</v>
      </c>
      <c r="N15" s="281">
        <v>0</v>
      </c>
      <c r="O15" s="281">
        <v>0</v>
      </c>
      <c r="P15" s="278">
        <v>0</v>
      </c>
      <c r="Q15" s="280">
        <v>0</v>
      </c>
      <c r="R15" s="281">
        <v>0</v>
      </c>
      <c r="S15" s="281">
        <v>0</v>
      </c>
      <c r="T15" s="281">
        <v>0</v>
      </c>
      <c r="U15" s="281">
        <v>0</v>
      </c>
      <c r="V15" s="281">
        <v>0</v>
      </c>
      <c r="W15" s="278">
        <v>0</v>
      </c>
      <c r="X15" s="283">
        <v>0</v>
      </c>
    </row>
    <row r="16" spans="2:24" ht="21" customHeight="1" x14ac:dyDescent="0.2">
      <c r="B16" s="257" t="s">
        <v>13</v>
      </c>
      <c r="C16" s="281">
        <v>0</v>
      </c>
      <c r="D16" s="281">
        <v>0</v>
      </c>
      <c r="E16" s="278">
        <v>0</v>
      </c>
      <c r="F16" s="280">
        <v>0</v>
      </c>
      <c r="G16" s="281">
        <v>73</v>
      </c>
      <c r="H16" s="281">
        <v>59</v>
      </c>
      <c r="I16" s="281">
        <v>11</v>
      </c>
      <c r="J16" s="281">
        <v>1</v>
      </c>
      <c r="K16" s="281">
        <v>22</v>
      </c>
      <c r="L16" s="278">
        <v>166</v>
      </c>
      <c r="M16" s="283">
        <v>166</v>
      </c>
      <c r="N16" s="281">
        <v>0</v>
      </c>
      <c r="O16" s="281">
        <v>0</v>
      </c>
      <c r="P16" s="278">
        <v>0</v>
      </c>
      <c r="Q16" s="280">
        <v>0</v>
      </c>
      <c r="R16" s="281">
        <v>0</v>
      </c>
      <c r="S16" s="281">
        <v>4</v>
      </c>
      <c r="T16" s="281">
        <v>13</v>
      </c>
      <c r="U16" s="281">
        <v>4</v>
      </c>
      <c r="V16" s="281">
        <v>0</v>
      </c>
      <c r="W16" s="278">
        <v>21</v>
      </c>
      <c r="X16" s="283">
        <v>21</v>
      </c>
    </row>
    <row r="17" spans="2:24" ht="21" customHeight="1" x14ac:dyDescent="0.2">
      <c r="B17" s="257" t="s">
        <v>15</v>
      </c>
      <c r="C17" s="281">
        <v>0</v>
      </c>
      <c r="D17" s="281">
        <v>0</v>
      </c>
      <c r="E17" s="278">
        <v>0</v>
      </c>
      <c r="F17" s="280">
        <v>0</v>
      </c>
      <c r="G17" s="281">
        <v>33</v>
      </c>
      <c r="H17" s="281">
        <v>63</v>
      </c>
      <c r="I17" s="281">
        <v>14</v>
      </c>
      <c r="J17" s="281">
        <v>8</v>
      </c>
      <c r="K17" s="281">
        <v>14</v>
      </c>
      <c r="L17" s="278">
        <v>132</v>
      </c>
      <c r="M17" s="283">
        <v>132</v>
      </c>
      <c r="N17" s="281">
        <v>0</v>
      </c>
      <c r="O17" s="281">
        <v>0</v>
      </c>
      <c r="P17" s="278">
        <v>0</v>
      </c>
      <c r="Q17" s="280">
        <v>0</v>
      </c>
      <c r="R17" s="281">
        <v>0</v>
      </c>
      <c r="S17" s="281">
        <v>13</v>
      </c>
      <c r="T17" s="281">
        <v>0</v>
      </c>
      <c r="U17" s="281">
        <v>0</v>
      </c>
      <c r="V17" s="281">
        <v>0</v>
      </c>
      <c r="W17" s="278">
        <v>13</v>
      </c>
      <c r="X17" s="283">
        <v>13</v>
      </c>
    </row>
    <row r="18" spans="2:24" ht="21" customHeight="1" x14ac:dyDescent="0.2">
      <c r="B18" s="257" t="s">
        <v>16</v>
      </c>
      <c r="C18" s="281">
        <v>0</v>
      </c>
      <c r="D18" s="281">
        <v>0</v>
      </c>
      <c r="E18" s="278">
        <v>0</v>
      </c>
      <c r="F18" s="280">
        <v>0</v>
      </c>
      <c r="G18" s="281">
        <v>76</v>
      </c>
      <c r="H18" s="281">
        <v>106</v>
      </c>
      <c r="I18" s="281">
        <v>22</v>
      </c>
      <c r="J18" s="281">
        <v>28</v>
      </c>
      <c r="K18" s="281">
        <v>0</v>
      </c>
      <c r="L18" s="278">
        <v>232</v>
      </c>
      <c r="M18" s="283">
        <v>232</v>
      </c>
      <c r="N18" s="281">
        <v>0</v>
      </c>
      <c r="O18" s="281">
        <v>0</v>
      </c>
      <c r="P18" s="278">
        <v>0</v>
      </c>
      <c r="Q18" s="280">
        <v>0</v>
      </c>
      <c r="R18" s="281">
        <v>21</v>
      </c>
      <c r="S18" s="281">
        <v>0</v>
      </c>
      <c r="T18" s="281">
        <v>8</v>
      </c>
      <c r="U18" s="281">
        <v>0</v>
      </c>
      <c r="V18" s="281">
        <v>0</v>
      </c>
      <c r="W18" s="278">
        <v>29</v>
      </c>
      <c r="X18" s="283">
        <v>29</v>
      </c>
    </row>
    <row r="19" spans="2:24" ht="21" customHeight="1" x14ac:dyDescent="0.2">
      <c r="B19" s="257" t="s">
        <v>17</v>
      </c>
      <c r="C19" s="281">
        <v>0</v>
      </c>
      <c r="D19" s="281">
        <v>0</v>
      </c>
      <c r="E19" s="278">
        <v>0</v>
      </c>
      <c r="F19" s="280">
        <v>0</v>
      </c>
      <c r="G19" s="281">
        <v>128</v>
      </c>
      <c r="H19" s="281">
        <v>113</v>
      </c>
      <c r="I19" s="281">
        <v>115</v>
      </c>
      <c r="J19" s="281">
        <v>62</v>
      </c>
      <c r="K19" s="281">
        <v>16</v>
      </c>
      <c r="L19" s="278">
        <v>434</v>
      </c>
      <c r="M19" s="283">
        <v>434</v>
      </c>
      <c r="N19" s="281">
        <v>0</v>
      </c>
      <c r="O19" s="281">
        <v>0</v>
      </c>
      <c r="P19" s="278">
        <v>0</v>
      </c>
      <c r="Q19" s="280">
        <v>0</v>
      </c>
      <c r="R19" s="281">
        <v>7</v>
      </c>
      <c r="S19" s="281">
        <v>0</v>
      </c>
      <c r="T19" s="281">
        <v>6</v>
      </c>
      <c r="U19" s="281">
        <v>0</v>
      </c>
      <c r="V19" s="281">
        <v>15</v>
      </c>
      <c r="W19" s="278">
        <v>28</v>
      </c>
      <c r="X19" s="283">
        <v>28</v>
      </c>
    </row>
    <row r="20" spans="2:24" ht="21" customHeight="1" x14ac:dyDescent="0.2">
      <c r="B20" s="257" t="s">
        <v>18</v>
      </c>
      <c r="C20" s="281">
        <v>0</v>
      </c>
      <c r="D20" s="281">
        <v>0</v>
      </c>
      <c r="E20" s="278">
        <v>0</v>
      </c>
      <c r="F20" s="280">
        <v>0</v>
      </c>
      <c r="G20" s="281">
        <v>163</v>
      </c>
      <c r="H20" s="281">
        <v>142</v>
      </c>
      <c r="I20" s="281">
        <v>37</v>
      </c>
      <c r="J20" s="281">
        <v>7</v>
      </c>
      <c r="K20" s="281">
        <v>0</v>
      </c>
      <c r="L20" s="278">
        <v>349</v>
      </c>
      <c r="M20" s="283">
        <v>349</v>
      </c>
      <c r="N20" s="281">
        <v>0</v>
      </c>
      <c r="O20" s="281">
        <v>0</v>
      </c>
      <c r="P20" s="278">
        <v>0</v>
      </c>
      <c r="Q20" s="280">
        <v>0</v>
      </c>
      <c r="R20" s="281">
        <v>16</v>
      </c>
      <c r="S20" s="281">
        <v>0</v>
      </c>
      <c r="T20" s="281">
        <v>8</v>
      </c>
      <c r="U20" s="281">
        <v>0</v>
      </c>
      <c r="V20" s="281">
        <v>4</v>
      </c>
      <c r="W20" s="278">
        <v>28</v>
      </c>
      <c r="X20" s="283">
        <v>28</v>
      </c>
    </row>
    <row r="21" spans="2:24" ht="21" customHeight="1" x14ac:dyDescent="0.2">
      <c r="B21" s="257" t="s">
        <v>19</v>
      </c>
      <c r="C21" s="281">
        <v>0</v>
      </c>
      <c r="D21" s="281">
        <v>0</v>
      </c>
      <c r="E21" s="278">
        <v>0</v>
      </c>
      <c r="F21" s="280">
        <v>0</v>
      </c>
      <c r="G21" s="281">
        <v>42</v>
      </c>
      <c r="H21" s="281">
        <v>25</v>
      </c>
      <c r="I21" s="281">
        <v>6</v>
      </c>
      <c r="J21" s="281">
        <v>22</v>
      </c>
      <c r="K21" s="281">
        <v>0</v>
      </c>
      <c r="L21" s="278">
        <v>95</v>
      </c>
      <c r="M21" s="283">
        <v>95</v>
      </c>
      <c r="N21" s="281">
        <v>0</v>
      </c>
      <c r="O21" s="281">
        <v>0</v>
      </c>
      <c r="P21" s="278">
        <v>0</v>
      </c>
      <c r="Q21" s="280">
        <v>0</v>
      </c>
      <c r="R21" s="281">
        <v>0</v>
      </c>
      <c r="S21" s="281">
        <v>27</v>
      </c>
      <c r="T21" s="281">
        <v>0</v>
      </c>
      <c r="U21" s="281">
        <v>0</v>
      </c>
      <c r="V21" s="281">
        <v>0</v>
      </c>
      <c r="W21" s="278">
        <v>27</v>
      </c>
      <c r="X21" s="283">
        <v>27</v>
      </c>
    </row>
    <row r="22" spans="2:24" ht="21" customHeight="1" x14ac:dyDescent="0.2">
      <c r="B22" s="257" t="s">
        <v>20</v>
      </c>
      <c r="C22" s="281">
        <v>0</v>
      </c>
      <c r="D22" s="281">
        <v>0</v>
      </c>
      <c r="E22" s="278">
        <v>0</v>
      </c>
      <c r="F22" s="280">
        <v>0</v>
      </c>
      <c r="G22" s="281">
        <v>97</v>
      </c>
      <c r="H22" s="281">
        <v>68</v>
      </c>
      <c r="I22" s="281">
        <v>37</v>
      </c>
      <c r="J22" s="281">
        <v>47</v>
      </c>
      <c r="K22" s="281">
        <v>0</v>
      </c>
      <c r="L22" s="278">
        <v>249</v>
      </c>
      <c r="M22" s="283">
        <v>249</v>
      </c>
      <c r="N22" s="281">
        <v>0</v>
      </c>
      <c r="O22" s="281">
        <v>0</v>
      </c>
      <c r="P22" s="278">
        <v>0</v>
      </c>
      <c r="Q22" s="280">
        <v>0</v>
      </c>
      <c r="R22" s="281">
        <v>0</v>
      </c>
      <c r="S22" s="281">
        <v>0</v>
      </c>
      <c r="T22" s="281">
        <v>14</v>
      </c>
      <c r="U22" s="281">
        <v>7</v>
      </c>
      <c r="V22" s="281">
        <v>0</v>
      </c>
      <c r="W22" s="278">
        <v>21</v>
      </c>
      <c r="X22" s="283">
        <v>21</v>
      </c>
    </row>
    <row r="23" spans="2:24" ht="21" customHeight="1" x14ac:dyDescent="0.2">
      <c r="B23" s="257" t="s">
        <v>21</v>
      </c>
      <c r="C23" s="281">
        <v>0</v>
      </c>
      <c r="D23" s="281">
        <v>0</v>
      </c>
      <c r="E23" s="278">
        <v>0</v>
      </c>
      <c r="F23" s="280">
        <v>0</v>
      </c>
      <c r="G23" s="281">
        <v>62</v>
      </c>
      <c r="H23" s="281">
        <v>84</v>
      </c>
      <c r="I23" s="281">
        <v>43</v>
      </c>
      <c r="J23" s="281">
        <v>26</v>
      </c>
      <c r="K23" s="281">
        <v>3</v>
      </c>
      <c r="L23" s="278">
        <v>218</v>
      </c>
      <c r="M23" s="283">
        <v>218</v>
      </c>
      <c r="N23" s="281">
        <v>0</v>
      </c>
      <c r="O23" s="281">
        <v>0</v>
      </c>
      <c r="P23" s="278">
        <v>0</v>
      </c>
      <c r="Q23" s="280">
        <v>0</v>
      </c>
      <c r="R23" s="281">
        <v>0</v>
      </c>
      <c r="S23" s="281">
        <v>0</v>
      </c>
      <c r="T23" s="281">
        <v>0</v>
      </c>
      <c r="U23" s="281">
        <v>0</v>
      </c>
      <c r="V23" s="281">
        <v>0</v>
      </c>
      <c r="W23" s="278">
        <v>0</v>
      </c>
      <c r="X23" s="283">
        <v>0</v>
      </c>
    </row>
    <row r="24" spans="2:24" ht="21" customHeight="1" x14ac:dyDescent="0.2">
      <c r="B24" s="257" t="s">
        <v>22</v>
      </c>
      <c r="C24" s="281">
        <v>0</v>
      </c>
      <c r="D24" s="281">
        <v>0</v>
      </c>
      <c r="E24" s="278">
        <v>0</v>
      </c>
      <c r="F24" s="280">
        <v>0</v>
      </c>
      <c r="G24" s="281">
        <v>31</v>
      </c>
      <c r="H24" s="281">
        <v>36</v>
      </c>
      <c r="I24" s="281">
        <v>12</v>
      </c>
      <c r="J24" s="281">
        <v>23</v>
      </c>
      <c r="K24" s="281">
        <v>0</v>
      </c>
      <c r="L24" s="278">
        <v>102</v>
      </c>
      <c r="M24" s="283">
        <v>102</v>
      </c>
      <c r="N24" s="281">
        <v>0</v>
      </c>
      <c r="O24" s="281">
        <v>0</v>
      </c>
      <c r="P24" s="278">
        <v>0</v>
      </c>
      <c r="Q24" s="280">
        <v>0</v>
      </c>
      <c r="R24" s="281">
        <v>11</v>
      </c>
      <c r="S24" s="281">
        <v>0</v>
      </c>
      <c r="T24" s="281">
        <v>9</v>
      </c>
      <c r="U24" s="281">
        <v>11</v>
      </c>
      <c r="V24" s="281">
        <v>0</v>
      </c>
      <c r="W24" s="278">
        <v>31</v>
      </c>
      <c r="X24" s="283">
        <v>31</v>
      </c>
    </row>
    <row r="25" spans="2:24" ht="21" customHeight="1" x14ac:dyDescent="0.2">
      <c r="B25" s="257" t="s">
        <v>23</v>
      </c>
      <c r="C25" s="281">
        <v>0</v>
      </c>
      <c r="D25" s="281">
        <v>0</v>
      </c>
      <c r="E25" s="278">
        <v>0</v>
      </c>
      <c r="F25" s="280">
        <v>0</v>
      </c>
      <c r="G25" s="281">
        <v>27</v>
      </c>
      <c r="H25" s="281">
        <v>24</v>
      </c>
      <c r="I25" s="281">
        <v>8</v>
      </c>
      <c r="J25" s="281">
        <v>31</v>
      </c>
      <c r="K25" s="281">
        <v>0</v>
      </c>
      <c r="L25" s="278">
        <v>90</v>
      </c>
      <c r="M25" s="283">
        <v>90</v>
      </c>
      <c r="N25" s="281">
        <v>0</v>
      </c>
      <c r="O25" s="281">
        <v>0</v>
      </c>
      <c r="P25" s="278">
        <v>0</v>
      </c>
      <c r="Q25" s="280">
        <v>0</v>
      </c>
      <c r="R25" s="281">
        <v>0</v>
      </c>
      <c r="S25" s="281">
        <v>0</v>
      </c>
      <c r="T25" s="281">
        <v>0</v>
      </c>
      <c r="U25" s="281">
        <v>0</v>
      </c>
      <c r="V25" s="281">
        <v>0</v>
      </c>
      <c r="W25" s="278">
        <v>0</v>
      </c>
      <c r="X25" s="283">
        <v>0</v>
      </c>
    </row>
    <row r="26" spans="2:24" ht="21" customHeight="1" x14ac:dyDescent="0.2">
      <c r="B26" s="257" t="s">
        <v>24</v>
      </c>
      <c r="C26" s="281">
        <v>0</v>
      </c>
      <c r="D26" s="281">
        <v>0</v>
      </c>
      <c r="E26" s="278">
        <v>0</v>
      </c>
      <c r="F26" s="280">
        <v>0</v>
      </c>
      <c r="G26" s="281">
        <v>23</v>
      </c>
      <c r="H26" s="281">
        <v>0</v>
      </c>
      <c r="I26" s="281">
        <v>28</v>
      </c>
      <c r="J26" s="281">
        <v>4</v>
      </c>
      <c r="K26" s="281">
        <v>0</v>
      </c>
      <c r="L26" s="278">
        <v>55</v>
      </c>
      <c r="M26" s="283">
        <v>55</v>
      </c>
      <c r="N26" s="281">
        <v>0</v>
      </c>
      <c r="O26" s="281">
        <v>0</v>
      </c>
      <c r="P26" s="278">
        <v>0</v>
      </c>
      <c r="Q26" s="280">
        <v>0</v>
      </c>
      <c r="R26" s="281">
        <v>0</v>
      </c>
      <c r="S26" s="281">
        <v>0</v>
      </c>
      <c r="T26" s="281">
        <v>14</v>
      </c>
      <c r="U26" s="281">
        <v>0</v>
      </c>
      <c r="V26" s="281">
        <v>0</v>
      </c>
      <c r="W26" s="278">
        <v>14</v>
      </c>
      <c r="X26" s="283">
        <v>14</v>
      </c>
    </row>
    <row r="27" spans="2:24" ht="21" customHeight="1" x14ac:dyDescent="0.2">
      <c r="B27" s="257" t="s">
        <v>25</v>
      </c>
      <c r="C27" s="281">
        <v>0</v>
      </c>
      <c r="D27" s="281">
        <v>0</v>
      </c>
      <c r="E27" s="278">
        <v>0</v>
      </c>
      <c r="F27" s="280">
        <v>0</v>
      </c>
      <c r="G27" s="281">
        <v>57</v>
      </c>
      <c r="H27" s="281">
        <v>0</v>
      </c>
      <c r="I27" s="281">
        <v>0</v>
      </c>
      <c r="J27" s="281">
        <v>0</v>
      </c>
      <c r="K27" s="281">
        <v>0</v>
      </c>
      <c r="L27" s="278">
        <v>57</v>
      </c>
      <c r="M27" s="283">
        <v>57</v>
      </c>
      <c r="N27" s="281">
        <v>0</v>
      </c>
      <c r="O27" s="281">
        <v>0</v>
      </c>
      <c r="P27" s="278">
        <v>0</v>
      </c>
      <c r="Q27" s="280">
        <v>0</v>
      </c>
      <c r="R27" s="281">
        <v>0</v>
      </c>
      <c r="S27" s="281">
        <v>0</v>
      </c>
      <c r="T27" s="281">
        <v>0</v>
      </c>
      <c r="U27" s="281">
        <v>0</v>
      </c>
      <c r="V27" s="281">
        <v>0</v>
      </c>
      <c r="W27" s="278">
        <v>0</v>
      </c>
      <c r="X27" s="283">
        <v>0</v>
      </c>
    </row>
    <row r="28" spans="2:24" ht="21" customHeight="1" x14ac:dyDescent="0.2">
      <c r="B28" s="257" t="s">
        <v>26</v>
      </c>
      <c r="C28" s="281">
        <v>0</v>
      </c>
      <c r="D28" s="281">
        <v>0</v>
      </c>
      <c r="E28" s="278">
        <v>0</v>
      </c>
      <c r="F28" s="280">
        <v>0</v>
      </c>
      <c r="G28" s="281">
        <v>6</v>
      </c>
      <c r="H28" s="281">
        <v>52</v>
      </c>
      <c r="I28" s="281">
        <v>9</v>
      </c>
      <c r="J28" s="281">
        <v>0</v>
      </c>
      <c r="K28" s="281">
        <v>13</v>
      </c>
      <c r="L28" s="278">
        <v>80</v>
      </c>
      <c r="M28" s="283">
        <v>80</v>
      </c>
      <c r="N28" s="281">
        <v>0</v>
      </c>
      <c r="O28" s="281">
        <v>0</v>
      </c>
      <c r="P28" s="278">
        <v>0</v>
      </c>
      <c r="Q28" s="280">
        <v>0</v>
      </c>
      <c r="R28" s="281">
        <v>0</v>
      </c>
      <c r="S28" s="281">
        <v>0</v>
      </c>
      <c r="T28" s="281">
        <v>0</v>
      </c>
      <c r="U28" s="281">
        <v>0</v>
      </c>
      <c r="V28" s="281">
        <v>0</v>
      </c>
      <c r="W28" s="278">
        <v>0</v>
      </c>
      <c r="X28" s="283">
        <v>0</v>
      </c>
    </row>
    <row r="29" spans="2:24" ht="21" customHeight="1" x14ac:dyDescent="0.2">
      <c r="B29" s="257" t="s">
        <v>27</v>
      </c>
      <c r="C29" s="281">
        <v>0</v>
      </c>
      <c r="D29" s="281">
        <v>0</v>
      </c>
      <c r="E29" s="278">
        <v>0</v>
      </c>
      <c r="F29" s="280">
        <v>0</v>
      </c>
      <c r="G29" s="281">
        <v>9</v>
      </c>
      <c r="H29" s="281">
        <v>6</v>
      </c>
      <c r="I29" s="281">
        <v>0</v>
      </c>
      <c r="J29" s="281">
        <v>0</v>
      </c>
      <c r="K29" s="281">
        <v>0</v>
      </c>
      <c r="L29" s="278">
        <v>15</v>
      </c>
      <c r="M29" s="283">
        <v>15</v>
      </c>
      <c r="N29" s="281">
        <v>0</v>
      </c>
      <c r="O29" s="281">
        <v>0</v>
      </c>
      <c r="P29" s="278">
        <v>0</v>
      </c>
      <c r="Q29" s="280">
        <v>0</v>
      </c>
      <c r="R29" s="281">
        <v>14</v>
      </c>
      <c r="S29" s="281">
        <v>17</v>
      </c>
      <c r="T29" s="281">
        <v>0</v>
      </c>
      <c r="U29" s="281">
        <v>0</v>
      </c>
      <c r="V29" s="281">
        <v>0</v>
      </c>
      <c r="W29" s="278">
        <v>31</v>
      </c>
      <c r="X29" s="283">
        <v>31</v>
      </c>
    </row>
    <row r="30" spans="2:24" ht="21" customHeight="1" x14ac:dyDescent="0.2">
      <c r="B30" s="257" t="s">
        <v>28</v>
      </c>
      <c r="C30" s="281">
        <v>0</v>
      </c>
      <c r="D30" s="281">
        <v>0</v>
      </c>
      <c r="E30" s="278">
        <v>0</v>
      </c>
      <c r="F30" s="280">
        <v>0</v>
      </c>
      <c r="G30" s="281">
        <v>24</v>
      </c>
      <c r="H30" s="281">
        <v>12</v>
      </c>
      <c r="I30" s="281">
        <v>0</v>
      </c>
      <c r="J30" s="281">
        <v>0</v>
      </c>
      <c r="K30" s="281">
        <v>0</v>
      </c>
      <c r="L30" s="278">
        <v>36</v>
      </c>
      <c r="M30" s="283">
        <v>36</v>
      </c>
      <c r="N30" s="281">
        <v>0</v>
      </c>
      <c r="O30" s="281">
        <v>0</v>
      </c>
      <c r="P30" s="278">
        <v>0</v>
      </c>
      <c r="Q30" s="280">
        <v>0</v>
      </c>
      <c r="R30" s="281">
        <v>0</v>
      </c>
      <c r="S30" s="281">
        <v>0</v>
      </c>
      <c r="T30" s="281">
        <v>0</v>
      </c>
      <c r="U30" s="281">
        <v>0</v>
      </c>
      <c r="V30" s="281">
        <v>1</v>
      </c>
      <c r="W30" s="278">
        <v>1</v>
      </c>
      <c r="X30" s="283">
        <v>1</v>
      </c>
    </row>
    <row r="31" spans="2:24" ht="21" customHeight="1" x14ac:dyDescent="0.2">
      <c r="B31" s="257" t="s">
        <v>29</v>
      </c>
      <c r="C31" s="281">
        <v>0</v>
      </c>
      <c r="D31" s="281">
        <v>0</v>
      </c>
      <c r="E31" s="278">
        <v>0</v>
      </c>
      <c r="F31" s="280">
        <v>0</v>
      </c>
      <c r="G31" s="281">
        <v>7</v>
      </c>
      <c r="H31" s="281">
        <v>5</v>
      </c>
      <c r="I31" s="281">
        <v>0</v>
      </c>
      <c r="J31" s="281">
        <v>0</v>
      </c>
      <c r="K31" s="281">
        <v>0</v>
      </c>
      <c r="L31" s="278">
        <v>12</v>
      </c>
      <c r="M31" s="283">
        <v>12</v>
      </c>
      <c r="N31" s="281">
        <v>0</v>
      </c>
      <c r="O31" s="281">
        <v>0</v>
      </c>
      <c r="P31" s="278">
        <v>0</v>
      </c>
      <c r="Q31" s="280">
        <v>0</v>
      </c>
      <c r="R31" s="281">
        <v>0</v>
      </c>
      <c r="S31" s="281">
        <v>0</v>
      </c>
      <c r="T31" s="281">
        <v>0</v>
      </c>
      <c r="U31" s="281">
        <v>0</v>
      </c>
      <c r="V31" s="281">
        <v>0</v>
      </c>
      <c r="W31" s="278">
        <v>0</v>
      </c>
      <c r="X31" s="283">
        <v>0</v>
      </c>
    </row>
    <row r="32" spans="2:24" ht="21" customHeight="1" x14ac:dyDescent="0.2">
      <c r="B32" s="257" t="s">
        <v>30</v>
      </c>
      <c r="C32" s="281">
        <v>0</v>
      </c>
      <c r="D32" s="281">
        <v>0</v>
      </c>
      <c r="E32" s="278">
        <v>0</v>
      </c>
      <c r="F32" s="280">
        <v>0</v>
      </c>
      <c r="G32" s="281">
        <v>1</v>
      </c>
      <c r="H32" s="281">
        <v>17</v>
      </c>
      <c r="I32" s="281">
        <v>0</v>
      </c>
      <c r="J32" s="281">
        <v>0</v>
      </c>
      <c r="K32" s="281">
        <v>0</v>
      </c>
      <c r="L32" s="278">
        <v>18</v>
      </c>
      <c r="M32" s="283">
        <v>18</v>
      </c>
      <c r="N32" s="281">
        <v>4</v>
      </c>
      <c r="O32" s="281">
        <v>0</v>
      </c>
      <c r="P32" s="278">
        <v>4</v>
      </c>
      <c r="Q32" s="280">
        <v>0</v>
      </c>
      <c r="R32" s="281">
        <v>0</v>
      </c>
      <c r="S32" s="281">
        <v>0</v>
      </c>
      <c r="T32" s="281">
        <v>0</v>
      </c>
      <c r="U32" s="281">
        <v>0</v>
      </c>
      <c r="V32" s="281">
        <v>0</v>
      </c>
      <c r="W32" s="278">
        <v>0</v>
      </c>
      <c r="X32" s="283">
        <v>4</v>
      </c>
    </row>
    <row r="33" spans="2:24" ht="21" customHeight="1" x14ac:dyDescent="0.2">
      <c r="B33" s="257" t="s">
        <v>31</v>
      </c>
      <c r="C33" s="281">
        <v>0</v>
      </c>
      <c r="D33" s="281">
        <v>0</v>
      </c>
      <c r="E33" s="278">
        <v>0</v>
      </c>
      <c r="F33" s="280">
        <v>0</v>
      </c>
      <c r="G33" s="281">
        <v>7</v>
      </c>
      <c r="H33" s="281">
        <v>0</v>
      </c>
      <c r="I33" s="281">
        <v>0</v>
      </c>
      <c r="J33" s="281">
        <v>0</v>
      </c>
      <c r="K33" s="281">
        <v>0</v>
      </c>
      <c r="L33" s="278">
        <v>7</v>
      </c>
      <c r="M33" s="283">
        <v>7</v>
      </c>
      <c r="N33" s="281">
        <v>0</v>
      </c>
      <c r="O33" s="281">
        <v>0</v>
      </c>
      <c r="P33" s="278">
        <v>0</v>
      </c>
      <c r="Q33" s="280">
        <v>0</v>
      </c>
      <c r="R33" s="281">
        <v>0</v>
      </c>
      <c r="S33" s="281">
        <v>0</v>
      </c>
      <c r="T33" s="281">
        <v>12</v>
      </c>
      <c r="U33" s="281">
        <v>0</v>
      </c>
      <c r="V33" s="281">
        <v>0</v>
      </c>
      <c r="W33" s="278">
        <v>12</v>
      </c>
      <c r="X33" s="283">
        <v>12</v>
      </c>
    </row>
    <row r="34" spans="2:24" ht="21" customHeight="1" x14ac:dyDescent="0.2">
      <c r="B34" s="257" t="s">
        <v>32</v>
      </c>
      <c r="C34" s="281">
        <v>0</v>
      </c>
      <c r="D34" s="281">
        <v>0</v>
      </c>
      <c r="E34" s="278">
        <v>0</v>
      </c>
      <c r="F34" s="280">
        <v>0</v>
      </c>
      <c r="G34" s="281">
        <v>11</v>
      </c>
      <c r="H34" s="281">
        <v>9</v>
      </c>
      <c r="I34" s="281">
        <v>9</v>
      </c>
      <c r="J34" s="281">
        <v>0</v>
      </c>
      <c r="K34" s="281">
        <v>3</v>
      </c>
      <c r="L34" s="278">
        <v>32</v>
      </c>
      <c r="M34" s="283">
        <v>32</v>
      </c>
      <c r="N34" s="281">
        <v>0</v>
      </c>
      <c r="O34" s="281">
        <v>0</v>
      </c>
      <c r="P34" s="278">
        <v>0</v>
      </c>
      <c r="Q34" s="280">
        <v>0</v>
      </c>
      <c r="R34" s="281">
        <v>0</v>
      </c>
      <c r="S34" s="281">
        <v>0</v>
      </c>
      <c r="T34" s="281">
        <v>0</v>
      </c>
      <c r="U34" s="281">
        <v>11</v>
      </c>
      <c r="V34" s="281">
        <v>0</v>
      </c>
      <c r="W34" s="278">
        <v>11</v>
      </c>
      <c r="X34" s="283">
        <v>11</v>
      </c>
    </row>
    <row r="35" spans="2:24" ht="21" customHeight="1" x14ac:dyDescent="0.2">
      <c r="B35" s="257" t="s">
        <v>33</v>
      </c>
      <c r="C35" s="281">
        <v>0</v>
      </c>
      <c r="D35" s="281">
        <v>0</v>
      </c>
      <c r="E35" s="278">
        <v>0</v>
      </c>
      <c r="F35" s="280">
        <v>0</v>
      </c>
      <c r="G35" s="281">
        <v>5</v>
      </c>
      <c r="H35" s="281">
        <v>0</v>
      </c>
      <c r="I35" s="281">
        <v>0</v>
      </c>
      <c r="J35" s="281">
        <v>0</v>
      </c>
      <c r="K35" s="281">
        <v>0</v>
      </c>
      <c r="L35" s="278">
        <v>5</v>
      </c>
      <c r="M35" s="283">
        <v>5</v>
      </c>
      <c r="N35" s="281">
        <v>0</v>
      </c>
      <c r="O35" s="281">
        <v>0</v>
      </c>
      <c r="P35" s="278">
        <v>0</v>
      </c>
      <c r="Q35" s="280">
        <v>0</v>
      </c>
      <c r="R35" s="281">
        <v>0</v>
      </c>
      <c r="S35" s="281">
        <v>0</v>
      </c>
      <c r="T35" s="281">
        <v>0</v>
      </c>
      <c r="U35" s="281">
        <v>0</v>
      </c>
      <c r="V35" s="281">
        <v>0</v>
      </c>
      <c r="W35" s="278">
        <v>0</v>
      </c>
      <c r="X35" s="283">
        <v>0</v>
      </c>
    </row>
    <row r="36" spans="2:24" ht="21" customHeight="1" x14ac:dyDescent="0.2">
      <c r="B36" s="257" t="s">
        <v>34</v>
      </c>
      <c r="C36" s="281">
        <v>0</v>
      </c>
      <c r="D36" s="281">
        <v>0</v>
      </c>
      <c r="E36" s="278">
        <v>0</v>
      </c>
      <c r="F36" s="280">
        <v>0</v>
      </c>
      <c r="G36" s="281">
        <v>21</v>
      </c>
      <c r="H36" s="281">
        <v>0</v>
      </c>
      <c r="I36" s="281">
        <v>0</v>
      </c>
      <c r="J36" s="281">
        <v>0</v>
      </c>
      <c r="K36" s="281">
        <v>0</v>
      </c>
      <c r="L36" s="278">
        <v>21</v>
      </c>
      <c r="M36" s="283">
        <v>21</v>
      </c>
      <c r="N36" s="281">
        <v>0</v>
      </c>
      <c r="O36" s="281">
        <v>0</v>
      </c>
      <c r="P36" s="278">
        <v>0</v>
      </c>
      <c r="Q36" s="280">
        <v>0</v>
      </c>
      <c r="R36" s="281">
        <v>0</v>
      </c>
      <c r="S36" s="281">
        <v>0</v>
      </c>
      <c r="T36" s="281">
        <v>0</v>
      </c>
      <c r="U36" s="281">
        <v>0</v>
      </c>
      <c r="V36" s="281">
        <v>0</v>
      </c>
      <c r="W36" s="278">
        <v>0</v>
      </c>
      <c r="X36" s="283">
        <v>0</v>
      </c>
    </row>
    <row r="37" spans="2:24" ht="21" customHeight="1" x14ac:dyDescent="0.2">
      <c r="B37" s="257" t="s">
        <v>35</v>
      </c>
      <c r="C37" s="281">
        <v>0</v>
      </c>
      <c r="D37" s="281">
        <v>0</v>
      </c>
      <c r="E37" s="278">
        <v>0</v>
      </c>
      <c r="F37" s="280">
        <v>0</v>
      </c>
      <c r="G37" s="281">
        <v>0</v>
      </c>
      <c r="H37" s="281">
        <v>8</v>
      </c>
      <c r="I37" s="281">
        <v>0</v>
      </c>
      <c r="J37" s="281">
        <v>0</v>
      </c>
      <c r="K37" s="281">
        <v>0</v>
      </c>
      <c r="L37" s="278">
        <v>8</v>
      </c>
      <c r="M37" s="283">
        <v>8</v>
      </c>
      <c r="N37" s="281">
        <v>0</v>
      </c>
      <c r="O37" s="281">
        <v>0</v>
      </c>
      <c r="P37" s="278">
        <v>0</v>
      </c>
      <c r="Q37" s="280">
        <v>0</v>
      </c>
      <c r="R37" s="281">
        <v>0</v>
      </c>
      <c r="S37" s="281">
        <v>0</v>
      </c>
      <c r="T37" s="281">
        <v>0</v>
      </c>
      <c r="U37" s="281">
        <v>0</v>
      </c>
      <c r="V37" s="281">
        <v>0</v>
      </c>
      <c r="W37" s="278">
        <v>0</v>
      </c>
      <c r="X37" s="283">
        <v>0</v>
      </c>
    </row>
    <row r="38" spans="2:24" ht="21" customHeight="1" x14ac:dyDescent="0.2">
      <c r="B38" s="257" t="s">
        <v>36</v>
      </c>
      <c r="C38" s="281">
        <v>0</v>
      </c>
      <c r="D38" s="281">
        <v>0</v>
      </c>
      <c r="E38" s="278">
        <v>0</v>
      </c>
      <c r="F38" s="280">
        <v>0</v>
      </c>
      <c r="G38" s="281">
        <v>19</v>
      </c>
      <c r="H38" s="281">
        <v>9</v>
      </c>
      <c r="I38" s="281">
        <v>0</v>
      </c>
      <c r="J38" s="281">
        <v>0</v>
      </c>
      <c r="K38" s="281">
        <v>22</v>
      </c>
      <c r="L38" s="278">
        <v>50</v>
      </c>
      <c r="M38" s="283">
        <v>50</v>
      </c>
      <c r="N38" s="281">
        <v>0</v>
      </c>
      <c r="O38" s="281">
        <v>0</v>
      </c>
      <c r="P38" s="278">
        <v>0</v>
      </c>
      <c r="Q38" s="280">
        <v>0</v>
      </c>
      <c r="R38" s="281">
        <v>0</v>
      </c>
      <c r="S38" s="281">
        <v>0</v>
      </c>
      <c r="T38" s="281">
        <v>0</v>
      </c>
      <c r="U38" s="281">
        <v>0</v>
      </c>
      <c r="V38" s="281">
        <v>0</v>
      </c>
      <c r="W38" s="278">
        <v>0</v>
      </c>
      <c r="X38" s="283">
        <v>0</v>
      </c>
    </row>
    <row r="39" spans="2:24" ht="21" customHeight="1" thickBot="1" x14ac:dyDescent="0.25">
      <c r="B39" s="258" t="s">
        <v>37</v>
      </c>
      <c r="C39" s="288">
        <v>0</v>
      </c>
      <c r="D39" s="288">
        <v>0</v>
      </c>
      <c r="E39" s="285">
        <v>0</v>
      </c>
      <c r="F39" s="287">
        <v>0</v>
      </c>
      <c r="G39" s="288">
        <v>0</v>
      </c>
      <c r="H39" s="288">
        <v>0</v>
      </c>
      <c r="I39" s="288">
        <v>0</v>
      </c>
      <c r="J39" s="288">
        <v>0</v>
      </c>
      <c r="K39" s="288">
        <v>0</v>
      </c>
      <c r="L39" s="285">
        <v>0</v>
      </c>
      <c r="M39" s="290">
        <v>0</v>
      </c>
      <c r="N39" s="288">
        <v>0</v>
      </c>
      <c r="O39" s="288">
        <v>0</v>
      </c>
      <c r="P39" s="285">
        <v>0</v>
      </c>
      <c r="Q39" s="287">
        <v>0</v>
      </c>
      <c r="R39" s="288">
        <v>0</v>
      </c>
      <c r="S39" s="288">
        <v>0</v>
      </c>
      <c r="T39" s="288">
        <v>0</v>
      </c>
      <c r="U39" s="288">
        <v>0</v>
      </c>
      <c r="V39" s="288">
        <v>0</v>
      </c>
      <c r="W39" s="285">
        <v>0</v>
      </c>
      <c r="X39" s="290">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 style="256" customWidth="1"/>
    <col min="6" max="6" width="7.77734375" style="256" customWidth="1"/>
    <col min="7" max="7" width="10.77734375" style="256" customWidth="1"/>
    <col min="8" max="16" width="9" style="256"/>
    <col min="17" max="17" width="7.6640625" style="256" customWidth="1"/>
    <col min="18" max="16384" width="9" style="256"/>
  </cols>
  <sheetData>
    <row r="1" spans="2:24" ht="24" customHeight="1" x14ac:dyDescent="0.2">
      <c r="B1" s="291" t="s">
        <v>125</v>
      </c>
      <c r="H1" s="528">
        <f>第１表!F2</f>
        <v>4</v>
      </c>
      <c r="I1" s="528"/>
      <c r="J1" s="248">
        <f>第１表!G2</f>
        <v>7</v>
      </c>
      <c r="K1" s="529">
        <f>IF(J1&lt;3,J1+12-2,J1-2)</f>
        <v>5</v>
      </c>
      <c r="L1" s="529"/>
    </row>
    <row r="2" spans="2:24" ht="24" customHeight="1" thickBot="1" x14ac:dyDescent="0.25">
      <c r="B2" s="291" t="s">
        <v>155</v>
      </c>
    </row>
    <row r="3" spans="2:24" ht="18.75" customHeight="1" x14ac:dyDescent="0.2">
      <c r="B3" s="541"/>
      <c r="C3" s="537" t="s">
        <v>142</v>
      </c>
      <c r="D3" s="537"/>
      <c r="E3" s="537"/>
      <c r="F3" s="537"/>
      <c r="G3" s="537"/>
      <c r="H3" s="537"/>
      <c r="I3" s="537"/>
      <c r="J3" s="537"/>
      <c r="K3" s="537"/>
      <c r="L3" s="537"/>
      <c r="M3" s="567"/>
      <c r="N3" s="537" t="s">
        <v>113</v>
      </c>
      <c r="O3" s="537"/>
      <c r="P3" s="537"/>
      <c r="Q3" s="537"/>
      <c r="R3" s="537"/>
      <c r="S3" s="537"/>
      <c r="T3" s="537"/>
      <c r="U3" s="537"/>
      <c r="V3" s="537"/>
      <c r="W3" s="537"/>
      <c r="X3" s="567"/>
    </row>
    <row r="4" spans="2:24" ht="18.75" customHeight="1" x14ac:dyDescent="0.2">
      <c r="B4" s="565"/>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27" thickBot="1" x14ac:dyDescent="0.25">
      <c r="B5" s="566"/>
      <c r="C5" s="260" t="s">
        <v>43</v>
      </c>
      <c r="D5" s="260" t="s">
        <v>44</v>
      </c>
      <c r="E5" s="266" t="s">
        <v>45</v>
      </c>
      <c r="F5" s="268" t="s">
        <v>83</v>
      </c>
      <c r="G5" s="260" t="s">
        <v>47</v>
      </c>
      <c r="H5" s="260" t="s">
        <v>48</v>
      </c>
      <c r="I5" s="260" t="s">
        <v>49</v>
      </c>
      <c r="J5" s="260" t="s">
        <v>50</v>
      </c>
      <c r="K5" s="260" t="s">
        <v>51</v>
      </c>
      <c r="L5" s="266" t="s">
        <v>45</v>
      </c>
      <c r="M5" s="540"/>
      <c r="N5" s="260" t="s">
        <v>43</v>
      </c>
      <c r="O5" s="260" t="s">
        <v>44</v>
      </c>
      <c r="P5" s="266" t="s">
        <v>45</v>
      </c>
      <c r="Q5" s="268" t="s">
        <v>83</v>
      </c>
      <c r="R5" s="260" t="s">
        <v>47</v>
      </c>
      <c r="S5" s="260" t="s">
        <v>48</v>
      </c>
      <c r="T5" s="260" t="s">
        <v>49</v>
      </c>
      <c r="U5" s="260" t="s">
        <v>50</v>
      </c>
      <c r="V5" s="260" t="s">
        <v>51</v>
      </c>
      <c r="W5" s="266" t="s">
        <v>45</v>
      </c>
      <c r="X5" s="540"/>
    </row>
    <row r="6" spans="2:24" ht="21" customHeight="1" x14ac:dyDescent="0.2">
      <c r="B6" s="259" t="s">
        <v>4</v>
      </c>
      <c r="C6" s="274">
        <v>0</v>
      </c>
      <c r="D6" s="274">
        <v>0</v>
      </c>
      <c r="E6" s="271">
        <v>0</v>
      </c>
      <c r="F6" s="273">
        <v>0</v>
      </c>
      <c r="G6" s="274">
        <v>5949</v>
      </c>
      <c r="H6" s="274">
        <v>4581</v>
      </c>
      <c r="I6" s="274">
        <v>2604</v>
      </c>
      <c r="J6" s="274">
        <v>1332</v>
      </c>
      <c r="K6" s="274">
        <v>537</v>
      </c>
      <c r="L6" s="271">
        <v>15003</v>
      </c>
      <c r="M6" s="276">
        <v>15003</v>
      </c>
      <c r="N6" s="274">
        <v>9</v>
      </c>
      <c r="O6" s="274">
        <v>0</v>
      </c>
      <c r="P6" s="271">
        <v>9</v>
      </c>
      <c r="Q6" s="273">
        <v>0</v>
      </c>
      <c r="R6" s="274">
        <v>325</v>
      </c>
      <c r="S6" s="274">
        <v>632</v>
      </c>
      <c r="T6" s="274">
        <v>601</v>
      </c>
      <c r="U6" s="274">
        <v>275</v>
      </c>
      <c r="V6" s="274">
        <v>333</v>
      </c>
      <c r="W6" s="271">
        <v>2166</v>
      </c>
      <c r="X6" s="276">
        <v>2175</v>
      </c>
    </row>
    <row r="7" spans="2:24" ht="21" customHeight="1" x14ac:dyDescent="0.2">
      <c r="B7" s="257" t="s">
        <v>5</v>
      </c>
      <c r="C7" s="281">
        <v>0</v>
      </c>
      <c r="D7" s="281">
        <v>0</v>
      </c>
      <c r="E7" s="278">
        <v>0</v>
      </c>
      <c r="F7" s="280">
        <v>0</v>
      </c>
      <c r="G7" s="281">
        <v>2195</v>
      </c>
      <c r="H7" s="281">
        <v>2442</v>
      </c>
      <c r="I7" s="281">
        <v>1068</v>
      </c>
      <c r="J7" s="281">
        <v>766</v>
      </c>
      <c r="K7" s="281">
        <v>276</v>
      </c>
      <c r="L7" s="278">
        <v>6747</v>
      </c>
      <c r="M7" s="283">
        <v>6747</v>
      </c>
      <c r="N7" s="281">
        <v>9</v>
      </c>
      <c r="O7" s="281">
        <v>0</v>
      </c>
      <c r="P7" s="278">
        <v>9</v>
      </c>
      <c r="Q7" s="280">
        <v>0</v>
      </c>
      <c r="R7" s="281">
        <v>178</v>
      </c>
      <c r="S7" s="281">
        <v>412</v>
      </c>
      <c r="T7" s="281">
        <v>322</v>
      </c>
      <c r="U7" s="281">
        <v>176</v>
      </c>
      <c r="V7" s="281">
        <v>241</v>
      </c>
      <c r="W7" s="278">
        <v>1329</v>
      </c>
      <c r="X7" s="283">
        <v>1338</v>
      </c>
    </row>
    <row r="8" spans="2:24" ht="21" customHeight="1" x14ac:dyDescent="0.2">
      <c r="B8" s="257" t="s">
        <v>6</v>
      </c>
      <c r="C8" s="281">
        <v>0</v>
      </c>
      <c r="D8" s="281">
        <v>0</v>
      </c>
      <c r="E8" s="278">
        <v>0</v>
      </c>
      <c r="F8" s="280">
        <v>0</v>
      </c>
      <c r="G8" s="281">
        <v>1182</v>
      </c>
      <c r="H8" s="281">
        <v>491</v>
      </c>
      <c r="I8" s="281">
        <v>379</v>
      </c>
      <c r="J8" s="281">
        <v>161</v>
      </c>
      <c r="K8" s="281">
        <v>88</v>
      </c>
      <c r="L8" s="278">
        <v>2301</v>
      </c>
      <c r="M8" s="283">
        <v>2301</v>
      </c>
      <c r="N8" s="281">
        <v>0</v>
      </c>
      <c r="O8" s="281">
        <v>0</v>
      </c>
      <c r="P8" s="278">
        <v>0</v>
      </c>
      <c r="Q8" s="280">
        <v>0</v>
      </c>
      <c r="R8" s="281">
        <v>64</v>
      </c>
      <c r="S8" s="281">
        <v>99</v>
      </c>
      <c r="T8" s="281">
        <v>141</v>
      </c>
      <c r="U8" s="281">
        <v>78</v>
      </c>
      <c r="V8" s="281">
        <v>17</v>
      </c>
      <c r="W8" s="278">
        <v>399</v>
      </c>
      <c r="X8" s="283">
        <v>399</v>
      </c>
    </row>
    <row r="9" spans="2:24" ht="21" customHeight="1" x14ac:dyDescent="0.2">
      <c r="B9" s="257" t="s">
        <v>14</v>
      </c>
      <c r="C9" s="281">
        <v>0</v>
      </c>
      <c r="D9" s="281">
        <v>0</v>
      </c>
      <c r="E9" s="278">
        <v>0</v>
      </c>
      <c r="F9" s="280">
        <v>0</v>
      </c>
      <c r="G9" s="281">
        <v>405</v>
      </c>
      <c r="H9" s="281">
        <v>327</v>
      </c>
      <c r="I9" s="281">
        <v>215</v>
      </c>
      <c r="J9" s="281">
        <v>54</v>
      </c>
      <c r="K9" s="281">
        <v>13</v>
      </c>
      <c r="L9" s="278">
        <v>1014</v>
      </c>
      <c r="M9" s="283">
        <v>1014</v>
      </c>
      <c r="N9" s="281">
        <v>0</v>
      </c>
      <c r="O9" s="281">
        <v>0</v>
      </c>
      <c r="P9" s="278">
        <v>0</v>
      </c>
      <c r="Q9" s="280">
        <v>0</v>
      </c>
      <c r="R9" s="281">
        <v>12</v>
      </c>
      <c r="S9" s="281">
        <v>0</v>
      </c>
      <c r="T9" s="281">
        <v>2</v>
      </c>
      <c r="U9" s="281">
        <v>3</v>
      </c>
      <c r="V9" s="281">
        <v>11</v>
      </c>
      <c r="W9" s="278">
        <v>28</v>
      </c>
      <c r="X9" s="283">
        <v>28</v>
      </c>
    </row>
    <row r="10" spans="2:24" ht="21" customHeight="1" x14ac:dyDescent="0.2">
      <c r="B10" s="257" t="s">
        <v>7</v>
      </c>
      <c r="C10" s="281">
        <v>0</v>
      </c>
      <c r="D10" s="281">
        <v>0</v>
      </c>
      <c r="E10" s="278">
        <v>0</v>
      </c>
      <c r="F10" s="280">
        <v>0</v>
      </c>
      <c r="G10" s="281">
        <v>126</v>
      </c>
      <c r="H10" s="281">
        <v>102</v>
      </c>
      <c r="I10" s="281">
        <v>89</v>
      </c>
      <c r="J10" s="281">
        <v>58</v>
      </c>
      <c r="K10" s="281">
        <v>13</v>
      </c>
      <c r="L10" s="278">
        <v>388</v>
      </c>
      <c r="M10" s="283">
        <v>388</v>
      </c>
      <c r="N10" s="281">
        <v>0</v>
      </c>
      <c r="O10" s="281">
        <v>0</v>
      </c>
      <c r="P10" s="278">
        <v>0</v>
      </c>
      <c r="Q10" s="280">
        <v>0</v>
      </c>
      <c r="R10" s="281">
        <v>22</v>
      </c>
      <c r="S10" s="281">
        <v>34</v>
      </c>
      <c r="T10" s="281">
        <v>59</v>
      </c>
      <c r="U10" s="281">
        <v>18</v>
      </c>
      <c r="V10" s="281">
        <v>0</v>
      </c>
      <c r="W10" s="278">
        <v>133</v>
      </c>
      <c r="X10" s="283">
        <v>133</v>
      </c>
    </row>
    <row r="11" spans="2:24" ht="21" customHeight="1" x14ac:dyDescent="0.2">
      <c r="B11" s="257" t="s">
        <v>8</v>
      </c>
      <c r="C11" s="281">
        <v>0</v>
      </c>
      <c r="D11" s="281">
        <v>0</v>
      </c>
      <c r="E11" s="278">
        <v>0</v>
      </c>
      <c r="F11" s="280">
        <v>0</v>
      </c>
      <c r="G11" s="281">
        <v>240</v>
      </c>
      <c r="H11" s="281">
        <v>179</v>
      </c>
      <c r="I11" s="281">
        <v>76</v>
      </c>
      <c r="J11" s="281">
        <v>22</v>
      </c>
      <c r="K11" s="281">
        <v>19</v>
      </c>
      <c r="L11" s="278">
        <v>536</v>
      </c>
      <c r="M11" s="283">
        <v>536</v>
      </c>
      <c r="N11" s="281">
        <v>0</v>
      </c>
      <c r="O11" s="281">
        <v>0</v>
      </c>
      <c r="P11" s="278">
        <v>0</v>
      </c>
      <c r="Q11" s="280">
        <v>0</v>
      </c>
      <c r="R11" s="281">
        <v>0</v>
      </c>
      <c r="S11" s="281">
        <v>15</v>
      </c>
      <c r="T11" s="281">
        <v>0</v>
      </c>
      <c r="U11" s="281">
        <v>0</v>
      </c>
      <c r="V11" s="281">
        <v>0</v>
      </c>
      <c r="W11" s="278">
        <v>15</v>
      </c>
      <c r="X11" s="283">
        <v>15</v>
      </c>
    </row>
    <row r="12" spans="2:24" ht="21" customHeight="1" x14ac:dyDescent="0.2">
      <c r="B12" s="257" t="s">
        <v>9</v>
      </c>
      <c r="C12" s="281">
        <v>0</v>
      </c>
      <c r="D12" s="281">
        <v>0</v>
      </c>
      <c r="E12" s="278">
        <v>0</v>
      </c>
      <c r="F12" s="280">
        <v>0</v>
      </c>
      <c r="G12" s="281">
        <v>273</v>
      </c>
      <c r="H12" s="281">
        <v>237</v>
      </c>
      <c r="I12" s="281">
        <v>182</v>
      </c>
      <c r="J12" s="281">
        <v>53</v>
      </c>
      <c r="K12" s="281">
        <v>4</v>
      </c>
      <c r="L12" s="278">
        <v>749</v>
      </c>
      <c r="M12" s="283">
        <v>749</v>
      </c>
      <c r="N12" s="281">
        <v>0</v>
      </c>
      <c r="O12" s="281">
        <v>0</v>
      </c>
      <c r="P12" s="278">
        <v>0</v>
      </c>
      <c r="Q12" s="280">
        <v>0</v>
      </c>
      <c r="R12" s="281">
        <v>18</v>
      </c>
      <c r="S12" s="281">
        <v>0</v>
      </c>
      <c r="T12" s="281">
        <v>17</v>
      </c>
      <c r="U12" s="281">
        <v>0</v>
      </c>
      <c r="V12" s="281">
        <v>9</v>
      </c>
      <c r="W12" s="278">
        <v>44</v>
      </c>
      <c r="X12" s="283">
        <v>44</v>
      </c>
    </row>
    <row r="13" spans="2:24" ht="21" customHeight="1" x14ac:dyDescent="0.2">
      <c r="B13" s="257" t="s">
        <v>10</v>
      </c>
      <c r="C13" s="281">
        <v>0</v>
      </c>
      <c r="D13" s="281">
        <v>0</v>
      </c>
      <c r="E13" s="278">
        <v>0</v>
      </c>
      <c r="F13" s="280">
        <v>0</v>
      </c>
      <c r="G13" s="281">
        <v>311</v>
      </c>
      <c r="H13" s="281">
        <v>120</v>
      </c>
      <c r="I13" s="281">
        <v>59</v>
      </c>
      <c r="J13" s="281">
        <v>33</v>
      </c>
      <c r="K13" s="281">
        <v>23</v>
      </c>
      <c r="L13" s="278">
        <v>546</v>
      </c>
      <c r="M13" s="283">
        <v>546</v>
      </c>
      <c r="N13" s="281">
        <v>0</v>
      </c>
      <c r="O13" s="281">
        <v>0</v>
      </c>
      <c r="P13" s="278">
        <v>0</v>
      </c>
      <c r="Q13" s="280">
        <v>0</v>
      </c>
      <c r="R13" s="281">
        <v>18</v>
      </c>
      <c r="S13" s="281">
        <v>19</v>
      </c>
      <c r="T13" s="281">
        <v>12</v>
      </c>
      <c r="U13" s="281">
        <v>0</v>
      </c>
      <c r="V13" s="281">
        <v>2</v>
      </c>
      <c r="W13" s="278">
        <v>51</v>
      </c>
      <c r="X13" s="283">
        <v>51</v>
      </c>
    </row>
    <row r="14" spans="2:24" ht="21" customHeight="1" x14ac:dyDescent="0.2">
      <c r="B14" s="257" t="s">
        <v>11</v>
      </c>
      <c r="C14" s="281">
        <v>0</v>
      </c>
      <c r="D14" s="281">
        <v>0</v>
      </c>
      <c r="E14" s="278">
        <v>0</v>
      </c>
      <c r="F14" s="280">
        <v>0</v>
      </c>
      <c r="G14" s="281">
        <v>112</v>
      </c>
      <c r="H14" s="281">
        <v>37</v>
      </c>
      <c r="I14" s="281">
        <v>79</v>
      </c>
      <c r="J14" s="281">
        <v>15</v>
      </c>
      <c r="K14" s="281">
        <v>9</v>
      </c>
      <c r="L14" s="278">
        <v>252</v>
      </c>
      <c r="M14" s="283">
        <v>252</v>
      </c>
      <c r="N14" s="281">
        <v>0</v>
      </c>
      <c r="O14" s="281">
        <v>0</v>
      </c>
      <c r="P14" s="278">
        <v>0</v>
      </c>
      <c r="Q14" s="280">
        <v>0</v>
      </c>
      <c r="R14" s="281">
        <v>0</v>
      </c>
      <c r="S14" s="281">
        <v>0</v>
      </c>
      <c r="T14" s="281">
        <v>0</v>
      </c>
      <c r="U14" s="281">
        <v>0</v>
      </c>
      <c r="V14" s="281">
        <v>7</v>
      </c>
      <c r="W14" s="278">
        <v>7</v>
      </c>
      <c r="X14" s="283">
        <v>7</v>
      </c>
    </row>
    <row r="15" spans="2:24" ht="21" customHeight="1" x14ac:dyDescent="0.2">
      <c r="B15" s="257" t="s">
        <v>12</v>
      </c>
      <c r="C15" s="281">
        <v>0</v>
      </c>
      <c r="D15" s="281">
        <v>0</v>
      </c>
      <c r="E15" s="278">
        <v>0</v>
      </c>
      <c r="F15" s="280">
        <v>0</v>
      </c>
      <c r="G15" s="281">
        <v>182</v>
      </c>
      <c r="H15" s="281">
        <v>88</v>
      </c>
      <c r="I15" s="281">
        <v>91</v>
      </c>
      <c r="J15" s="281">
        <v>33</v>
      </c>
      <c r="K15" s="281">
        <v>0</v>
      </c>
      <c r="L15" s="278">
        <v>394</v>
      </c>
      <c r="M15" s="283">
        <v>394</v>
      </c>
      <c r="N15" s="281">
        <v>0</v>
      </c>
      <c r="O15" s="281">
        <v>0</v>
      </c>
      <c r="P15" s="278">
        <v>0</v>
      </c>
      <c r="Q15" s="280">
        <v>0</v>
      </c>
      <c r="R15" s="281">
        <v>0</v>
      </c>
      <c r="S15" s="281">
        <v>5</v>
      </c>
      <c r="T15" s="281">
        <v>0</v>
      </c>
      <c r="U15" s="281">
        <v>0</v>
      </c>
      <c r="V15" s="281">
        <v>0</v>
      </c>
      <c r="W15" s="278">
        <v>5</v>
      </c>
      <c r="X15" s="283">
        <v>5</v>
      </c>
    </row>
    <row r="16" spans="2:24" ht="21" customHeight="1" x14ac:dyDescent="0.2">
      <c r="B16" s="257" t="s">
        <v>13</v>
      </c>
      <c r="C16" s="281">
        <v>0</v>
      </c>
      <c r="D16" s="281">
        <v>0</v>
      </c>
      <c r="E16" s="278">
        <v>0</v>
      </c>
      <c r="F16" s="280">
        <v>0</v>
      </c>
      <c r="G16" s="281">
        <v>56</v>
      </c>
      <c r="H16" s="281">
        <v>74</v>
      </c>
      <c r="I16" s="281">
        <v>62</v>
      </c>
      <c r="J16" s="281">
        <v>31</v>
      </c>
      <c r="K16" s="281">
        <v>0</v>
      </c>
      <c r="L16" s="278">
        <v>223</v>
      </c>
      <c r="M16" s="283">
        <v>223</v>
      </c>
      <c r="N16" s="281">
        <v>0</v>
      </c>
      <c r="O16" s="281">
        <v>0</v>
      </c>
      <c r="P16" s="278">
        <v>0</v>
      </c>
      <c r="Q16" s="280">
        <v>0</v>
      </c>
      <c r="R16" s="281">
        <v>0</v>
      </c>
      <c r="S16" s="281">
        <v>0</v>
      </c>
      <c r="T16" s="281">
        <v>0</v>
      </c>
      <c r="U16" s="281">
        <v>0</v>
      </c>
      <c r="V16" s="281">
        <v>0</v>
      </c>
      <c r="W16" s="278">
        <v>0</v>
      </c>
      <c r="X16" s="283">
        <v>0</v>
      </c>
    </row>
    <row r="17" spans="2:24" ht="21" customHeight="1" x14ac:dyDescent="0.2">
      <c r="B17" s="257" t="s">
        <v>15</v>
      </c>
      <c r="C17" s="281">
        <v>0</v>
      </c>
      <c r="D17" s="281">
        <v>0</v>
      </c>
      <c r="E17" s="278">
        <v>0</v>
      </c>
      <c r="F17" s="280">
        <v>0</v>
      </c>
      <c r="G17" s="281">
        <v>40</v>
      </c>
      <c r="H17" s="281">
        <v>42</v>
      </c>
      <c r="I17" s="281">
        <v>9</v>
      </c>
      <c r="J17" s="281">
        <v>26</v>
      </c>
      <c r="K17" s="281">
        <v>4</v>
      </c>
      <c r="L17" s="278">
        <v>121</v>
      </c>
      <c r="M17" s="283">
        <v>121</v>
      </c>
      <c r="N17" s="281">
        <v>0</v>
      </c>
      <c r="O17" s="281">
        <v>0</v>
      </c>
      <c r="P17" s="278">
        <v>0</v>
      </c>
      <c r="Q17" s="280">
        <v>0</v>
      </c>
      <c r="R17" s="281">
        <v>0</v>
      </c>
      <c r="S17" s="281">
        <v>0</v>
      </c>
      <c r="T17" s="281">
        <v>0</v>
      </c>
      <c r="U17" s="281">
        <v>0</v>
      </c>
      <c r="V17" s="281">
        <v>0</v>
      </c>
      <c r="W17" s="278">
        <v>0</v>
      </c>
      <c r="X17" s="283">
        <v>0</v>
      </c>
    </row>
    <row r="18" spans="2:24" ht="21" customHeight="1" x14ac:dyDescent="0.2">
      <c r="B18" s="257" t="s">
        <v>16</v>
      </c>
      <c r="C18" s="281">
        <v>0</v>
      </c>
      <c r="D18" s="281">
        <v>0</v>
      </c>
      <c r="E18" s="278">
        <v>0</v>
      </c>
      <c r="F18" s="280">
        <v>0</v>
      </c>
      <c r="G18" s="281">
        <v>62</v>
      </c>
      <c r="H18" s="281">
        <v>47</v>
      </c>
      <c r="I18" s="281">
        <v>35</v>
      </c>
      <c r="J18" s="281">
        <v>0</v>
      </c>
      <c r="K18" s="281">
        <v>23</v>
      </c>
      <c r="L18" s="278">
        <v>167</v>
      </c>
      <c r="M18" s="283">
        <v>167</v>
      </c>
      <c r="N18" s="281">
        <v>0</v>
      </c>
      <c r="O18" s="281">
        <v>0</v>
      </c>
      <c r="P18" s="278">
        <v>0</v>
      </c>
      <c r="Q18" s="280">
        <v>0</v>
      </c>
      <c r="R18" s="281">
        <v>0</v>
      </c>
      <c r="S18" s="281">
        <v>16</v>
      </c>
      <c r="T18" s="281">
        <v>0</v>
      </c>
      <c r="U18" s="281">
        <v>0</v>
      </c>
      <c r="V18" s="281">
        <v>0</v>
      </c>
      <c r="W18" s="278">
        <v>16</v>
      </c>
      <c r="X18" s="283">
        <v>16</v>
      </c>
    </row>
    <row r="19" spans="2:24" ht="21" customHeight="1" x14ac:dyDescent="0.2">
      <c r="B19" s="257" t="s">
        <v>17</v>
      </c>
      <c r="C19" s="281">
        <v>0</v>
      </c>
      <c r="D19" s="281">
        <v>0</v>
      </c>
      <c r="E19" s="278">
        <v>0</v>
      </c>
      <c r="F19" s="280">
        <v>0</v>
      </c>
      <c r="G19" s="281">
        <v>91</v>
      </c>
      <c r="H19" s="281">
        <v>154</v>
      </c>
      <c r="I19" s="281">
        <v>65</v>
      </c>
      <c r="J19" s="281">
        <v>25</v>
      </c>
      <c r="K19" s="281">
        <v>9</v>
      </c>
      <c r="L19" s="278">
        <v>344</v>
      </c>
      <c r="M19" s="283">
        <v>344</v>
      </c>
      <c r="N19" s="281">
        <v>0</v>
      </c>
      <c r="O19" s="281">
        <v>0</v>
      </c>
      <c r="P19" s="278">
        <v>0</v>
      </c>
      <c r="Q19" s="280">
        <v>0</v>
      </c>
      <c r="R19" s="281">
        <v>0</v>
      </c>
      <c r="S19" s="281">
        <v>0</v>
      </c>
      <c r="T19" s="281">
        <v>0</v>
      </c>
      <c r="U19" s="281">
        <v>0</v>
      </c>
      <c r="V19" s="281">
        <v>0</v>
      </c>
      <c r="W19" s="278">
        <v>0</v>
      </c>
      <c r="X19" s="283">
        <v>0</v>
      </c>
    </row>
    <row r="20" spans="2:24" ht="21" customHeight="1" x14ac:dyDescent="0.2">
      <c r="B20" s="257" t="s">
        <v>18</v>
      </c>
      <c r="C20" s="281">
        <v>0</v>
      </c>
      <c r="D20" s="281">
        <v>0</v>
      </c>
      <c r="E20" s="278">
        <v>0</v>
      </c>
      <c r="F20" s="280">
        <v>0</v>
      </c>
      <c r="G20" s="281">
        <v>135</v>
      </c>
      <c r="H20" s="281">
        <v>47</v>
      </c>
      <c r="I20" s="281">
        <v>92</v>
      </c>
      <c r="J20" s="281">
        <v>1</v>
      </c>
      <c r="K20" s="281">
        <v>0</v>
      </c>
      <c r="L20" s="278">
        <v>275</v>
      </c>
      <c r="M20" s="283">
        <v>275</v>
      </c>
      <c r="N20" s="281">
        <v>0</v>
      </c>
      <c r="O20" s="281">
        <v>0</v>
      </c>
      <c r="P20" s="278">
        <v>0</v>
      </c>
      <c r="Q20" s="280">
        <v>0</v>
      </c>
      <c r="R20" s="281">
        <v>0</v>
      </c>
      <c r="S20" s="281">
        <v>0</v>
      </c>
      <c r="T20" s="281">
        <v>32</v>
      </c>
      <c r="U20" s="281">
        <v>0</v>
      </c>
      <c r="V20" s="281">
        <v>0</v>
      </c>
      <c r="W20" s="278">
        <v>32</v>
      </c>
      <c r="X20" s="283">
        <v>32</v>
      </c>
    </row>
    <row r="21" spans="2:24" ht="21" customHeight="1" x14ac:dyDescent="0.2">
      <c r="B21" s="257" t="s">
        <v>19</v>
      </c>
      <c r="C21" s="281">
        <v>0</v>
      </c>
      <c r="D21" s="281">
        <v>0</v>
      </c>
      <c r="E21" s="278">
        <v>0</v>
      </c>
      <c r="F21" s="280">
        <v>0</v>
      </c>
      <c r="G21" s="281">
        <v>82</v>
      </c>
      <c r="H21" s="281">
        <v>41</v>
      </c>
      <c r="I21" s="281">
        <v>27</v>
      </c>
      <c r="J21" s="281">
        <v>18</v>
      </c>
      <c r="K21" s="281">
        <v>0</v>
      </c>
      <c r="L21" s="278">
        <v>168</v>
      </c>
      <c r="M21" s="283">
        <v>168</v>
      </c>
      <c r="N21" s="281">
        <v>0</v>
      </c>
      <c r="O21" s="281">
        <v>0</v>
      </c>
      <c r="P21" s="278">
        <v>0</v>
      </c>
      <c r="Q21" s="280">
        <v>0</v>
      </c>
      <c r="R21" s="281">
        <v>4</v>
      </c>
      <c r="S21" s="281">
        <v>17</v>
      </c>
      <c r="T21" s="281">
        <v>0</v>
      </c>
      <c r="U21" s="281">
        <v>0</v>
      </c>
      <c r="V21" s="281">
        <v>0</v>
      </c>
      <c r="W21" s="278">
        <v>21</v>
      </c>
      <c r="X21" s="283">
        <v>21</v>
      </c>
    </row>
    <row r="22" spans="2:24" ht="21" customHeight="1" x14ac:dyDescent="0.2">
      <c r="B22" s="257" t="s">
        <v>20</v>
      </c>
      <c r="C22" s="281">
        <v>0</v>
      </c>
      <c r="D22" s="281">
        <v>0</v>
      </c>
      <c r="E22" s="278">
        <v>0</v>
      </c>
      <c r="F22" s="280">
        <v>0</v>
      </c>
      <c r="G22" s="281">
        <v>79</v>
      </c>
      <c r="H22" s="281">
        <v>41</v>
      </c>
      <c r="I22" s="281">
        <v>0</v>
      </c>
      <c r="J22" s="281">
        <v>6</v>
      </c>
      <c r="K22" s="281">
        <v>0</v>
      </c>
      <c r="L22" s="278">
        <v>126</v>
      </c>
      <c r="M22" s="283">
        <v>126</v>
      </c>
      <c r="N22" s="281">
        <v>0</v>
      </c>
      <c r="O22" s="281">
        <v>0</v>
      </c>
      <c r="P22" s="278">
        <v>0</v>
      </c>
      <c r="Q22" s="280">
        <v>0</v>
      </c>
      <c r="R22" s="281">
        <v>9</v>
      </c>
      <c r="S22" s="281">
        <v>0</v>
      </c>
      <c r="T22" s="281">
        <v>0</v>
      </c>
      <c r="U22" s="281">
        <v>0</v>
      </c>
      <c r="V22" s="281">
        <v>0</v>
      </c>
      <c r="W22" s="278">
        <v>9</v>
      </c>
      <c r="X22" s="283">
        <v>9</v>
      </c>
    </row>
    <row r="23" spans="2:24" ht="21" customHeight="1" x14ac:dyDescent="0.2">
      <c r="B23" s="257" t="s">
        <v>21</v>
      </c>
      <c r="C23" s="281">
        <v>0</v>
      </c>
      <c r="D23" s="281">
        <v>0</v>
      </c>
      <c r="E23" s="278">
        <v>0</v>
      </c>
      <c r="F23" s="280">
        <v>0</v>
      </c>
      <c r="G23" s="281">
        <v>80</v>
      </c>
      <c r="H23" s="281">
        <v>25</v>
      </c>
      <c r="I23" s="281">
        <v>15</v>
      </c>
      <c r="J23" s="281">
        <v>0</v>
      </c>
      <c r="K23" s="281">
        <v>0</v>
      </c>
      <c r="L23" s="278">
        <v>120</v>
      </c>
      <c r="M23" s="283">
        <v>120</v>
      </c>
      <c r="N23" s="281">
        <v>0</v>
      </c>
      <c r="O23" s="281">
        <v>0</v>
      </c>
      <c r="P23" s="278">
        <v>0</v>
      </c>
      <c r="Q23" s="280">
        <v>0</v>
      </c>
      <c r="R23" s="281">
        <v>0</v>
      </c>
      <c r="S23" s="281">
        <v>0</v>
      </c>
      <c r="T23" s="281">
        <v>0</v>
      </c>
      <c r="U23" s="281">
        <v>0</v>
      </c>
      <c r="V23" s="281">
        <v>0</v>
      </c>
      <c r="W23" s="278">
        <v>0</v>
      </c>
      <c r="X23" s="283">
        <v>0</v>
      </c>
    </row>
    <row r="24" spans="2:24" ht="21" customHeight="1" x14ac:dyDescent="0.2">
      <c r="B24" s="257" t="s">
        <v>22</v>
      </c>
      <c r="C24" s="281">
        <v>0</v>
      </c>
      <c r="D24" s="281">
        <v>0</v>
      </c>
      <c r="E24" s="278">
        <v>0</v>
      </c>
      <c r="F24" s="280">
        <v>0</v>
      </c>
      <c r="G24" s="281">
        <v>119</v>
      </c>
      <c r="H24" s="281">
        <v>13</v>
      </c>
      <c r="I24" s="281">
        <v>0</v>
      </c>
      <c r="J24" s="281">
        <v>0</v>
      </c>
      <c r="K24" s="281">
        <v>0</v>
      </c>
      <c r="L24" s="278">
        <v>132</v>
      </c>
      <c r="M24" s="283">
        <v>132</v>
      </c>
      <c r="N24" s="281">
        <v>0</v>
      </c>
      <c r="O24" s="281">
        <v>0</v>
      </c>
      <c r="P24" s="278">
        <v>0</v>
      </c>
      <c r="Q24" s="280">
        <v>0</v>
      </c>
      <c r="R24" s="281">
        <v>0</v>
      </c>
      <c r="S24" s="281">
        <v>0</v>
      </c>
      <c r="T24" s="281">
        <v>8</v>
      </c>
      <c r="U24" s="281">
        <v>0</v>
      </c>
      <c r="V24" s="281">
        <v>0</v>
      </c>
      <c r="W24" s="278">
        <v>8</v>
      </c>
      <c r="X24" s="283">
        <v>8</v>
      </c>
    </row>
    <row r="25" spans="2:24" ht="21" customHeight="1" x14ac:dyDescent="0.2">
      <c r="B25" s="257" t="s">
        <v>23</v>
      </c>
      <c r="C25" s="281">
        <v>0</v>
      </c>
      <c r="D25" s="281">
        <v>0</v>
      </c>
      <c r="E25" s="278">
        <v>0</v>
      </c>
      <c r="F25" s="280">
        <v>0</v>
      </c>
      <c r="G25" s="281">
        <v>16</v>
      </c>
      <c r="H25" s="281">
        <v>8</v>
      </c>
      <c r="I25" s="281">
        <v>0</v>
      </c>
      <c r="J25" s="281">
        <v>0</v>
      </c>
      <c r="K25" s="281">
        <v>21</v>
      </c>
      <c r="L25" s="278">
        <v>45</v>
      </c>
      <c r="M25" s="283">
        <v>45</v>
      </c>
      <c r="N25" s="281">
        <v>0</v>
      </c>
      <c r="O25" s="281">
        <v>0</v>
      </c>
      <c r="P25" s="278">
        <v>0</v>
      </c>
      <c r="Q25" s="280">
        <v>0</v>
      </c>
      <c r="R25" s="281">
        <v>0</v>
      </c>
      <c r="S25" s="281">
        <v>0</v>
      </c>
      <c r="T25" s="281">
        <v>0</v>
      </c>
      <c r="U25" s="281">
        <v>0</v>
      </c>
      <c r="V25" s="281">
        <v>0</v>
      </c>
      <c r="W25" s="278">
        <v>0</v>
      </c>
      <c r="X25" s="283">
        <v>0</v>
      </c>
    </row>
    <row r="26" spans="2:24" ht="21" customHeight="1" x14ac:dyDescent="0.2">
      <c r="B26" s="257" t="s">
        <v>24</v>
      </c>
      <c r="C26" s="281">
        <v>0</v>
      </c>
      <c r="D26" s="281">
        <v>0</v>
      </c>
      <c r="E26" s="278">
        <v>0</v>
      </c>
      <c r="F26" s="280">
        <v>0</v>
      </c>
      <c r="G26" s="281">
        <v>0</v>
      </c>
      <c r="H26" s="281">
        <v>12</v>
      </c>
      <c r="I26" s="281">
        <v>13</v>
      </c>
      <c r="J26" s="281">
        <v>0</v>
      </c>
      <c r="K26" s="281">
        <v>0</v>
      </c>
      <c r="L26" s="278">
        <v>25</v>
      </c>
      <c r="M26" s="283">
        <v>25</v>
      </c>
      <c r="N26" s="281">
        <v>0</v>
      </c>
      <c r="O26" s="281">
        <v>0</v>
      </c>
      <c r="P26" s="278">
        <v>0</v>
      </c>
      <c r="Q26" s="280">
        <v>0</v>
      </c>
      <c r="R26" s="281">
        <v>0</v>
      </c>
      <c r="S26" s="281">
        <v>11</v>
      </c>
      <c r="T26" s="281">
        <v>0</v>
      </c>
      <c r="U26" s="281">
        <v>0</v>
      </c>
      <c r="V26" s="281">
        <v>22</v>
      </c>
      <c r="W26" s="278">
        <v>33</v>
      </c>
      <c r="X26" s="283">
        <v>33</v>
      </c>
    </row>
    <row r="27" spans="2:24" ht="21" customHeight="1" x14ac:dyDescent="0.2">
      <c r="B27" s="257" t="s">
        <v>25</v>
      </c>
      <c r="C27" s="281">
        <v>0</v>
      </c>
      <c r="D27" s="281">
        <v>0</v>
      </c>
      <c r="E27" s="278">
        <v>0</v>
      </c>
      <c r="F27" s="280">
        <v>0</v>
      </c>
      <c r="G27" s="281">
        <v>44</v>
      </c>
      <c r="H27" s="281">
        <v>0</v>
      </c>
      <c r="I27" s="281">
        <v>0</v>
      </c>
      <c r="J27" s="281">
        <v>0</v>
      </c>
      <c r="K27" s="281">
        <v>0</v>
      </c>
      <c r="L27" s="278">
        <v>44</v>
      </c>
      <c r="M27" s="283">
        <v>44</v>
      </c>
      <c r="N27" s="281">
        <v>0</v>
      </c>
      <c r="O27" s="281">
        <v>0</v>
      </c>
      <c r="P27" s="278">
        <v>0</v>
      </c>
      <c r="Q27" s="280">
        <v>0</v>
      </c>
      <c r="R27" s="281">
        <v>0</v>
      </c>
      <c r="S27" s="281">
        <v>0</v>
      </c>
      <c r="T27" s="281">
        <v>0</v>
      </c>
      <c r="U27" s="281">
        <v>0</v>
      </c>
      <c r="V27" s="281">
        <v>0</v>
      </c>
      <c r="W27" s="278">
        <v>0</v>
      </c>
      <c r="X27" s="283">
        <v>0</v>
      </c>
    </row>
    <row r="28" spans="2:24" ht="21" customHeight="1" x14ac:dyDescent="0.2">
      <c r="B28" s="257" t="s">
        <v>26</v>
      </c>
      <c r="C28" s="281">
        <v>0</v>
      </c>
      <c r="D28" s="281">
        <v>0</v>
      </c>
      <c r="E28" s="278">
        <v>0</v>
      </c>
      <c r="F28" s="280">
        <v>0</v>
      </c>
      <c r="G28" s="281">
        <v>18</v>
      </c>
      <c r="H28" s="281">
        <v>9</v>
      </c>
      <c r="I28" s="281">
        <v>25</v>
      </c>
      <c r="J28" s="281">
        <v>0</v>
      </c>
      <c r="K28" s="281">
        <v>17</v>
      </c>
      <c r="L28" s="278">
        <v>69</v>
      </c>
      <c r="M28" s="283">
        <v>69</v>
      </c>
      <c r="N28" s="281">
        <v>0</v>
      </c>
      <c r="O28" s="281">
        <v>0</v>
      </c>
      <c r="P28" s="278">
        <v>0</v>
      </c>
      <c r="Q28" s="280">
        <v>0</v>
      </c>
      <c r="R28" s="281">
        <v>0</v>
      </c>
      <c r="S28" s="281">
        <v>0</v>
      </c>
      <c r="T28" s="281">
        <v>0</v>
      </c>
      <c r="U28" s="281">
        <v>0</v>
      </c>
      <c r="V28" s="281">
        <v>24</v>
      </c>
      <c r="W28" s="278">
        <v>24</v>
      </c>
      <c r="X28" s="283">
        <v>24</v>
      </c>
    </row>
    <row r="29" spans="2:24" ht="21" customHeight="1" x14ac:dyDescent="0.2">
      <c r="B29" s="257" t="s">
        <v>27</v>
      </c>
      <c r="C29" s="281">
        <v>0</v>
      </c>
      <c r="D29" s="281">
        <v>0</v>
      </c>
      <c r="E29" s="278">
        <v>0</v>
      </c>
      <c r="F29" s="280">
        <v>0</v>
      </c>
      <c r="G29" s="281">
        <v>6</v>
      </c>
      <c r="H29" s="281">
        <v>4</v>
      </c>
      <c r="I29" s="281">
        <v>0</v>
      </c>
      <c r="J29" s="281">
        <v>0</v>
      </c>
      <c r="K29" s="281">
        <v>0</v>
      </c>
      <c r="L29" s="278">
        <v>10</v>
      </c>
      <c r="M29" s="283">
        <v>10</v>
      </c>
      <c r="N29" s="281">
        <v>0</v>
      </c>
      <c r="O29" s="281">
        <v>0</v>
      </c>
      <c r="P29" s="278">
        <v>0</v>
      </c>
      <c r="Q29" s="280">
        <v>0</v>
      </c>
      <c r="R29" s="281">
        <v>0</v>
      </c>
      <c r="S29" s="281">
        <v>0</v>
      </c>
      <c r="T29" s="281">
        <v>0</v>
      </c>
      <c r="U29" s="281">
        <v>0</v>
      </c>
      <c r="V29" s="281">
        <v>0</v>
      </c>
      <c r="W29" s="278">
        <v>0</v>
      </c>
      <c r="X29" s="283">
        <v>0</v>
      </c>
    </row>
    <row r="30" spans="2:24" ht="21" customHeight="1" x14ac:dyDescent="0.2">
      <c r="B30" s="257" t="s">
        <v>28</v>
      </c>
      <c r="C30" s="281">
        <v>0</v>
      </c>
      <c r="D30" s="281">
        <v>0</v>
      </c>
      <c r="E30" s="278">
        <v>0</v>
      </c>
      <c r="F30" s="280">
        <v>0</v>
      </c>
      <c r="G30" s="281">
        <v>39</v>
      </c>
      <c r="H30" s="281">
        <v>9</v>
      </c>
      <c r="I30" s="281">
        <v>0</v>
      </c>
      <c r="J30" s="281">
        <v>0</v>
      </c>
      <c r="K30" s="281">
        <v>0</v>
      </c>
      <c r="L30" s="278">
        <v>48</v>
      </c>
      <c r="M30" s="283">
        <v>48</v>
      </c>
      <c r="N30" s="281">
        <v>0</v>
      </c>
      <c r="O30" s="281">
        <v>0</v>
      </c>
      <c r="P30" s="278">
        <v>0</v>
      </c>
      <c r="Q30" s="280">
        <v>0</v>
      </c>
      <c r="R30" s="281">
        <v>0</v>
      </c>
      <c r="S30" s="281">
        <v>0</v>
      </c>
      <c r="T30" s="281">
        <v>0</v>
      </c>
      <c r="U30" s="281">
        <v>0</v>
      </c>
      <c r="V30" s="281">
        <v>0</v>
      </c>
      <c r="W30" s="278">
        <v>0</v>
      </c>
      <c r="X30" s="283">
        <v>0</v>
      </c>
    </row>
    <row r="31" spans="2:24" ht="21" customHeight="1" x14ac:dyDescent="0.2">
      <c r="B31" s="257" t="s">
        <v>29</v>
      </c>
      <c r="C31" s="281">
        <v>0</v>
      </c>
      <c r="D31" s="281">
        <v>0</v>
      </c>
      <c r="E31" s="278">
        <v>0</v>
      </c>
      <c r="F31" s="280">
        <v>0</v>
      </c>
      <c r="G31" s="281">
        <v>0</v>
      </c>
      <c r="H31" s="281">
        <v>5</v>
      </c>
      <c r="I31" s="281">
        <v>0</v>
      </c>
      <c r="J31" s="281">
        <v>0</v>
      </c>
      <c r="K31" s="281">
        <v>0</v>
      </c>
      <c r="L31" s="278">
        <v>5</v>
      </c>
      <c r="M31" s="283">
        <v>5</v>
      </c>
      <c r="N31" s="281">
        <v>0</v>
      </c>
      <c r="O31" s="281">
        <v>0</v>
      </c>
      <c r="P31" s="278">
        <v>0</v>
      </c>
      <c r="Q31" s="280">
        <v>0</v>
      </c>
      <c r="R31" s="281">
        <v>0</v>
      </c>
      <c r="S31" s="281">
        <v>0</v>
      </c>
      <c r="T31" s="281">
        <v>8</v>
      </c>
      <c r="U31" s="281">
        <v>0</v>
      </c>
      <c r="V31" s="281">
        <v>0</v>
      </c>
      <c r="W31" s="278">
        <v>8</v>
      </c>
      <c r="X31" s="283">
        <v>8</v>
      </c>
    </row>
    <row r="32" spans="2:24" ht="21" customHeight="1" x14ac:dyDescent="0.2">
      <c r="B32" s="257" t="s">
        <v>30</v>
      </c>
      <c r="C32" s="281">
        <v>0</v>
      </c>
      <c r="D32" s="281">
        <v>0</v>
      </c>
      <c r="E32" s="278">
        <v>0</v>
      </c>
      <c r="F32" s="280">
        <v>0</v>
      </c>
      <c r="G32" s="281">
        <v>13</v>
      </c>
      <c r="H32" s="281">
        <v>0</v>
      </c>
      <c r="I32" s="281">
        <v>0</v>
      </c>
      <c r="J32" s="281">
        <v>0</v>
      </c>
      <c r="K32" s="281">
        <v>0</v>
      </c>
      <c r="L32" s="278">
        <v>13</v>
      </c>
      <c r="M32" s="283">
        <v>13</v>
      </c>
      <c r="N32" s="281">
        <v>0</v>
      </c>
      <c r="O32" s="281">
        <v>0</v>
      </c>
      <c r="P32" s="278">
        <v>0</v>
      </c>
      <c r="Q32" s="280">
        <v>0</v>
      </c>
      <c r="R32" s="281">
        <v>0</v>
      </c>
      <c r="S32" s="281">
        <v>4</v>
      </c>
      <c r="T32" s="281">
        <v>0</v>
      </c>
      <c r="U32" s="281">
        <v>0</v>
      </c>
      <c r="V32" s="281">
        <v>0</v>
      </c>
      <c r="W32" s="278">
        <v>4</v>
      </c>
      <c r="X32" s="283">
        <v>4</v>
      </c>
    </row>
    <row r="33" spans="2:24" ht="21" customHeight="1" x14ac:dyDescent="0.2">
      <c r="B33" s="257" t="s">
        <v>31</v>
      </c>
      <c r="C33" s="281">
        <v>0</v>
      </c>
      <c r="D33" s="281">
        <v>0</v>
      </c>
      <c r="E33" s="278">
        <v>0</v>
      </c>
      <c r="F33" s="280">
        <v>0</v>
      </c>
      <c r="G33" s="281">
        <v>9</v>
      </c>
      <c r="H33" s="281">
        <v>10</v>
      </c>
      <c r="I33" s="281">
        <v>7</v>
      </c>
      <c r="J33" s="281">
        <v>0</v>
      </c>
      <c r="K33" s="281">
        <v>0</v>
      </c>
      <c r="L33" s="278">
        <v>26</v>
      </c>
      <c r="M33" s="283">
        <v>26</v>
      </c>
      <c r="N33" s="281">
        <v>0</v>
      </c>
      <c r="O33" s="281">
        <v>0</v>
      </c>
      <c r="P33" s="278">
        <v>0</v>
      </c>
      <c r="Q33" s="280">
        <v>0</v>
      </c>
      <c r="R33" s="281">
        <v>0</v>
      </c>
      <c r="S33" s="281">
        <v>0</v>
      </c>
      <c r="T33" s="281">
        <v>0</v>
      </c>
      <c r="U33" s="281">
        <v>0</v>
      </c>
      <c r="V33" s="281">
        <v>0</v>
      </c>
      <c r="W33" s="278">
        <v>0</v>
      </c>
      <c r="X33" s="283">
        <v>0</v>
      </c>
    </row>
    <row r="34" spans="2:24" ht="21" customHeight="1" x14ac:dyDescent="0.2">
      <c r="B34" s="257" t="s">
        <v>32</v>
      </c>
      <c r="C34" s="281">
        <v>0</v>
      </c>
      <c r="D34" s="281">
        <v>0</v>
      </c>
      <c r="E34" s="278">
        <v>0</v>
      </c>
      <c r="F34" s="280">
        <v>0</v>
      </c>
      <c r="G34" s="281">
        <v>13</v>
      </c>
      <c r="H34" s="281">
        <v>5</v>
      </c>
      <c r="I34" s="281">
        <v>4</v>
      </c>
      <c r="J34" s="281">
        <v>5</v>
      </c>
      <c r="K34" s="281">
        <v>0</v>
      </c>
      <c r="L34" s="278">
        <v>27</v>
      </c>
      <c r="M34" s="283">
        <v>27</v>
      </c>
      <c r="N34" s="281">
        <v>0</v>
      </c>
      <c r="O34" s="281">
        <v>0</v>
      </c>
      <c r="P34" s="278">
        <v>0</v>
      </c>
      <c r="Q34" s="280">
        <v>0</v>
      </c>
      <c r="R34" s="281">
        <v>0</v>
      </c>
      <c r="S34" s="281">
        <v>0</v>
      </c>
      <c r="T34" s="281">
        <v>0</v>
      </c>
      <c r="U34" s="281">
        <v>0</v>
      </c>
      <c r="V34" s="281">
        <v>0</v>
      </c>
      <c r="W34" s="278">
        <v>0</v>
      </c>
      <c r="X34" s="283">
        <v>0</v>
      </c>
    </row>
    <row r="35" spans="2:24" ht="21" customHeight="1" x14ac:dyDescent="0.2">
      <c r="B35" s="257" t="s">
        <v>33</v>
      </c>
      <c r="C35" s="281">
        <v>0</v>
      </c>
      <c r="D35" s="281">
        <v>0</v>
      </c>
      <c r="E35" s="278">
        <v>0</v>
      </c>
      <c r="F35" s="280">
        <v>0</v>
      </c>
      <c r="G35" s="281">
        <v>12</v>
      </c>
      <c r="H35" s="281">
        <v>0</v>
      </c>
      <c r="I35" s="281">
        <v>11</v>
      </c>
      <c r="J35" s="281">
        <v>0</v>
      </c>
      <c r="K35" s="281">
        <v>0</v>
      </c>
      <c r="L35" s="278">
        <v>23</v>
      </c>
      <c r="M35" s="283">
        <v>23</v>
      </c>
      <c r="N35" s="281">
        <v>0</v>
      </c>
      <c r="O35" s="281">
        <v>0</v>
      </c>
      <c r="P35" s="278">
        <v>0</v>
      </c>
      <c r="Q35" s="280">
        <v>0</v>
      </c>
      <c r="R35" s="281">
        <v>0</v>
      </c>
      <c r="S35" s="281">
        <v>0</v>
      </c>
      <c r="T35" s="281">
        <v>0</v>
      </c>
      <c r="U35" s="281">
        <v>0</v>
      </c>
      <c r="V35" s="281">
        <v>0</v>
      </c>
      <c r="W35" s="278">
        <v>0</v>
      </c>
      <c r="X35" s="283">
        <v>0</v>
      </c>
    </row>
    <row r="36" spans="2:24" ht="21" customHeight="1" x14ac:dyDescent="0.2">
      <c r="B36" s="257" t="s">
        <v>34</v>
      </c>
      <c r="C36" s="281">
        <v>0</v>
      </c>
      <c r="D36" s="281">
        <v>0</v>
      </c>
      <c r="E36" s="278">
        <v>0</v>
      </c>
      <c r="F36" s="280">
        <v>0</v>
      </c>
      <c r="G36" s="281">
        <v>0</v>
      </c>
      <c r="H36" s="281">
        <v>0</v>
      </c>
      <c r="I36" s="281">
        <v>0</v>
      </c>
      <c r="J36" s="281">
        <v>0</v>
      </c>
      <c r="K36" s="281">
        <v>0</v>
      </c>
      <c r="L36" s="278">
        <v>0</v>
      </c>
      <c r="M36" s="283">
        <v>0</v>
      </c>
      <c r="N36" s="281">
        <v>0</v>
      </c>
      <c r="O36" s="281">
        <v>0</v>
      </c>
      <c r="P36" s="278">
        <v>0</v>
      </c>
      <c r="Q36" s="280">
        <v>0</v>
      </c>
      <c r="R36" s="281">
        <v>0</v>
      </c>
      <c r="S36" s="281">
        <v>0</v>
      </c>
      <c r="T36" s="281">
        <v>0</v>
      </c>
      <c r="U36" s="281">
        <v>0</v>
      </c>
      <c r="V36" s="281">
        <v>0</v>
      </c>
      <c r="W36" s="278">
        <v>0</v>
      </c>
      <c r="X36" s="283">
        <v>0</v>
      </c>
    </row>
    <row r="37" spans="2:24" ht="21" customHeight="1" x14ac:dyDescent="0.2">
      <c r="B37" s="257" t="s">
        <v>35</v>
      </c>
      <c r="C37" s="281">
        <v>0</v>
      </c>
      <c r="D37" s="281">
        <v>0</v>
      </c>
      <c r="E37" s="278">
        <v>0</v>
      </c>
      <c r="F37" s="280">
        <v>0</v>
      </c>
      <c r="G37" s="281">
        <v>9</v>
      </c>
      <c r="H37" s="281">
        <v>12</v>
      </c>
      <c r="I37" s="281">
        <v>0</v>
      </c>
      <c r="J37" s="281">
        <v>0</v>
      </c>
      <c r="K37" s="281">
        <v>0</v>
      </c>
      <c r="L37" s="278">
        <v>21</v>
      </c>
      <c r="M37" s="283">
        <v>21</v>
      </c>
      <c r="N37" s="281">
        <v>0</v>
      </c>
      <c r="O37" s="281">
        <v>0</v>
      </c>
      <c r="P37" s="278">
        <v>0</v>
      </c>
      <c r="Q37" s="280">
        <v>0</v>
      </c>
      <c r="R37" s="281">
        <v>0</v>
      </c>
      <c r="S37" s="281">
        <v>0</v>
      </c>
      <c r="T37" s="281">
        <v>0</v>
      </c>
      <c r="U37" s="281">
        <v>0</v>
      </c>
      <c r="V37" s="281">
        <v>0</v>
      </c>
      <c r="W37" s="278">
        <v>0</v>
      </c>
      <c r="X37" s="283">
        <v>0</v>
      </c>
    </row>
    <row r="38" spans="2:24" ht="21" customHeight="1" x14ac:dyDescent="0.2">
      <c r="B38" s="257" t="s">
        <v>36</v>
      </c>
      <c r="C38" s="281">
        <v>0</v>
      </c>
      <c r="D38" s="281">
        <v>0</v>
      </c>
      <c r="E38" s="278">
        <v>0</v>
      </c>
      <c r="F38" s="280">
        <v>0</v>
      </c>
      <c r="G38" s="281">
        <v>0</v>
      </c>
      <c r="H38" s="281">
        <v>0</v>
      </c>
      <c r="I38" s="281">
        <v>0</v>
      </c>
      <c r="J38" s="281">
        <v>25</v>
      </c>
      <c r="K38" s="281">
        <v>8</v>
      </c>
      <c r="L38" s="278">
        <v>33</v>
      </c>
      <c r="M38" s="283">
        <v>33</v>
      </c>
      <c r="N38" s="281">
        <v>0</v>
      </c>
      <c r="O38" s="281">
        <v>0</v>
      </c>
      <c r="P38" s="278">
        <v>0</v>
      </c>
      <c r="Q38" s="280">
        <v>0</v>
      </c>
      <c r="R38" s="281">
        <v>0</v>
      </c>
      <c r="S38" s="281">
        <v>0</v>
      </c>
      <c r="T38" s="281">
        <v>0</v>
      </c>
      <c r="U38" s="281">
        <v>0</v>
      </c>
      <c r="V38" s="281">
        <v>0</v>
      </c>
      <c r="W38" s="278">
        <v>0</v>
      </c>
      <c r="X38" s="283">
        <v>0</v>
      </c>
    </row>
    <row r="39" spans="2:24" ht="21" customHeight="1" thickBot="1" x14ac:dyDescent="0.25">
      <c r="B39" s="258" t="s">
        <v>37</v>
      </c>
      <c r="C39" s="288">
        <v>0</v>
      </c>
      <c r="D39" s="288">
        <v>0</v>
      </c>
      <c r="E39" s="285">
        <v>0</v>
      </c>
      <c r="F39" s="287">
        <v>0</v>
      </c>
      <c r="G39" s="288">
        <v>0</v>
      </c>
      <c r="H39" s="288">
        <v>0</v>
      </c>
      <c r="I39" s="288">
        <v>1</v>
      </c>
      <c r="J39" s="288">
        <v>0</v>
      </c>
      <c r="K39" s="288">
        <v>10</v>
      </c>
      <c r="L39" s="285">
        <v>11</v>
      </c>
      <c r="M39" s="290">
        <v>11</v>
      </c>
      <c r="N39" s="288">
        <v>0</v>
      </c>
      <c r="O39" s="288">
        <v>0</v>
      </c>
      <c r="P39" s="285">
        <v>0</v>
      </c>
      <c r="Q39" s="287">
        <v>0</v>
      </c>
      <c r="R39" s="288">
        <v>0</v>
      </c>
      <c r="S39" s="288">
        <v>0</v>
      </c>
      <c r="T39" s="288">
        <v>0</v>
      </c>
      <c r="U39" s="288">
        <v>0</v>
      </c>
      <c r="V39" s="288">
        <v>0</v>
      </c>
      <c r="W39" s="285">
        <v>0</v>
      </c>
      <c r="X39" s="290">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E1" s="368">
        <f>第１表!F2</f>
        <v>4</v>
      </c>
      <c r="F1" s="251">
        <f>第１表!G2</f>
        <v>7</v>
      </c>
      <c r="G1" s="555">
        <f>IF(F1&lt;3,F1-2+12,F1-2)</f>
        <v>5</v>
      </c>
      <c r="H1" s="555"/>
    </row>
    <row r="2" spans="2:133" ht="24" customHeight="1" thickBot="1" x14ac:dyDescent="0.25"/>
    <row r="3" spans="2:133" ht="24.75" customHeight="1" thickBot="1" x14ac:dyDescent="0.25">
      <c r="B3" s="601"/>
      <c r="C3" s="591" t="s">
        <v>57</v>
      </c>
      <c r="D3" s="592"/>
      <c r="E3" s="592"/>
      <c r="F3" s="592"/>
      <c r="G3" s="592"/>
      <c r="H3" s="592"/>
      <c r="I3" s="592"/>
      <c r="J3" s="592"/>
      <c r="K3" s="592"/>
      <c r="L3" s="592"/>
      <c r="M3" s="592"/>
      <c r="N3" s="592"/>
      <c r="O3" s="592"/>
      <c r="P3" s="592"/>
      <c r="Q3" s="592"/>
      <c r="R3" s="592"/>
      <c r="S3" s="592"/>
      <c r="T3" s="592"/>
      <c r="U3" s="592"/>
      <c r="V3" s="592"/>
      <c r="W3" s="592"/>
      <c r="X3" s="592"/>
      <c r="Y3" s="592"/>
      <c r="Z3" s="592"/>
      <c r="AA3" s="592"/>
      <c r="AB3" s="592"/>
      <c r="AC3" s="592"/>
      <c r="AD3" s="592"/>
      <c r="AE3" s="592"/>
      <c r="AF3" s="593"/>
      <c r="AG3" s="591" t="s">
        <v>58</v>
      </c>
      <c r="AH3" s="604"/>
      <c r="AI3" s="604"/>
      <c r="AJ3" s="604"/>
      <c r="AK3" s="604"/>
      <c r="AL3" s="604"/>
      <c r="AM3" s="604"/>
      <c r="AN3" s="604"/>
      <c r="AO3" s="604"/>
      <c r="AP3" s="604"/>
      <c r="AQ3" s="604"/>
      <c r="AR3" s="604"/>
      <c r="AS3" s="604"/>
      <c r="AT3" s="604"/>
      <c r="AU3" s="604"/>
      <c r="AV3" s="604"/>
      <c r="AW3" s="604"/>
      <c r="AX3" s="604"/>
      <c r="AY3" s="604"/>
      <c r="AZ3" s="604"/>
      <c r="BA3" s="604"/>
      <c r="BB3" s="604"/>
      <c r="BC3" s="604"/>
      <c r="BD3" s="604"/>
      <c r="BE3" s="604"/>
      <c r="BF3" s="604"/>
      <c r="BG3" s="604"/>
      <c r="BH3" s="604"/>
      <c r="BI3" s="604"/>
      <c r="BJ3" s="605"/>
      <c r="BK3" s="591" t="s">
        <v>59</v>
      </c>
      <c r="BL3" s="592"/>
      <c r="BM3" s="592"/>
      <c r="BN3" s="592"/>
      <c r="BO3" s="592"/>
      <c r="BP3" s="592"/>
      <c r="BQ3" s="592"/>
      <c r="BR3" s="592"/>
      <c r="BS3" s="592"/>
      <c r="BT3" s="592"/>
      <c r="BU3" s="592"/>
      <c r="BV3" s="592"/>
      <c r="BW3" s="592"/>
      <c r="BX3" s="592"/>
      <c r="BY3" s="592"/>
      <c r="BZ3" s="592"/>
      <c r="CA3" s="592"/>
      <c r="CB3" s="592"/>
      <c r="CC3" s="592"/>
      <c r="CD3" s="592"/>
      <c r="CE3" s="592"/>
      <c r="CF3" s="592"/>
      <c r="CG3" s="592"/>
      <c r="CH3" s="592"/>
      <c r="CI3" s="592"/>
      <c r="CJ3" s="592"/>
      <c r="CK3" s="592"/>
      <c r="CL3" s="592"/>
      <c r="CM3" s="592"/>
      <c r="CN3" s="593"/>
      <c r="CO3" s="600" t="s">
        <v>151</v>
      </c>
      <c r="CP3" s="592"/>
      <c r="CQ3" s="592"/>
      <c r="CR3" s="592"/>
      <c r="CS3" s="592"/>
      <c r="CT3" s="592"/>
      <c r="CU3" s="592"/>
      <c r="CV3" s="592"/>
      <c r="CW3" s="592"/>
      <c r="CX3" s="592"/>
      <c r="CY3" s="592"/>
      <c r="CZ3" s="592"/>
      <c r="DA3" s="592"/>
      <c r="DB3" s="592"/>
      <c r="DC3" s="592"/>
      <c r="DD3" s="592"/>
      <c r="DE3" s="592"/>
      <c r="DF3" s="592"/>
      <c r="DG3" s="592"/>
      <c r="DH3" s="592"/>
      <c r="DI3" s="592"/>
      <c r="DJ3" s="592"/>
      <c r="DK3" s="592"/>
      <c r="DL3" s="592"/>
      <c r="DM3" s="592"/>
      <c r="DN3" s="592"/>
      <c r="DO3" s="592"/>
      <c r="DP3" s="592"/>
      <c r="DQ3" s="592"/>
      <c r="DR3" s="593"/>
      <c r="DS3" s="594" t="s">
        <v>60</v>
      </c>
      <c r="DT3" s="503"/>
      <c r="DU3" s="503"/>
      <c r="DV3" s="503"/>
      <c r="DW3" s="503"/>
      <c r="DX3" s="503"/>
      <c r="DY3" s="503"/>
      <c r="DZ3" s="503"/>
      <c r="EA3" s="503"/>
      <c r="EB3" s="504"/>
    </row>
    <row r="4" spans="2:133" ht="24.75" customHeight="1" thickBot="1" x14ac:dyDescent="0.25">
      <c r="B4" s="602"/>
      <c r="C4" s="595"/>
      <c r="D4" s="586"/>
      <c r="E4" s="586"/>
      <c r="F4" s="586"/>
      <c r="G4" s="586"/>
      <c r="H4" s="586"/>
      <c r="I4" s="586"/>
      <c r="J4" s="586"/>
      <c r="K4" s="586"/>
      <c r="L4" s="586"/>
      <c r="M4" s="597" t="s">
        <v>39</v>
      </c>
      <c r="N4" s="598"/>
      <c r="O4" s="598"/>
      <c r="P4" s="598"/>
      <c r="Q4" s="598"/>
      <c r="R4" s="598"/>
      <c r="S4" s="598"/>
      <c r="T4" s="598"/>
      <c r="U4" s="598"/>
      <c r="V4" s="599"/>
      <c r="W4" s="597" t="s">
        <v>40</v>
      </c>
      <c r="X4" s="598"/>
      <c r="Y4" s="598"/>
      <c r="Z4" s="598"/>
      <c r="AA4" s="598"/>
      <c r="AB4" s="598"/>
      <c r="AC4" s="598"/>
      <c r="AD4" s="598"/>
      <c r="AE4" s="598"/>
      <c r="AF4" s="599"/>
      <c r="AG4" s="595"/>
      <c r="AH4" s="586"/>
      <c r="AI4" s="586"/>
      <c r="AJ4" s="586"/>
      <c r="AK4" s="586"/>
      <c r="AL4" s="586"/>
      <c r="AM4" s="586"/>
      <c r="AN4" s="586"/>
      <c r="AO4" s="586"/>
      <c r="AP4" s="586"/>
      <c r="AQ4" s="597" t="s">
        <v>39</v>
      </c>
      <c r="AR4" s="598"/>
      <c r="AS4" s="598"/>
      <c r="AT4" s="598"/>
      <c r="AU4" s="598"/>
      <c r="AV4" s="598"/>
      <c r="AW4" s="598"/>
      <c r="AX4" s="598"/>
      <c r="AY4" s="598"/>
      <c r="AZ4" s="599"/>
      <c r="BA4" s="597" t="s">
        <v>40</v>
      </c>
      <c r="BB4" s="598"/>
      <c r="BC4" s="598"/>
      <c r="BD4" s="598"/>
      <c r="BE4" s="598"/>
      <c r="BF4" s="598"/>
      <c r="BG4" s="598"/>
      <c r="BH4" s="598"/>
      <c r="BI4" s="598"/>
      <c r="BJ4" s="599"/>
      <c r="BK4" s="595"/>
      <c r="BL4" s="586"/>
      <c r="BM4" s="586"/>
      <c r="BN4" s="586"/>
      <c r="BO4" s="586"/>
      <c r="BP4" s="586"/>
      <c r="BQ4" s="586"/>
      <c r="BR4" s="586"/>
      <c r="BS4" s="586"/>
      <c r="BT4" s="586"/>
      <c r="BU4" s="597" t="s">
        <v>39</v>
      </c>
      <c r="BV4" s="598"/>
      <c r="BW4" s="598"/>
      <c r="BX4" s="598"/>
      <c r="BY4" s="598"/>
      <c r="BZ4" s="598"/>
      <c r="CA4" s="598"/>
      <c r="CB4" s="598"/>
      <c r="CC4" s="598"/>
      <c r="CD4" s="599"/>
      <c r="CE4" s="597" t="s">
        <v>40</v>
      </c>
      <c r="CF4" s="598"/>
      <c r="CG4" s="598"/>
      <c r="CH4" s="598"/>
      <c r="CI4" s="598"/>
      <c r="CJ4" s="598"/>
      <c r="CK4" s="598"/>
      <c r="CL4" s="598"/>
      <c r="CM4" s="598"/>
      <c r="CN4" s="599"/>
      <c r="CO4" s="595"/>
      <c r="CP4" s="586"/>
      <c r="CQ4" s="586"/>
      <c r="CR4" s="586"/>
      <c r="CS4" s="586"/>
      <c r="CT4" s="586"/>
      <c r="CU4" s="586"/>
      <c r="CV4" s="586"/>
      <c r="CW4" s="586"/>
      <c r="CX4" s="586"/>
      <c r="CY4" s="597" t="s">
        <v>39</v>
      </c>
      <c r="CZ4" s="598"/>
      <c r="DA4" s="598"/>
      <c r="DB4" s="598"/>
      <c r="DC4" s="598"/>
      <c r="DD4" s="598"/>
      <c r="DE4" s="598"/>
      <c r="DF4" s="598"/>
      <c r="DG4" s="598"/>
      <c r="DH4" s="599"/>
      <c r="DI4" s="597" t="s">
        <v>40</v>
      </c>
      <c r="DJ4" s="598"/>
      <c r="DK4" s="598"/>
      <c r="DL4" s="598"/>
      <c r="DM4" s="598"/>
      <c r="DN4" s="598"/>
      <c r="DO4" s="598"/>
      <c r="DP4" s="598"/>
      <c r="DQ4" s="598"/>
      <c r="DR4" s="599"/>
      <c r="DS4" s="595"/>
      <c r="DT4" s="586"/>
      <c r="DU4" s="586"/>
      <c r="DV4" s="586"/>
      <c r="DW4" s="586"/>
      <c r="DX4" s="586"/>
      <c r="DY4" s="586"/>
      <c r="DZ4" s="586"/>
      <c r="EA4" s="586"/>
      <c r="EB4" s="596"/>
    </row>
    <row r="5" spans="2:133" ht="24.75" customHeight="1" x14ac:dyDescent="0.2">
      <c r="B5" s="603"/>
      <c r="C5" s="573" t="s">
        <v>61</v>
      </c>
      <c r="D5" s="574"/>
      <c r="E5" s="575"/>
      <c r="F5" s="576" t="s">
        <v>62</v>
      </c>
      <c r="G5" s="577"/>
      <c r="H5" s="577"/>
      <c r="I5" s="577"/>
      <c r="J5" s="577"/>
      <c r="K5" s="578"/>
      <c r="L5" s="588" t="s">
        <v>52</v>
      </c>
      <c r="M5" s="590" t="s">
        <v>61</v>
      </c>
      <c r="N5" s="583"/>
      <c r="O5" s="584"/>
      <c r="P5" s="585" t="s">
        <v>62</v>
      </c>
      <c r="Q5" s="586"/>
      <c r="R5" s="586"/>
      <c r="S5" s="586"/>
      <c r="T5" s="586"/>
      <c r="U5" s="587"/>
      <c r="V5" s="581" t="s">
        <v>52</v>
      </c>
      <c r="W5" s="582" t="s">
        <v>61</v>
      </c>
      <c r="X5" s="583"/>
      <c r="Y5" s="584"/>
      <c r="Z5" s="585" t="s">
        <v>62</v>
      </c>
      <c r="AA5" s="586"/>
      <c r="AB5" s="586"/>
      <c r="AC5" s="586"/>
      <c r="AD5" s="586"/>
      <c r="AE5" s="587"/>
      <c r="AF5" s="581" t="s">
        <v>52</v>
      </c>
      <c r="AG5" s="573" t="s">
        <v>61</v>
      </c>
      <c r="AH5" s="574"/>
      <c r="AI5" s="575"/>
      <c r="AJ5" s="576" t="s">
        <v>62</v>
      </c>
      <c r="AK5" s="577"/>
      <c r="AL5" s="577"/>
      <c r="AM5" s="577"/>
      <c r="AN5" s="577"/>
      <c r="AO5" s="578"/>
      <c r="AP5" s="579" t="s">
        <v>52</v>
      </c>
      <c r="AQ5" s="590" t="s">
        <v>61</v>
      </c>
      <c r="AR5" s="583"/>
      <c r="AS5" s="584"/>
      <c r="AT5" s="585" t="s">
        <v>62</v>
      </c>
      <c r="AU5" s="586"/>
      <c r="AV5" s="586"/>
      <c r="AW5" s="586"/>
      <c r="AX5" s="586"/>
      <c r="AY5" s="587"/>
      <c r="AZ5" s="606" t="s">
        <v>52</v>
      </c>
      <c r="BA5" s="590" t="s">
        <v>61</v>
      </c>
      <c r="BB5" s="583"/>
      <c r="BC5" s="584"/>
      <c r="BD5" s="585" t="s">
        <v>62</v>
      </c>
      <c r="BE5" s="586"/>
      <c r="BF5" s="586"/>
      <c r="BG5" s="586"/>
      <c r="BH5" s="586"/>
      <c r="BI5" s="587"/>
      <c r="BJ5" s="581" t="s">
        <v>52</v>
      </c>
      <c r="BK5" s="573" t="s">
        <v>61</v>
      </c>
      <c r="BL5" s="574"/>
      <c r="BM5" s="575"/>
      <c r="BN5" s="576" t="s">
        <v>62</v>
      </c>
      <c r="BO5" s="577"/>
      <c r="BP5" s="577"/>
      <c r="BQ5" s="577"/>
      <c r="BR5" s="577"/>
      <c r="BS5" s="578"/>
      <c r="BT5" s="588" t="s">
        <v>52</v>
      </c>
      <c r="BU5" s="590" t="s">
        <v>61</v>
      </c>
      <c r="BV5" s="583"/>
      <c r="BW5" s="584"/>
      <c r="BX5" s="585" t="s">
        <v>62</v>
      </c>
      <c r="BY5" s="586"/>
      <c r="BZ5" s="586"/>
      <c r="CA5" s="586"/>
      <c r="CB5" s="586"/>
      <c r="CC5" s="587"/>
      <c r="CD5" s="581" t="s">
        <v>52</v>
      </c>
      <c r="CE5" s="582" t="s">
        <v>61</v>
      </c>
      <c r="CF5" s="583"/>
      <c r="CG5" s="584"/>
      <c r="CH5" s="585" t="s">
        <v>62</v>
      </c>
      <c r="CI5" s="586"/>
      <c r="CJ5" s="586"/>
      <c r="CK5" s="586"/>
      <c r="CL5" s="586"/>
      <c r="CM5" s="587"/>
      <c r="CN5" s="581" t="s">
        <v>52</v>
      </c>
      <c r="CO5" s="573" t="s">
        <v>61</v>
      </c>
      <c r="CP5" s="574"/>
      <c r="CQ5" s="575"/>
      <c r="CR5" s="576" t="s">
        <v>62</v>
      </c>
      <c r="CS5" s="577"/>
      <c r="CT5" s="577"/>
      <c r="CU5" s="577"/>
      <c r="CV5" s="577"/>
      <c r="CW5" s="578"/>
      <c r="CX5" s="588" t="s">
        <v>52</v>
      </c>
      <c r="CY5" s="590" t="s">
        <v>61</v>
      </c>
      <c r="CZ5" s="583"/>
      <c r="DA5" s="584"/>
      <c r="DB5" s="585" t="s">
        <v>62</v>
      </c>
      <c r="DC5" s="586"/>
      <c r="DD5" s="586"/>
      <c r="DE5" s="586"/>
      <c r="DF5" s="586"/>
      <c r="DG5" s="587"/>
      <c r="DH5" s="581" t="s">
        <v>52</v>
      </c>
      <c r="DI5" s="582" t="s">
        <v>61</v>
      </c>
      <c r="DJ5" s="583"/>
      <c r="DK5" s="584"/>
      <c r="DL5" s="585" t="s">
        <v>62</v>
      </c>
      <c r="DM5" s="586"/>
      <c r="DN5" s="586"/>
      <c r="DO5" s="586"/>
      <c r="DP5" s="586"/>
      <c r="DQ5" s="587"/>
      <c r="DR5" s="581" t="s">
        <v>52</v>
      </c>
      <c r="DS5" s="573" t="s">
        <v>61</v>
      </c>
      <c r="DT5" s="574"/>
      <c r="DU5" s="575"/>
      <c r="DV5" s="576" t="s">
        <v>62</v>
      </c>
      <c r="DW5" s="577"/>
      <c r="DX5" s="577"/>
      <c r="DY5" s="577"/>
      <c r="DZ5" s="577"/>
      <c r="EA5" s="578"/>
      <c r="EB5" s="579" t="s">
        <v>52</v>
      </c>
    </row>
    <row r="6" spans="2:133" ht="24.75" customHeight="1" thickBot="1" x14ac:dyDescent="0.25">
      <c r="B6" s="314" t="s">
        <v>42</v>
      </c>
      <c r="C6" s="31" t="s">
        <v>43</v>
      </c>
      <c r="D6" s="32" t="s">
        <v>44</v>
      </c>
      <c r="E6" s="32" t="s">
        <v>45</v>
      </c>
      <c r="F6" s="33" t="s">
        <v>47</v>
      </c>
      <c r="G6" s="34" t="s">
        <v>48</v>
      </c>
      <c r="H6" s="34" t="s">
        <v>49</v>
      </c>
      <c r="I6" s="35" t="s">
        <v>50</v>
      </c>
      <c r="J6" s="32" t="s">
        <v>51</v>
      </c>
      <c r="K6" s="36" t="s">
        <v>95</v>
      </c>
      <c r="L6" s="589"/>
      <c r="M6" s="31" t="s">
        <v>43</v>
      </c>
      <c r="N6" s="32" t="s">
        <v>44</v>
      </c>
      <c r="O6" s="36" t="s">
        <v>45</v>
      </c>
      <c r="P6" s="33" t="s">
        <v>47</v>
      </c>
      <c r="Q6" s="34" t="s">
        <v>48</v>
      </c>
      <c r="R6" s="34" t="s">
        <v>49</v>
      </c>
      <c r="S6" s="35" t="s">
        <v>50</v>
      </c>
      <c r="T6" s="32" t="s">
        <v>51</v>
      </c>
      <c r="U6" s="36" t="s">
        <v>45</v>
      </c>
      <c r="V6" s="580"/>
      <c r="W6" s="15" t="s">
        <v>43</v>
      </c>
      <c r="X6" s="32" t="s">
        <v>44</v>
      </c>
      <c r="Y6" s="36" t="s">
        <v>45</v>
      </c>
      <c r="Z6" s="15" t="s">
        <v>47</v>
      </c>
      <c r="AA6" s="34" t="s">
        <v>48</v>
      </c>
      <c r="AB6" s="34" t="s">
        <v>49</v>
      </c>
      <c r="AC6" s="35" t="s">
        <v>50</v>
      </c>
      <c r="AD6" s="32" t="s">
        <v>51</v>
      </c>
      <c r="AE6" s="36" t="s">
        <v>45</v>
      </c>
      <c r="AF6" s="580"/>
      <c r="AG6" s="31" t="s">
        <v>43</v>
      </c>
      <c r="AH6" s="32" t="s">
        <v>44</v>
      </c>
      <c r="AI6" s="36" t="s">
        <v>45</v>
      </c>
      <c r="AJ6" s="15" t="s">
        <v>47</v>
      </c>
      <c r="AK6" s="34" t="s">
        <v>48</v>
      </c>
      <c r="AL6" s="34" t="s">
        <v>49</v>
      </c>
      <c r="AM6" s="35" t="s">
        <v>50</v>
      </c>
      <c r="AN6" s="32" t="s">
        <v>51</v>
      </c>
      <c r="AO6" s="36" t="s">
        <v>45</v>
      </c>
      <c r="AP6" s="580"/>
      <c r="AQ6" s="31" t="s">
        <v>43</v>
      </c>
      <c r="AR6" s="32" t="s">
        <v>44</v>
      </c>
      <c r="AS6" s="36" t="s">
        <v>45</v>
      </c>
      <c r="AT6" s="33" t="s">
        <v>47</v>
      </c>
      <c r="AU6" s="34" t="s">
        <v>48</v>
      </c>
      <c r="AV6" s="34" t="s">
        <v>49</v>
      </c>
      <c r="AW6" s="35" t="s">
        <v>50</v>
      </c>
      <c r="AX6" s="32" t="s">
        <v>51</v>
      </c>
      <c r="AY6" s="36" t="s">
        <v>45</v>
      </c>
      <c r="AZ6" s="589"/>
      <c r="BA6" s="31" t="s">
        <v>43</v>
      </c>
      <c r="BB6" s="32" t="s">
        <v>44</v>
      </c>
      <c r="BC6" s="32" t="s">
        <v>45</v>
      </c>
      <c r="BD6" s="33" t="s">
        <v>47</v>
      </c>
      <c r="BE6" s="34" t="s">
        <v>48</v>
      </c>
      <c r="BF6" s="34" t="s">
        <v>49</v>
      </c>
      <c r="BG6" s="35" t="s">
        <v>50</v>
      </c>
      <c r="BH6" s="32" t="s">
        <v>51</v>
      </c>
      <c r="BI6" s="36" t="s">
        <v>45</v>
      </c>
      <c r="BJ6" s="580"/>
      <c r="BK6" s="31" t="s">
        <v>43</v>
      </c>
      <c r="BL6" s="32" t="s">
        <v>44</v>
      </c>
      <c r="BM6" s="32" t="s">
        <v>45</v>
      </c>
      <c r="BN6" s="33" t="s">
        <v>47</v>
      </c>
      <c r="BO6" s="34" t="s">
        <v>48</v>
      </c>
      <c r="BP6" s="34" t="s">
        <v>49</v>
      </c>
      <c r="BQ6" s="35" t="s">
        <v>50</v>
      </c>
      <c r="BR6" s="32" t="s">
        <v>51</v>
      </c>
      <c r="BS6" s="36" t="s">
        <v>45</v>
      </c>
      <c r="BT6" s="589"/>
      <c r="BU6" s="31" t="s">
        <v>43</v>
      </c>
      <c r="BV6" s="32" t="s">
        <v>44</v>
      </c>
      <c r="BW6" s="32" t="s">
        <v>45</v>
      </c>
      <c r="BX6" s="33" t="s">
        <v>47</v>
      </c>
      <c r="BY6" s="34" t="s">
        <v>48</v>
      </c>
      <c r="BZ6" s="34" t="s">
        <v>49</v>
      </c>
      <c r="CA6" s="35" t="s">
        <v>50</v>
      </c>
      <c r="CB6" s="32" t="s">
        <v>51</v>
      </c>
      <c r="CC6" s="36" t="s">
        <v>45</v>
      </c>
      <c r="CD6" s="580"/>
      <c r="CE6" s="15" t="s">
        <v>43</v>
      </c>
      <c r="CF6" s="32" t="s">
        <v>44</v>
      </c>
      <c r="CG6" s="32" t="s">
        <v>45</v>
      </c>
      <c r="CH6" s="33" t="s">
        <v>47</v>
      </c>
      <c r="CI6" s="34" t="s">
        <v>48</v>
      </c>
      <c r="CJ6" s="34" t="s">
        <v>49</v>
      </c>
      <c r="CK6" s="35" t="s">
        <v>50</v>
      </c>
      <c r="CL6" s="32" t="s">
        <v>51</v>
      </c>
      <c r="CM6" s="36" t="s">
        <v>45</v>
      </c>
      <c r="CN6" s="580"/>
      <c r="CO6" s="31" t="s">
        <v>43</v>
      </c>
      <c r="CP6" s="32" t="s">
        <v>44</v>
      </c>
      <c r="CQ6" s="32" t="s">
        <v>45</v>
      </c>
      <c r="CR6" s="33" t="s">
        <v>47</v>
      </c>
      <c r="CS6" s="34" t="s">
        <v>48</v>
      </c>
      <c r="CT6" s="34" t="s">
        <v>49</v>
      </c>
      <c r="CU6" s="35" t="s">
        <v>50</v>
      </c>
      <c r="CV6" s="32" t="s">
        <v>51</v>
      </c>
      <c r="CW6" s="36" t="s">
        <v>45</v>
      </c>
      <c r="CX6" s="589"/>
      <c r="CY6" s="31" t="s">
        <v>43</v>
      </c>
      <c r="CZ6" s="32" t="s">
        <v>44</v>
      </c>
      <c r="DA6" s="32" t="s">
        <v>45</v>
      </c>
      <c r="DB6" s="33" t="s">
        <v>47</v>
      </c>
      <c r="DC6" s="34" t="s">
        <v>48</v>
      </c>
      <c r="DD6" s="34" t="s">
        <v>49</v>
      </c>
      <c r="DE6" s="35" t="s">
        <v>50</v>
      </c>
      <c r="DF6" s="32" t="s">
        <v>51</v>
      </c>
      <c r="DG6" s="36" t="s">
        <v>45</v>
      </c>
      <c r="DH6" s="580"/>
      <c r="DI6" s="15" t="s">
        <v>43</v>
      </c>
      <c r="DJ6" s="32" t="s">
        <v>44</v>
      </c>
      <c r="DK6" s="32" t="s">
        <v>45</v>
      </c>
      <c r="DL6" s="33" t="s">
        <v>47</v>
      </c>
      <c r="DM6" s="34" t="s">
        <v>48</v>
      </c>
      <c r="DN6" s="34" t="s">
        <v>49</v>
      </c>
      <c r="DO6" s="35" t="s">
        <v>50</v>
      </c>
      <c r="DP6" s="32" t="s">
        <v>51</v>
      </c>
      <c r="DQ6" s="36" t="s">
        <v>45</v>
      </c>
      <c r="DR6" s="580"/>
      <c r="DS6" s="31" t="s">
        <v>43</v>
      </c>
      <c r="DT6" s="32" t="s">
        <v>44</v>
      </c>
      <c r="DU6" s="32" t="s">
        <v>45</v>
      </c>
      <c r="DV6" s="33" t="s">
        <v>47</v>
      </c>
      <c r="DW6" s="34" t="s">
        <v>48</v>
      </c>
      <c r="DX6" s="34" t="s">
        <v>49</v>
      </c>
      <c r="DY6" s="35" t="s">
        <v>50</v>
      </c>
      <c r="DZ6" s="32" t="s">
        <v>51</v>
      </c>
      <c r="EA6" s="36" t="s">
        <v>45</v>
      </c>
      <c r="EB6" s="580"/>
    </row>
    <row r="7" spans="2:133" ht="20.25" customHeight="1" x14ac:dyDescent="0.2">
      <c r="B7" s="313" t="s">
        <v>4</v>
      </c>
      <c r="C7" s="185">
        <v>0</v>
      </c>
      <c r="D7" s="186">
        <v>0</v>
      </c>
      <c r="E7" s="186">
        <v>0</v>
      </c>
      <c r="F7" s="187">
        <v>437</v>
      </c>
      <c r="G7" s="188">
        <v>1487</v>
      </c>
      <c r="H7" s="188">
        <v>9858</v>
      </c>
      <c r="I7" s="188">
        <v>14385</v>
      </c>
      <c r="J7" s="186">
        <v>10201</v>
      </c>
      <c r="K7" s="189">
        <v>36368</v>
      </c>
      <c r="L7" s="190">
        <v>36368</v>
      </c>
      <c r="M7" s="185">
        <v>0</v>
      </c>
      <c r="N7" s="186">
        <v>0</v>
      </c>
      <c r="O7" s="189">
        <v>0</v>
      </c>
      <c r="P7" s="187">
        <v>434</v>
      </c>
      <c r="Q7" s="188">
        <v>1483</v>
      </c>
      <c r="R7" s="188">
        <v>9779</v>
      </c>
      <c r="S7" s="188">
        <v>14259</v>
      </c>
      <c r="T7" s="186">
        <v>10044</v>
      </c>
      <c r="U7" s="189">
        <v>35999</v>
      </c>
      <c r="V7" s="191">
        <v>35999</v>
      </c>
      <c r="W7" s="192">
        <v>0</v>
      </c>
      <c r="X7" s="186">
        <v>0</v>
      </c>
      <c r="Y7" s="189">
        <v>0</v>
      </c>
      <c r="Z7" s="192">
        <v>3</v>
      </c>
      <c r="AA7" s="188">
        <v>4</v>
      </c>
      <c r="AB7" s="188">
        <v>79</v>
      </c>
      <c r="AC7" s="188">
        <v>126</v>
      </c>
      <c r="AD7" s="186">
        <v>157</v>
      </c>
      <c r="AE7" s="189">
        <v>369</v>
      </c>
      <c r="AF7" s="193">
        <v>369</v>
      </c>
      <c r="AG7" s="192">
        <v>0</v>
      </c>
      <c r="AH7" s="186">
        <v>0</v>
      </c>
      <c r="AI7" s="189">
        <v>0</v>
      </c>
      <c r="AJ7" s="192">
        <v>1842</v>
      </c>
      <c r="AK7" s="188">
        <v>3546</v>
      </c>
      <c r="AL7" s="188">
        <v>4710</v>
      </c>
      <c r="AM7" s="188">
        <v>5462</v>
      </c>
      <c r="AN7" s="186">
        <v>2865</v>
      </c>
      <c r="AO7" s="189">
        <v>18425</v>
      </c>
      <c r="AP7" s="193">
        <v>18425</v>
      </c>
      <c r="AQ7" s="192">
        <v>0</v>
      </c>
      <c r="AR7" s="186">
        <v>0</v>
      </c>
      <c r="AS7" s="189">
        <v>0</v>
      </c>
      <c r="AT7" s="187">
        <v>1817</v>
      </c>
      <c r="AU7" s="188">
        <v>3508</v>
      </c>
      <c r="AV7" s="188">
        <v>4627</v>
      </c>
      <c r="AW7" s="188">
        <v>5359</v>
      </c>
      <c r="AX7" s="186">
        <v>2793</v>
      </c>
      <c r="AY7" s="189">
        <v>18104</v>
      </c>
      <c r="AZ7" s="190">
        <v>18104</v>
      </c>
      <c r="BA7" s="185">
        <v>0</v>
      </c>
      <c r="BB7" s="186">
        <v>0</v>
      </c>
      <c r="BC7" s="186">
        <v>0</v>
      </c>
      <c r="BD7" s="187">
        <v>25</v>
      </c>
      <c r="BE7" s="188">
        <v>38</v>
      </c>
      <c r="BF7" s="188">
        <v>83</v>
      </c>
      <c r="BG7" s="188">
        <v>103</v>
      </c>
      <c r="BH7" s="186">
        <v>72</v>
      </c>
      <c r="BI7" s="189">
        <v>321</v>
      </c>
      <c r="BJ7" s="191">
        <v>321</v>
      </c>
      <c r="BK7" s="192">
        <v>0</v>
      </c>
      <c r="BL7" s="186">
        <v>0</v>
      </c>
      <c r="BM7" s="186">
        <v>0</v>
      </c>
      <c r="BN7" s="187">
        <v>0</v>
      </c>
      <c r="BO7" s="188">
        <v>2</v>
      </c>
      <c r="BP7" s="188">
        <v>18</v>
      </c>
      <c r="BQ7" s="188">
        <v>167</v>
      </c>
      <c r="BR7" s="186">
        <v>241</v>
      </c>
      <c r="BS7" s="189">
        <v>428</v>
      </c>
      <c r="BT7" s="190">
        <v>428</v>
      </c>
      <c r="BU7" s="185">
        <v>0</v>
      </c>
      <c r="BV7" s="186">
        <v>0</v>
      </c>
      <c r="BW7" s="186">
        <v>0</v>
      </c>
      <c r="BX7" s="187">
        <v>0</v>
      </c>
      <c r="BY7" s="188">
        <v>2</v>
      </c>
      <c r="BZ7" s="188">
        <v>18</v>
      </c>
      <c r="CA7" s="188">
        <v>166</v>
      </c>
      <c r="CB7" s="186">
        <v>237</v>
      </c>
      <c r="CC7" s="189">
        <v>423</v>
      </c>
      <c r="CD7" s="191">
        <v>423</v>
      </c>
      <c r="CE7" s="192">
        <v>0</v>
      </c>
      <c r="CF7" s="186">
        <v>0</v>
      </c>
      <c r="CG7" s="186">
        <v>0</v>
      </c>
      <c r="CH7" s="187">
        <v>0</v>
      </c>
      <c r="CI7" s="188">
        <v>0</v>
      </c>
      <c r="CJ7" s="188">
        <v>0</v>
      </c>
      <c r="CK7" s="188">
        <v>1</v>
      </c>
      <c r="CL7" s="186">
        <v>4</v>
      </c>
      <c r="CM7" s="189">
        <v>5</v>
      </c>
      <c r="CN7" s="191">
        <v>5</v>
      </c>
      <c r="CO7" s="192">
        <v>0</v>
      </c>
      <c r="CP7" s="186">
        <v>0</v>
      </c>
      <c r="CQ7" s="186">
        <v>0</v>
      </c>
      <c r="CR7" s="187">
        <v>12</v>
      </c>
      <c r="CS7" s="188">
        <v>23</v>
      </c>
      <c r="CT7" s="188">
        <v>55</v>
      </c>
      <c r="CU7" s="188">
        <v>319</v>
      </c>
      <c r="CV7" s="186">
        <v>422</v>
      </c>
      <c r="CW7" s="189">
        <v>831</v>
      </c>
      <c r="CX7" s="190">
        <v>831</v>
      </c>
      <c r="CY7" s="185">
        <v>0</v>
      </c>
      <c r="CZ7" s="186">
        <v>0</v>
      </c>
      <c r="DA7" s="186">
        <v>0</v>
      </c>
      <c r="DB7" s="187">
        <v>11</v>
      </c>
      <c r="DC7" s="188">
        <v>22</v>
      </c>
      <c r="DD7" s="188">
        <v>55</v>
      </c>
      <c r="DE7" s="188">
        <v>314</v>
      </c>
      <c r="DF7" s="186">
        <v>409</v>
      </c>
      <c r="DG7" s="189">
        <v>811</v>
      </c>
      <c r="DH7" s="191">
        <v>811</v>
      </c>
      <c r="DI7" s="192">
        <v>0</v>
      </c>
      <c r="DJ7" s="186">
        <v>0</v>
      </c>
      <c r="DK7" s="186">
        <v>0</v>
      </c>
      <c r="DL7" s="187">
        <v>1</v>
      </c>
      <c r="DM7" s="188">
        <v>1</v>
      </c>
      <c r="DN7" s="188">
        <v>0</v>
      </c>
      <c r="DO7" s="188">
        <v>5</v>
      </c>
      <c r="DP7" s="186">
        <v>13</v>
      </c>
      <c r="DQ7" s="189">
        <v>20</v>
      </c>
      <c r="DR7" s="191">
        <v>20</v>
      </c>
      <c r="DS7" s="192">
        <v>0</v>
      </c>
      <c r="DT7" s="186">
        <v>0</v>
      </c>
      <c r="DU7" s="186">
        <v>0</v>
      </c>
      <c r="DV7" s="187">
        <v>2291</v>
      </c>
      <c r="DW7" s="188">
        <v>5058</v>
      </c>
      <c r="DX7" s="188">
        <v>14627</v>
      </c>
      <c r="DY7" s="188">
        <v>20286</v>
      </c>
      <c r="DZ7" s="186">
        <v>13710</v>
      </c>
      <c r="EA7" s="189">
        <v>55972</v>
      </c>
      <c r="EB7" s="191">
        <v>55972</v>
      </c>
      <c r="EC7" s="37"/>
    </row>
    <row r="8" spans="2:133" ht="20.25" customHeight="1" x14ac:dyDescent="0.2">
      <c r="B8" s="62" t="s">
        <v>5</v>
      </c>
      <c r="C8" s="194">
        <v>0</v>
      </c>
      <c r="D8" s="195">
        <v>0</v>
      </c>
      <c r="E8" s="195">
        <v>0</v>
      </c>
      <c r="F8" s="196">
        <v>225</v>
      </c>
      <c r="G8" s="197">
        <v>906</v>
      </c>
      <c r="H8" s="197">
        <v>4203</v>
      </c>
      <c r="I8" s="197">
        <v>5938</v>
      </c>
      <c r="J8" s="195">
        <v>4433</v>
      </c>
      <c r="K8" s="198">
        <v>15705</v>
      </c>
      <c r="L8" s="199">
        <v>15705</v>
      </c>
      <c r="M8" s="194">
        <v>0</v>
      </c>
      <c r="N8" s="195">
        <v>0</v>
      </c>
      <c r="O8" s="198">
        <v>0</v>
      </c>
      <c r="P8" s="196">
        <v>222</v>
      </c>
      <c r="Q8" s="197">
        <v>903</v>
      </c>
      <c r="R8" s="197">
        <v>4166</v>
      </c>
      <c r="S8" s="197">
        <v>5874</v>
      </c>
      <c r="T8" s="195">
        <v>4355</v>
      </c>
      <c r="U8" s="198">
        <v>15520</v>
      </c>
      <c r="V8" s="200">
        <v>15520</v>
      </c>
      <c r="W8" s="201">
        <v>0</v>
      </c>
      <c r="X8" s="195">
        <v>0</v>
      </c>
      <c r="Y8" s="198">
        <v>0</v>
      </c>
      <c r="Z8" s="201">
        <v>3</v>
      </c>
      <c r="AA8" s="197">
        <v>3</v>
      </c>
      <c r="AB8" s="197">
        <v>37</v>
      </c>
      <c r="AC8" s="197">
        <v>64</v>
      </c>
      <c r="AD8" s="195">
        <v>78</v>
      </c>
      <c r="AE8" s="198">
        <v>185</v>
      </c>
      <c r="AF8" s="202">
        <v>185</v>
      </c>
      <c r="AG8" s="201">
        <v>0</v>
      </c>
      <c r="AH8" s="195">
        <v>0</v>
      </c>
      <c r="AI8" s="198">
        <v>0</v>
      </c>
      <c r="AJ8" s="201">
        <v>662</v>
      </c>
      <c r="AK8" s="197">
        <v>1600</v>
      </c>
      <c r="AL8" s="197">
        <v>2070</v>
      </c>
      <c r="AM8" s="197">
        <v>2426</v>
      </c>
      <c r="AN8" s="195">
        <v>1404</v>
      </c>
      <c r="AO8" s="198">
        <v>8162</v>
      </c>
      <c r="AP8" s="202">
        <v>8162</v>
      </c>
      <c r="AQ8" s="201">
        <v>0</v>
      </c>
      <c r="AR8" s="195">
        <v>0</v>
      </c>
      <c r="AS8" s="198">
        <v>0</v>
      </c>
      <c r="AT8" s="196">
        <v>657</v>
      </c>
      <c r="AU8" s="197">
        <v>1583</v>
      </c>
      <c r="AV8" s="197">
        <v>2035</v>
      </c>
      <c r="AW8" s="197">
        <v>2383</v>
      </c>
      <c r="AX8" s="195">
        <v>1375</v>
      </c>
      <c r="AY8" s="198">
        <v>8033</v>
      </c>
      <c r="AZ8" s="199">
        <v>8033</v>
      </c>
      <c r="BA8" s="194">
        <v>0</v>
      </c>
      <c r="BB8" s="195">
        <v>0</v>
      </c>
      <c r="BC8" s="195">
        <v>0</v>
      </c>
      <c r="BD8" s="196">
        <v>5</v>
      </c>
      <c r="BE8" s="197">
        <v>17</v>
      </c>
      <c r="BF8" s="197">
        <v>35</v>
      </c>
      <c r="BG8" s="197">
        <v>43</v>
      </c>
      <c r="BH8" s="195">
        <v>29</v>
      </c>
      <c r="BI8" s="198">
        <v>129</v>
      </c>
      <c r="BJ8" s="200">
        <v>129</v>
      </c>
      <c r="BK8" s="201">
        <v>0</v>
      </c>
      <c r="BL8" s="195">
        <v>0</v>
      </c>
      <c r="BM8" s="195">
        <v>0</v>
      </c>
      <c r="BN8" s="196">
        <v>0</v>
      </c>
      <c r="BO8" s="197">
        <v>1</v>
      </c>
      <c r="BP8" s="197">
        <v>4</v>
      </c>
      <c r="BQ8" s="197">
        <v>52</v>
      </c>
      <c r="BR8" s="195">
        <v>90</v>
      </c>
      <c r="BS8" s="198">
        <v>147</v>
      </c>
      <c r="BT8" s="199">
        <v>147</v>
      </c>
      <c r="BU8" s="194">
        <v>0</v>
      </c>
      <c r="BV8" s="195">
        <v>0</v>
      </c>
      <c r="BW8" s="195">
        <v>0</v>
      </c>
      <c r="BX8" s="196">
        <v>0</v>
      </c>
      <c r="BY8" s="197">
        <v>1</v>
      </c>
      <c r="BZ8" s="197">
        <v>4</v>
      </c>
      <c r="CA8" s="197">
        <v>52</v>
      </c>
      <c r="CB8" s="195">
        <v>88</v>
      </c>
      <c r="CC8" s="198">
        <v>145</v>
      </c>
      <c r="CD8" s="200">
        <v>145</v>
      </c>
      <c r="CE8" s="201">
        <v>0</v>
      </c>
      <c r="CF8" s="195">
        <v>0</v>
      </c>
      <c r="CG8" s="195">
        <v>0</v>
      </c>
      <c r="CH8" s="196">
        <v>0</v>
      </c>
      <c r="CI8" s="197">
        <v>0</v>
      </c>
      <c r="CJ8" s="197">
        <v>0</v>
      </c>
      <c r="CK8" s="197">
        <v>0</v>
      </c>
      <c r="CL8" s="195">
        <v>2</v>
      </c>
      <c r="CM8" s="198">
        <v>2</v>
      </c>
      <c r="CN8" s="200">
        <v>2</v>
      </c>
      <c r="CO8" s="201">
        <v>0</v>
      </c>
      <c r="CP8" s="195">
        <v>0</v>
      </c>
      <c r="CQ8" s="195">
        <v>0</v>
      </c>
      <c r="CR8" s="196">
        <v>1</v>
      </c>
      <c r="CS8" s="197">
        <v>4</v>
      </c>
      <c r="CT8" s="197">
        <v>10</v>
      </c>
      <c r="CU8" s="197">
        <v>89</v>
      </c>
      <c r="CV8" s="195">
        <v>95</v>
      </c>
      <c r="CW8" s="198">
        <v>199</v>
      </c>
      <c r="CX8" s="199">
        <v>199</v>
      </c>
      <c r="CY8" s="194">
        <v>0</v>
      </c>
      <c r="CZ8" s="195">
        <v>0</v>
      </c>
      <c r="DA8" s="195">
        <v>0</v>
      </c>
      <c r="DB8" s="196">
        <v>1</v>
      </c>
      <c r="DC8" s="197">
        <v>4</v>
      </c>
      <c r="DD8" s="197">
        <v>10</v>
      </c>
      <c r="DE8" s="197">
        <v>87</v>
      </c>
      <c r="DF8" s="195">
        <v>93</v>
      </c>
      <c r="DG8" s="198">
        <v>195</v>
      </c>
      <c r="DH8" s="200">
        <v>195</v>
      </c>
      <c r="DI8" s="201">
        <v>0</v>
      </c>
      <c r="DJ8" s="195">
        <v>0</v>
      </c>
      <c r="DK8" s="195">
        <v>0</v>
      </c>
      <c r="DL8" s="196">
        <v>0</v>
      </c>
      <c r="DM8" s="197">
        <v>0</v>
      </c>
      <c r="DN8" s="197">
        <v>0</v>
      </c>
      <c r="DO8" s="197">
        <v>2</v>
      </c>
      <c r="DP8" s="195">
        <v>2</v>
      </c>
      <c r="DQ8" s="198">
        <v>4</v>
      </c>
      <c r="DR8" s="200">
        <v>4</v>
      </c>
      <c r="DS8" s="201">
        <v>0</v>
      </c>
      <c r="DT8" s="195">
        <v>0</v>
      </c>
      <c r="DU8" s="195">
        <v>0</v>
      </c>
      <c r="DV8" s="196">
        <v>888</v>
      </c>
      <c r="DW8" s="197">
        <v>2511</v>
      </c>
      <c r="DX8" s="197">
        <v>6287</v>
      </c>
      <c r="DY8" s="197">
        <v>8505</v>
      </c>
      <c r="DZ8" s="195">
        <v>6022</v>
      </c>
      <c r="EA8" s="198">
        <v>24213</v>
      </c>
      <c r="EB8" s="200">
        <v>24213</v>
      </c>
      <c r="EC8" s="37"/>
    </row>
    <row r="9" spans="2:133" ht="20.25" customHeight="1" x14ac:dyDescent="0.2">
      <c r="B9" s="62" t="s">
        <v>6</v>
      </c>
      <c r="C9" s="194">
        <v>0</v>
      </c>
      <c r="D9" s="195">
        <v>0</v>
      </c>
      <c r="E9" s="195">
        <v>0</v>
      </c>
      <c r="F9" s="196">
        <v>79</v>
      </c>
      <c r="G9" s="197">
        <v>182</v>
      </c>
      <c r="H9" s="197">
        <v>1285</v>
      </c>
      <c r="I9" s="197">
        <v>1788</v>
      </c>
      <c r="J9" s="195">
        <v>1284</v>
      </c>
      <c r="K9" s="198">
        <v>4618</v>
      </c>
      <c r="L9" s="199">
        <v>4618</v>
      </c>
      <c r="M9" s="194">
        <v>0</v>
      </c>
      <c r="N9" s="195">
        <v>0</v>
      </c>
      <c r="O9" s="198">
        <v>0</v>
      </c>
      <c r="P9" s="196">
        <v>79</v>
      </c>
      <c r="Q9" s="197">
        <v>182</v>
      </c>
      <c r="R9" s="197">
        <v>1271</v>
      </c>
      <c r="S9" s="197">
        <v>1771</v>
      </c>
      <c r="T9" s="195">
        <v>1273</v>
      </c>
      <c r="U9" s="198">
        <v>4576</v>
      </c>
      <c r="V9" s="200">
        <v>4576</v>
      </c>
      <c r="W9" s="201">
        <v>0</v>
      </c>
      <c r="X9" s="195">
        <v>0</v>
      </c>
      <c r="Y9" s="198">
        <v>0</v>
      </c>
      <c r="Z9" s="201">
        <v>0</v>
      </c>
      <c r="AA9" s="197">
        <v>0</v>
      </c>
      <c r="AB9" s="197">
        <v>14</v>
      </c>
      <c r="AC9" s="197">
        <v>17</v>
      </c>
      <c r="AD9" s="195">
        <v>11</v>
      </c>
      <c r="AE9" s="198">
        <v>42</v>
      </c>
      <c r="AF9" s="202">
        <v>42</v>
      </c>
      <c r="AG9" s="201">
        <v>0</v>
      </c>
      <c r="AH9" s="195">
        <v>0</v>
      </c>
      <c r="AI9" s="198">
        <v>0</v>
      </c>
      <c r="AJ9" s="201">
        <v>223</v>
      </c>
      <c r="AK9" s="197">
        <v>343</v>
      </c>
      <c r="AL9" s="197">
        <v>487</v>
      </c>
      <c r="AM9" s="197">
        <v>683</v>
      </c>
      <c r="AN9" s="195">
        <v>315</v>
      </c>
      <c r="AO9" s="198">
        <v>2051</v>
      </c>
      <c r="AP9" s="202">
        <v>2051</v>
      </c>
      <c r="AQ9" s="201">
        <v>0</v>
      </c>
      <c r="AR9" s="195">
        <v>0</v>
      </c>
      <c r="AS9" s="198">
        <v>0</v>
      </c>
      <c r="AT9" s="196">
        <v>218</v>
      </c>
      <c r="AU9" s="197">
        <v>340</v>
      </c>
      <c r="AV9" s="197">
        <v>479</v>
      </c>
      <c r="AW9" s="197">
        <v>661</v>
      </c>
      <c r="AX9" s="195">
        <v>302</v>
      </c>
      <c r="AY9" s="198">
        <v>2000</v>
      </c>
      <c r="AZ9" s="199">
        <v>2000</v>
      </c>
      <c r="BA9" s="194">
        <v>0</v>
      </c>
      <c r="BB9" s="195">
        <v>0</v>
      </c>
      <c r="BC9" s="195">
        <v>0</v>
      </c>
      <c r="BD9" s="196">
        <v>5</v>
      </c>
      <c r="BE9" s="197">
        <v>3</v>
      </c>
      <c r="BF9" s="197">
        <v>8</v>
      </c>
      <c r="BG9" s="197">
        <v>22</v>
      </c>
      <c r="BH9" s="195">
        <v>13</v>
      </c>
      <c r="BI9" s="198">
        <v>51</v>
      </c>
      <c r="BJ9" s="200">
        <v>51</v>
      </c>
      <c r="BK9" s="201">
        <v>0</v>
      </c>
      <c r="BL9" s="195">
        <v>0</v>
      </c>
      <c r="BM9" s="195">
        <v>0</v>
      </c>
      <c r="BN9" s="196">
        <v>0</v>
      </c>
      <c r="BO9" s="197">
        <v>0</v>
      </c>
      <c r="BP9" s="197">
        <v>10</v>
      </c>
      <c r="BQ9" s="197">
        <v>72</v>
      </c>
      <c r="BR9" s="195">
        <v>95</v>
      </c>
      <c r="BS9" s="198">
        <v>177</v>
      </c>
      <c r="BT9" s="199">
        <v>177</v>
      </c>
      <c r="BU9" s="194">
        <v>0</v>
      </c>
      <c r="BV9" s="195">
        <v>0</v>
      </c>
      <c r="BW9" s="195">
        <v>0</v>
      </c>
      <c r="BX9" s="196">
        <v>0</v>
      </c>
      <c r="BY9" s="197">
        <v>0</v>
      </c>
      <c r="BZ9" s="197">
        <v>10</v>
      </c>
      <c r="CA9" s="197">
        <v>71</v>
      </c>
      <c r="CB9" s="195">
        <v>93</v>
      </c>
      <c r="CC9" s="198">
        <v>174</v>
      </c>
      <c r="CD9" s="200">
        <v>174</v>
      </c>
      <c r="CE9" s="201">
        <v>0</v>
      </c>
      <c r="CF9" s="195">
        <v>0</v>
      </c>
      <c r="CG9" s="195">
        <v>0</v>
      </c>
      <c r="CH9" s="196">
        <v>0</v>
      </c>
      <c r="CI9" s="197">
        <v>0</v>
      </c>
      <c r="CJ9" s="197">
        <v>0</v>
      </c>
      <c r="CK9" s="197">
        <v>1</v>
      </c>
      <c r="CL9" s="195">
        <v>2</v>
      </c>
      <c r="CM9" s="198">
        <v>3</v>
      </c>
      <c r="CN9" s="200">
        <v>3</v>
      </c>
      <c r="CO9" s="201">
        <v>0</v>
      </c>
      <c r="CP9" s="195">
        <v>0</v>
      </c>
      <c r="CQ9" s="195">
        <v>0</v>
      </c>
      <c r="CR9" s="196">
        <v>0</v>
      </c>
      <c r="CS9" s="197">
        <v>1</v>
      </c>
      <c r="CT9" s="197">
        <v>4</v>
      </c>
      <c r="CU9" s="197">
        <v>35</v>
      </c>
      <c r="CV9" s="195">
        <v>61</v>
      </c>
      <c r="CW9" s="198">
        <v>101</v>
      </c>
      <c r="CX9" s="199">
        <v>101</v>
      </c>
      <c r="CY9" s="194">
        <v>0</v>
      </c>
      <c r="CZ9" s="195">
        <v>0</v>
      </c>
      <c r="DA9" s="195">
        <v>0</v>
      </c>
      <c r="DB9" s="196">
        <v>0</v>
      </c>
      <c r="DC9" s="197">
        <v>1</v>
      </c>
      <c r="DD9" s="197">
        <v>4</v>
      </c>
      <c r="DE9" s="197">
        <v>34</v>
      </c>
      <c r="DF9" s="195">
        <v>60</v>
      </c>
      <c r="DG9" s="198">
        <v>99</v>
      </c>
      <c r="DH9" s="200">
        <v>99</v>
      </c>
      <c r="DI9" s="201">
        <v>0</v>
      </c>
      <c r="DJ9" s="195">
        <v>0</v>
      </c>
      <c r="DK9" s="195">
        <v>0</v>
      </c>
      <c r="DL9" s="196">
        <v>0</v>
      </c>
      <c r="DM9" s="197">
        <v>0</v>
      </c>
      <c r="DN9" s="197">
        <v>0</v>
      </c>
      <c r="DO9" s="197">
        <v>1</v>
      </c>
      <c r="DP9" s="195">
        <v>1</v>
      </c>
      <c r="DQ9" s="198">
        <v>2</v>
      </c>
      <c r="DR9" s="200">
        <v>2</v>
      </c>
      <c r="DS9" s="201">
        <v>0</v>
      </c>
      <c r="DT9" s="195">
        <v>0</v>
      </c>
      <c r="DU9" s="195">
        <v>0</v>
      </c>
      <c r="DV9" s="196">
        <v>302</v>
      </c>
      <c r="DW9" s="197">
        <v>526</v>
      </c>
      <c r="DX9" s="197">
        <v>1786</v>
      </c>
      <c r="DY9" s="197">
        <v>2578</v>
      </c>
      <c r="DZ9" s="195">
        <v>1755</v>
      </c>
      <c r="EA9" s="198">
        <v>6947</v>
      </c>
      <c r="EB9" s="200">
        <v>6947</v>
      </c>
      <c r="EC9" s="37"/>
    </row>
    <row r="10" spans="2:133" ht="20.25" customHeight="1" x14ac:dyDescent="0.2">
      <c r="B10" s="62" t="s">
        <v>14</v>
      </c>
      <c r="C10" s="194">
        <v>0</v>
      </c>
      <c r="D10" s="195">
        <v>0</v>
      </c>
      <c r="E10" s="195">
        <v>0</v>
      </c>
      <c r="F10" s="196">
        <v>10</v>
      </c>
      <c r="G10" s="197">
        <v>55</v>
      </c>
      <c r="H10" s="197">
        <v>840</v>
      </c>
      <c r="I10" s="197">
        <v>1282</v>
      </c>
      <c r="J10" s="195">
        <v>757</v>
      </c>
      <c r="K10" s="198">
        <v>2944</v>
      </c>
      <c r="L10" s="199">
        <v>2944</v>
      </c>
      <c r="M10" s="194">
        <v>0</v>
      </c>
      <c r="N10" s="195">
        <v>0</v>
      </c>
      <c r="O10" s="198">
        <v>0</v>
      </c>
      <c r="P10" s="196">
        <v>10</v>
      </c>
      <c r="Q10" s="197">
        <v>54</v>
      </c>
      <c r="R10" s="197">
        <v>836</v>
      </c>
      <c r="S10" s="197">
        <v>1274</v>
      </c>
      <c r="T10" s="195">
        <v>748</v>
      </c>
      <c r="U10" s="198">
        <v>2922</v>
      </c>
      <c r="V10" s="200">
        <v>2922</v>
      </c>
      <c r="W10" s="201">
        <v>0</v>
      </c>
      <c r="X10" s="195">
        <v>0</v>
      </c>
      <c r="Y10" s="198">
        <v>0</v>
      </c>
      <c r="Z10" s="201">
        <v>0</v>
      </c>
      <c r="AA10" s="197">
        <v>1</v>
      </c>
      <c r="AB10" s="197">
        <v>4</v>
      </c>
      <c r="AC10" s="197">
        <v>8</v>
      </c>
      <c r="AD10" s="195">
        <v>9</v>
      </c>
      <c r="AE10" s="198">
        <v>22</v>
      </c>
      <c r="AF10" s="202">
        <v>22</v>
      </c>
      <c r="AG10" s="201">
        <v>0</v>
      </c>
      <c r="AH10" s="195">
        <v>0</v>
      </c>
      <c r="AI10" s="198">
        <v>0</v>
      </c>
      <c r="AJ10" s="201">
        <v>86</v>
      </c>
      <c r="AK10" s="197">
        <v>221</v>
      </c>
      <c r="AL10" s="197">
        <v>294</v>
      </c>
      <c r="AM10" s="197">
        <v>351</v>
      </c>
      <c r="AN10" s="195">
        <v>188</v>
      </c>
      <c r="AO10" s="198">
        <v>1140</v>
      </c>
      <c r="AP10" s="202">
        <v>1140</v>
      </c>
      <c r="AQ10" s="201">
        <v>0</v>
      </c>
      <c r="AR10" s="195">
        <v>0</v>
      </c>
      <c r="AS10" s="198">
        <v>0</v>
      </c>
      <c r="AT10" s="196">
        <v>83</v>
      </c>
      <c r="AU10" s="197">
        <v>220</v>
      </c>
      <c r="AV10" s="197">
        <v>290</v>
      </c>
      <c r="AW10" s="197">
        <v>346</v>
      </c>
      <c r="AX10" s="195">
        <v>183</v>
      </c>
      <c r="AY10" s="198">
        <v>1122</v>
      </c>
      <c r="AZ10" s="199">
        <v>1122</v>
      </c>
      <c r="BA10" s="194">
        <v>0</v>
      </c>
      <c r="BB10" s="195">
        <v>0</v>
      </c>
      <c r="BC10" s="195">
        <v>0</v>
      </c>
      <c r="BD10" s="196">
        <v>3</v>
      </c>
      <c r="BE10" s="197">
        <v>1</v>
      </c>
      <c r="BF10" s="197">
        <v>4</v>
      </c>
      <c r="BG10" s="197">
        <v>5</v>
      </c>
      <c r="BH10" s="195">
        <v>5</v>
      </c>
      <c r="BI10" s="198">
        <v>18</v>
      </c>
      <c r="BJ10" s="200">
        <v>18</v>
      </c>
      <c r="BK10" s="201">
        <v>0</v>
      </c>
      <c r="BL10" s="195">
        <v>0</v>
      </c>
      <c r="BM10" s="195">
        <v>0</v>
      </c>
      <c r="BN10" s="196">
        <v>0</v>
      </c>
      <c r="BO10" s="197">
        <v>1</v>
      </c>
      <c r="BP10" s="197">
        <v>2</v>
      </c>
      <c r="BQ10" s="197">
        <v>27</v>
      </c>
      <c r="BR10" s="195">
        <v>20</v>
      </c>
      <c r="BS10" s="198">
        <v>50</v>
      </c>
      <c r="BT10" s="199">
        <v>50</v>
      </c>
      <c r="BU10" s="194">
        <v>0</v>
      </c>
      <c r="BV10" s="195">
        <v>0</v>
      </c>
      <c r="BW10" s="195">
        <v>0</v>
      </c>
      <c r="BX10" s="196">
        <v>0</v>
      </c>
      <c r="BY10" s="197">
        <v>1</v>
      </c>
      <c r="BZ10" s="197">
        <v>2</v>
      </c>
      <c r="CA10" s="197">
        <v>27</v>
      </c>
      <c r="CB10" s="195">
        <v>20</v>
      </c>
      <c r="CC10" s="198">
        <v>50</v>
      </c>
      <c r="CD10" s="200">
        <v>50</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0</v>
      </c>
      <c r="CT10" s="197">
        <v>5</v>
      </c>
      <c r="CU10" s="197">
        <v>74</v>
      </c>
      <c r="CV10" s="195">
        <v>72</v>
      </c>
      <c r="CW10" s="198">
        <v>151</v>
      </c>
      <c r="CX10" s="199">
        <v>151</v>
      </c>
      <c r="CY10" s="194">
        <v>0</v>
      </c>
      <c r="CZ10" s="195">
        <v>0</v>
      </c>
      <c r="DA10" s="195">
        <v>0</v>
      </c>
      <c r="DB10" s="196">
        <v>0</v>
      </c>
      <c r="DC10" s="197">
        <v>0</v>
      </c>
      <c r="DD10" s="197">
        <v>5</v>
      </c>
      <c r="DE10" s="197">
        <v>73</v>
      </c>
      <c r="DF10" s="195">
        <v>70</v>
      </c>
      <c r="DG10" s="198">
        <v>148</v>
      </c>
      <c r="DH10" s="200">
        <v>148</v>
      </c>
      <c r="DI10" s="201">
        <v>0</v>
      </c>
      <c r="DJ10" s="195">
        <v>0</v>
      </c>
      <c r="DK10" s="195">
        <v>0</v>
      </c>
      <c r="DL10" s="196">
        <v>0</v>
      </c>
      <c r="DM10" s="197">
        <v>0</v>
      </c>
      <c r="DN10" s="197">
        <v>0</v>
      </c>
      <c r="DO10" s="197">
        <v>1</v>
      </c>
      <c r="DP10" s="195">
        <v>2</v>
      </c>
      <c r="DQ10" s="198">
        <v>3</v>
      </c>
      <c r="DR10" s="200">
        <v>3</v>
      </c>
      <c r="DS10" s="201">
        <v>0</v>
      </c>
      <c r="DT10" s="195">
        <v>0</v>
      </c>
      <c r="DU10" s="195">
        <v>0</v>
      </c>
      <c r="DV10" s="196">
        <v>96</v>
      </c>
      <c r="DW10" s="197">
        <v>277</v>
      </c>
      <c r="DX10" s="197">
        <v>1140</v>
      </c>
      <c r="DY10" s="197">
        <v>1724</v>
      </c>
      <c r="DZ10" s="195">
        <v>1033</v>
      </c>
      <c r="EA10" s="198">
        <v>4270</v>
      </c>
      <c r="EB10" s="200">
        <v>4270</v>
      </c>
      <c r="EC10" s="37"/>
    </row>
    <row r="11" spans="2:133" ht="20.25" customHeight="1" x14ac:dyDescent="0.2">
      <c r="B11" s="62" t="s">
        <v>7</v>
      </c>
      <c r="C11" s="194">
        <v>0</v>
      </c>
      <c r="D11" s="195">
        <v>0</v>
      </c>
      <c r="E11" s="195">
        <v>0</v>
      </c>
      <c r="F11" s="196">
        <v>22</v>
      </c>
      <c r="G11" s="197">
        <v>51</v>
      </c>
      <c r="H11" s="197">
        <v>553</v>
      </c>
      <c r="I11" s="197">
        <v>975</v>
      </c>
      <c r="J11" s="195">
        <v>577</v>
      </c>
      <c r="K11" s="198">
        <v>2178</v>
      </c>
      <c r="L11" s="199">
        <v>2178</v>
      </c>
      <c r="M11" s="194">
        <v>0</v>
      </c>
      <c r="N11" s="195">
        <v>0</v>
      </c>
      <c r="O11" s="198">
        <v>0</v>
      </c>
      <c r="P11" s="196">
        <v>22</v>
      </c>
      <c r="Q11" s="197">
        <v>51</v>
      </c>
      <c r="R11" s="197">
        <v>546</v>
      </c>
      <c r="S11" s="197">
        <v>964</v>
      </c>
      <c r="T11" s="195">
        <v>564</v>
      </c>
      <c r="U11" s="198">
        <v>2147</v>
      </c>
      <c r="V11" s="200">
        <v>2147</v>
      </c>
      <c r="W11" s="201">
        <v>0</v>
      </c>
      <c r="X11" s="195">
        <v>0</v>
      </c>
      <c r="Y11" s="198">
        <v>0</v>
      </c>
      <c r="Z11" s="201">
        <v>0</v>
      </c>
      <c r="AA11" s="197">
        <v>0</v>
      </c>
      <c r="AB11" s="197">
        <v>7</v>
      </c>
      <c r="AC11" s="197">
        <v>11</v>
      </c>
      <c r="AD11" s="195">
        <v>13</v>
      </c>
      <c r="AE11" s="198">
        <v>31</v>
      </c>
      <c r="AF11" s="202">
        <v>31</v>
      </c>
      <c r="AG11" s="201">
        <v>0</v>
      </c>
      <c r="AH11" s="195">
        <v>0</v>
      </c>
      <c r="AI11" s="198">
        <v>0</v>
      </c>
      <c r="AJ11" s="201">
        <v>175</v>
      </c>
      <c r="AK11" s="197">
        <v>225</v>
      </c>
      <c r="AL11" s="197">
        <v>246</v>
      </c>
      <c r="AM11" s="197">
        <v>296</v>
      </c>
      <c r="AN11" s="195">
        <v>110</v>
      </c>
      <c r="AO11" s="198">
        <v>1052</v>
      </c>
      <c r="AP11" s="202">
        <v>1052</v>
      </c>
      <c r="AQ11" s="201">
        <v>0</v>
      </c>
      <c r="AR11" s="195">
        <v>0</v>
      </c>
      <c r="AS11" s="198">
        <v>0</v>
      </c>
      <c r="AT11" s="196">
        <v>173</v>
      </c>
      <c r="AU11" s="197">
        <v>224</v>
      </c>
      <c r="AV11" s="197">
        <v>242</v>
      </c>
      <c r="AW11" s="197">
        <v>292</v>
      </c>
      <c r="AX11" s="195">
        <v>108</v>
      </c>
      <c r="AY11" s="198">
        <v>1039</v>
      </c>
      <c r="AZ11" s="199">
        <v>1039</v>
      </c>
      <c r="BA11" s="194">
        <v>0</v>
      </c>
      <c r="BB11" s="195">
        <v>0</v>
      </c>
      <c r="BC11" s="195">
        <v>0</v>
      </c>
      <c r="BD11" s="196">
        <v>2</v>
      </c>
      <c r="BE11" s="197">
        <v>1</v>
      </c>
      <c r="BF11" s="197">
        <v>4</v>
      </c>
      <c r="BG11" s="197">
        <v>4</v>
      </c>
      <c r="BH11" s="195">
        <v>2</v>
      </c>
      <c r="BI11" s="198">
        <v>13</v>
      </c>
      <c r="BJ11" s="200">
        <v>13</v>
      </c>
      <c r="BK11" s="201">
        <v>0</v>
      </c>
      <c r="BL11" s="195">
        <v>0</v>
      </c>
      <c r="BM11" s="195">
        <v>0</v>
      </c>
      <c r="BN11" s="196">
        <v>0</v>
      </c>
      <c r="BO11" s="197">
        <v>0</v>
      </c>
      <c r="BP11" s="197">
        <v>0</v>
      </c>
      <c r="BQ11" s="197">
        <v>2</v>
      </c>
      <c r="BR11" s="195">
        <v>4</v>
      </c>
      <c r="BS11" s="198">
        <v>6</v>
      </c>
      <c r="BT11" s="199">
        <v>6</v>
      </c>
      <c r="BU11" s="194">
        <v>0</v>
      </c>
      <c r="BV11" s="195">
        <v>0</v>
      </c>
      <c r="BW11" s="195">
        <v>0</v>
      </c>
      <c r="BX11" s="196">
        <v>0</v>
      </c>
      <c r="BY11" s="197">
        <v>0</v>
      </c>
      <c r="BZ11" s="197">
        <v>0</v>
      </c>
      <c r="CA11" s="197">
        <v>2</v>
      </c>
      <c r="CB11" s="195">
        <v>4</v>
      </c>
      <c r="CC11" s="198">
        <v>6</v>
      </c>
      <c r="CD11" s="200">
        <v>6</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1</v>
      </c>
      <c r="CV11" s="195">
        <v>4</v>
      </c>
      <c r="CW11" s="198">
        <v>7</v>
      </c>
      <c r="CX11" s="199">
        <v>7</v>
      </c>
      <c r="CY11" s="194">
        <v>0</v>
      </c>
      <c r="CZ11" s="195">
        <v>0</v>
      </c>
      <c r="DA11" s="195">
        <v>0</v>
      </c>
      <c r="DB11" s="196">
        <v>0</v>
      </c>
      <c r="DC11" s="197">
        <v>0</v>
      </c>
      <c r="DD11" s="197">
        <v>2</v>
      </c>
      <c r="DE11" s="197">
        <v>1</v>
      </c>
      <c r="DF11" s="195">
        <v>4</v>
      </c>
      <c r="DG11" s="198">
        <v>7</v>
      </c>
      <c r="DH11" s="200">
        <v>7</v>
      </c>
      <c r="DI11" s="201">
        <v>0</v>
      </c>
      <c r="DJ11" s="195">
        <v>0</v>
      </c>
      <c r="DK11" s="195">
        <v>0</v>
      </c>
      <c r="DL11" s="196">
        <v>0</v>
      </c>
      <c r="DM11" s="197">
        <v>0</v>
      </c>
      <c r="DN11" s="197">
        <v>0</v>
      </c>
      <c r="DO11" s="197">
        <v>0</v>
      </c>
      <c r="DP11" s="195">
        <v>0</v>
      </c>
      <c r="DQ11" s="198">
        <v>0</v>
      </c>
      <c r="DR11" s="200">
        <v>0</v>
      </c>
      <c r="DS11" s="201">
        <v>0</v>
      </c>
      <c r="DT11" s="195">
        <v>0</v>
      </c>
      <c r="DU11" s="195">
        <v>0</v>
      </c>
      <c r="DV11" s="196">
        <v>197</v>
      </c>
      <c r="DW11" s="197">
        <v>276</v>
      </c>
      <c r="DX11" s="197">
        <v>796</v>
      </c>
      <c r="DY11" s="197">
        <v>1260</v>
      </c>
      <c r="DZ11" s="195">
        <v>689</v>
      </c>
      <c r="EA11" s="198">
        <v>3218</v>
      </c>
      <c r="EB11" s="200">
        <v>3218</v>
      </c>
      <c r="EC11" s="37"/>
    </row>
    <row r="12" spans="2:133" ht="20.25" customHeight="1" x14ac:dyDescent="0.2">
      <c r="B12" s="62" t="s">
        <v>8</v>
      </c>
      <c r="C12" s="194">
        <v>0</v>
      </c>
      <c r="D12" s="195">
        <v>0</v>
      </c>
      <c r="E12" s="195">
        <v>0</v>
      </c>
      <c r="F12" s="196">
        <v>29</v>
      </c>
      <c r="G12" s="197">
        <v>64</v>
      </c>
      <c r="H12" s="197">
        <v>353</v>
      </c>
      <c r="I12" s="197">
        <v>392</v>
      </c>
      <c r="J12" s="195">
        <v>236</v>
      </c>
      <c r="K12" s="198">
        <v>1074</v>
      </c>
      <c r="L12" s="199">
        <v>1074</v>
      </c>
      <c r="M12" s="194">
        <v>0</v>
      </c>
      <c r="N12" s="195">
        <v>0</v>
      </c>
      <c r="O12" s="198">
        <v>0</v>
      </c>
      <c r="P12" s="196">
        <v>29</v>
      </c>
      <c r="Q12" s="197">
        <v>64</v>
      </c>
      <c r="R12" s="197">
        <v>351</v>
      </c>
      <c r="S12" s="197">
        <v>389</v>
      </c>
      <c r="T12" s="195">
        <v>233</v>
      </c>
      <c r="U12" s="198">
        <v>1066</v>
      </c>
      <c r="V12" s="200">
        <v>1066</v>
      </c>
      <c r="W12" s="201">
        <v>0</v>
      </c>
      <c r="X12" s="195">
        <v>0</v>
      </c>
      <c r="Y12" s="198">
        <v>0</v>
      </c>
      <c r="Z12" s="201">
        <v>0</v>
      </c>
      <c r="AA12" s="197">
        <v>0</v>
      </c>
      <c r="AB12" s="197">
        <v>2</v>
      </c>
      <c r="AC12" s="197">
        <v>3</v>
      </c>
      <c r="AD12" s="195">
        <v>3</v>
      </c>
      <c r="AE12" s="198">
        <v>8</v>
      </c>
      <c r="AF12" s="202">
        <v>8</v>
      </c>
      <c r="AG12" s="201">
        <v>0</v>
      </c>
      <c r="AH12" s="195">
        <v>0</v>
      </c>
      <c r="AI12" s="198">
        <v>0</v>
      </c>
      <c r="AJ12" s="201">
        <v>54</v>
      </c>
      <c r="AK12" s="197">
        <v>103</v>
      </c>
      <c r="AL12" s="197">
        <v>154</v>
      </c>
      <c r="AM12" s="197">
        <v>141</v>
      </c>
      <c r="AN12" s="195">
        <v>59</v>
      </c>
      <c r="AO12" s="198">
        <v>511</v>
      </c>
      <c r="AP12" s="202">
        <v>511</v>
      </c>
      <c r="AQ12" s="201">
        <v>0</v>
      </c>
      <c r="AR12" s="195">
        <v>0</v>
      </c>
      <c r="AS12" s="198">
        <v>0</v>
      </c>
      <c r="AT12" s="196">
        <v>52</v>
      </c>
      <c r="AU12" s="197">
        <v>100</v>
      </c>
      <c r="AV12" s="197">
        <v>150</v>
      </c>
      <c r="AW12" s="197">
        <v>138</v>
      </c>
      <c r="AX12" s="195">
        <v>57</v>
      </c>
      <c r="AY12" s="198">
        <v>497</v>
      </c>
      <c r="AZ12" s="199">
        <v>497</v>
      </c>
      <c r="BA12" s="194">
        <v>0</v>
      </c>
      <c r="BB12" s="195">
        <v>0</v>
      </c>
      <c r="BC12" s="195">
        <v>0</v>
      </c>
      <c r="BD12" s="196">
        <v>2</v>
      </c>
      <c r="BE12" s="197">
        <v>3</v>
      </c>
      <c r="BF12" s="197">
        <v>4</v>
      </c>
      <c r="BG12" s="197">
        <v>3</v>
      </c>
      <c r="BH12" s="195">
        <v>2</v>
      </c>
      <c r="BI12" s="198">
        <v>14</v>
      </c>
      <c r="BJ12" s="200">
        <v>14</v>
      </c>
      <c r="BK12" s="201">
        <v>0</v>
      </c>
      <c r="BL12" s="195">
        <v>0</v>
      </c>
      <c r="BM12" s="195">
        <v>0</v>
      </c>
      <c r="BN12" s="196">
        <v>0</v>
      </c>
      <c r="BO12" s="197">
        <v>0</v>
      </c>
      <c r="BP12" s="197">
        <v>0</v>
      </c>
      <c r="BQ12" s="197">
        <v>2</v>
      </c>
      <c r="BR12" s="195">
        <v>0</v>
      </c>
      <c r="BS12" s="198">
        <v>2</v>
      </c>
      <c r="BT12" s="199">
        <v>2</v>
      </c>
      <c r="BU12" s="194">
        <v>0</v>
      </c>
      <c r="BV12" s="195">
        <v>0</v>
      </c>
      <c r="BW12" s="195">
        <v>0</v>
      </c>
      <c r="BX12" s="196">
        <v>0</v>
      </c>
      <c r="BY12" s="197">
        <v>0</v>
      </c>
      <c r="BZ12" s="197">
        <v>0</v>
      </c>
      <c r="CA12" s="197">
        <v>2</v>
      </c>
      <c r="CB12" s="195">
        <v>0</v>
      </c>
      <c r="CC12" s="198">
        <v>2</v>
      </c>
      <c r="CD12" s="200">
        <v>2</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0</v>
      </c>
      <c r="CT12" s="197">
        <v>1</v>
      </c>
      <c r="CU12" s="197">
        <v>9</v>
      </c>
      <c r="CV12" s="195">
        <v>9</v>
      </c>
      <c r="CW12" s="198">
        <v>20</v>
      </c>
      <c r="CX12" s="199">
        <v>20</v>
      </c>
      <c r="CY12" s="194">
        <v>0</v>
      </c>
      <c r="CZ12" s="195">
        <v>0</v>
      </c>
      <c r="DA12" s="195">
        <v>0</v>
      </c>
      <c r="DB12" s="196">
        <v>1</v>
      </c>
      <c r="DC12" s="197">
        <v>0</v>
      </c>
      <c r="DD12" s="197">
        <v>1</v>
      </c>
      <c r="DE12" s="197">
        <v>9</v>
      </c>
      <c r="DF12" s="195">
        <v>9</v>
      </c>
      <c r="DG12" s="198">
        <v>20</v>
      </c>
      <c r="DH12" s="200">
        <v>20</v>
      </c>
      <c r="DI12" s="201">
        <v>0</v>
      </c>
      <c r="DJ12" s="195">
        <v>0</v>
      </c>
      <c r="DK12" s="195">
        <v>0</v>
      </c>
      <c r="DL12" s="196">
        <v>0</v>
      </c>
      <c r="DM12" s="197">
        <v>0</v>
      </c>
      <c r="DN12" s="197">
        <v>0</v>
      </c>
      <c r="DO12" s="197">
        <v>0</v>
      </c>
      <c r="DP12" s="195">
        <v>0</v>
      </c>
      <c r="DQ12" s="198">
        <v>0</v>
      </c>
      <c r="DR12" s="200">
        <v>0</v>
      </c>
      <c r="DS12" s="201">
        <v>0</v>
      </c>
      <c r="DT12" s="195">
        <v>0</v>
      </c>
      <c r="DU12" s="195">
        <v>0</v>
      </c>
      <c r="DV12" s="196">
        <v>84</v>
      </c>
      <c r="DW12" s="197">
        <v>167</v>
      </c>
      <c r="DX12" s="197">
        <v>508</v>
      </c>
      <c r="DY12" s="197">
        <v>544</v>
      </c>
      <c r="DZ12" s="195">
        <v>304</v>
      </c>
      <c r="EA12" s="198">
        <v>1607</v>
      </c>
      <c r="EB12" s="200">
        <v>1607</v>
      </c>
      <c r="EC12" s="37"/>
    </row>
    <row r="13" spans="2:133" ht="20.25" customHeight="1" x14ac:dyDescent="0.2">
      <c r="B13" s="62" t="s">
        <v>9</v>
      </c>
      <c r="C13" s="194">
        <v>0</v>
      </c>
      <c r="D13" s="195">
        <v>0</v>
      </c>
      <c r="E13" s="195">
        <v>0</v>
      </c>
      <c r="F13" s="196">
        <v>6</v>
      </c>
      <c r="G13" s="197">
        <v>3</v>
      </c>
      <c r="H13" s="197">
        <v>202</v>
      </c>
      <c r="I13" s="197">
        <v>376</v>
      </c>
      <c r="J13" s="195">
        <v>279</v>
      </c>
      <c r="K13" s="198">
        <v>866</v>
      </c>
      <c r="L13" s="199">
        <v>866</v>
      </c>
      <c r="M13" s="194">
        <v>0</v>
      </c>
      <c r="N13" s="195">
        <v>0</v>
      </c>
      <c r="O13" s="198">
        <v>0</v>
      </c>
      <c r="P13" s="196">
        <v>6</v>
      </c>
      <c r="Q13" s="197">
        <v>3</v>
      </c>
      <c r="R13" s="197">
        <v>202</v>
      </c>
      <c r="S13" s="197">
        <v>372</v>
      </c>
      <c r="T13" s="195">
        <v>277</v>
      </c>
      <c r="U13" s="198">
        <v>860</v>
      </c>
      <c r="V13" s="200">
        <v>860</v>
      </c>
      <c r="W13" s="201">
        <v>0</v>
      </c>
      <c r="X13" s="195">
        <v>0</v>
      </c>
      <c r="Y13" s="198">
        <v>0</v>
      </c>
      <c r="Z13" s="201">
        <v>0</v>
      </c>
      <c r="AA13" s="197">
        <v>0</v>
      </c>
      <c r="AB13" s="197">
        <v>0</v>
      </c>
      <c r="AC13" s="197">
        <v>4</v>
      </c>
      <c r="AD13" s="195">
        <v>2</v>
      </c>
      <c r="AE13" s="198">
        <v>6</v>
      </c>
      <c r="AF13" s="202">
        <v>6</v>
      </c>
      <c r="AG13" s="201">
        <v>0</v>
      </c>
      <c r="AH13" s="195">
        <v>0</v>
      </c>
      <c r="AI13" s="198">
        <v>0</v>
      </c>
      <c r="AJ13" s="201">
        <v>32</v>
      </c>
      <c r="AK13" s="197">
        <v>63</v>
      </c>
      <c r="AL13" s="197">
        <v>98</v>
      </c>
      <c r="AM13" s="197">
        <v>116</v>
      </c>
      <c r="AN13" s="195">
        <v>63</v>
      </c>
      <c r="AO13" s="198">
        <v>372</v>
      </c>
      <c r="AP13" s="202">
        <v>372</v>
      </c>
      <c r="AQ13" s="201">
        <v>0</v>
      </c>
      <c r="AR13" s="195">
        <v>0</v>
      </c>
      <c r="AS13" s="198">
        <v>0</v>
      </c>
      <c r="AT13" s="196">
        <v>32</v>
      </c>
      <c r="AU13" s="197">
        <v>63</v>
      </c>
      <c r="AV13" s="197">
        <v>96</v>
      </c>
      <c r="AW13" s="197">
        <v>115</v>
      </c>
      <c r="AX13" s="195">
        <v>61</v>
      </c>
      <c r="AY13" s="198">
        <v>367</v>
      </c>
      <c r="AZ13" s="199">
        <v>367</v>
      </c>
      <c r="BA13" s="194">
        <v>0</v>
      </c>
      <c r="BB13" s="195">
        <v>0</v>
      </c>
      <c r="BC13" s="195">
        <v>0</v>
      </c>
      <c r="BD13" s="196">
        <v>0</v>
      </c>
      <c r="BE13" s="197">
        <v>0</v>
      </c>
      <c r="BF13" s="197">
        <v>2</v>
      </c>
      <c r="BG13" s="197">
        <v>1</v>
      </c>
      <c r="BH13" s="195">
        <v>2</v>
      </c>
      <c r="BI13" s="198">
        <v>5</v>
      </c>
      <c r="BJ13" s="200">
        <v>5</v>
      </c>
      <c r="BK13" s="201">
        <v>0</v>
      </c>
      <c r="BL13" s="195">
        <v>0</v>
      </c>
      <c r="BM13" s="195">
        <v>0</v>
      </c>
      <c r="BN13" s="196">
        <v>0</v>
      </c>
      <c r="BO13" s="197">
        <v>0</v>
      </c>
      <c r="BP13" s="197">
        <v>0</v>
      </c>
      <c r="BQ13" s="197">
        <v>2</v>
      </c>
      <c r="BR13" s="195">
        <v>1</v>
      </c>
      <c r="BS13" s="198">
        <v>3</v>
      </c>
      <c r="BT13" s="199">
        <v>3</v>
      </c>
      <c r="BU13" s="194">
        <v>0</v>
      </c>
      <c r="BV13" s="195">
        <v>0</v>
      </c>
      <c r="BW13" s="195">
        <v>0</v>
      </c>
      <c r="BX13" s="196">
        <v>0</v>
      </c>
      <c r="BY13" s="197">
        <v>0</v>
      </c>
      <c r="BZ13" s="197">
        <v>0</v>
      </c>
      <c r="CA13" s="197">
        <v>2</v>
      </c>
      <c r="CB13" s="195">
        <v>1</v>
      </c>
      <c r="CC13" s="198">
        <v>3</v>
      </c>
      <c r="CD13" s="200">
        <v>3</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0</v>
      </c>
      <c r="CT13" s="197">
        <v>2</v>
      </c>
      <c r="CU13" s="197">
        <v>3</v>
      </c>
      <c r="CV13" s="195">
        <v>6</v>
      </c>
      <c r="CW13" s="198">
        <v>11</v>
      </c>
      <c r="CX13" s="199">
        <v>11</v>
      </c>
      <c r="CY13" s="194">
        <v>0</v>
      </c>
      <c r="CZ13" s="195">
        <v>0</v>
      </c>
      <c r="DA13" s="195">
        <v>0</v>
      </c>
      <c r="DB13" s="196">
        <v>0</v>
      </c>
      <c r="DC13" s="197">
        <v>0</v>
      </c>
      <c r="DD13" s="197">
        <v>2</v>
      </c>
      <c r="DE13" s="197">
        <v>3</v>
      </c>
      <c r="DF13" s="195">
        <v>6</v>
      </c>
      <c r="DG13" s="198">
        <v>11</v>
      </c>
      <c r="DH13" s="200">
        <v>11</v>
      </c>
      <c r="DI13" s="201">
        <v>0</v>
      </c>
      <c r="DJ13" s="195">
        <v>0</v>
      </c>
      <c r="DK13" s="195">
        <v>0</v>
      </c>
      <c r="DL13" s="196">
        <v>0</v>
      </c>
      <c r="DM13" s="197">
        <v>0</v>
      </c>
      <c r="DN13" s="197">
        <v>0</v>
      </c>
      <c r="DO13" s="197">
        <v>0</v>
      </c>
      <c r="DP13" s="195">
        <v>0</v>
      </c>
      <c r="DQ13" s="198">
        <v>0</v>
      </c>
      <c r="DR13" s="200">
        <v>0</v>
      </c>
      <c r="DS13" s="201">
        <v>0</v>
      </c>
      <c r="DT13" s="195">
        <v>0</v>
      </c>
      <c r="DU13" s="195">
        <v>0</v>
      </c>
      <c r="DV13" s="196">
        <v>38</v>
      </c>
      <c r="DW13" s="197">
        <v>66</v>
      </c>
      <c r="DX13" s="197">
        <v>301</v>
      </c>
      <c r="DY13" s="197">
        <v>496</v>
      </c>
      <c r="DZ13" s="195">
        <v>348</v>
      </c>
      <c r="EA13" s="198">
        <v>1249</v>
      </c>
      <c r="EB13" s="200">
        <v>1249</v>
      </c>
      <c r="EC13" s="37"/>
    </row>
    <row r="14" spans="2:133" ht="20.25" customHeight="1" x14ac:dyDescent="0.2">
      <c r="B14" s="62" t="s">
        <v>10</v>
      </c>
      <c r="C14" s="194">
        <v>0</v>
      </c>
      <c r="D14" s="195">
        <v>0</v>
      </c>
      <c r="E14" s="195">
        <v>0</v>
      </c>
      <c r="F14" s="196">
        <v>18</v>
      </c>
      <c r="G14" s="197">
        <v>49</v>
      </c>
      <c r="H14" s="197">
        <v>383</v>
      </c>
      <c r="I14" s="197">
        <v>522</v>
      </c>
      <c r="J14" s="195">
        <v>468</v>
      </c>
      <c r="K14" s="198">
        <v>1440</v>
      </c>
      <c r="L14" s="199">
        <v>1440</v>
      </c>
      <c r="M14" s="194">
        <v>0</v>
      </c>
      <c r="N14" s="195">
        <v>0</v>
      </c>
      <c r="O14" s="198">
        <v>0</v>
      </c>
      <c r="P14" s="196">
        <v>18</v>
      </c>
      <c r="Q14" s="197">
        <v>49</v>
      </c>
      <c r="R14" s="197">
        <v>380</v>
      </c>
      <c r="S14" s="197">
        <v>519</v>
      </c>
      <c r="T14" s="195">
        <v>460</v>
      </c>
      <c r="U14" s="198">
        <v>1426</v>
      </c>
      <c r="V14" s="200">
        <v>1426</v>
      </c>
      <c r="W14" s="201">
        <v>0</v>
      </c>
      <c r="X14" s="195">
        <v>0</v>
      </c>
      <c r="Y14" s="198">
        <v>0</v>
      </c>
      <c r="Z14" s="201">
        <v>0</v>
      </c>
      <c r="AA14" s="197">
        <v>0</v>
      </c>
      <c r="AB14" s="197">
        <v>3</v>
      </c>
      <c r="AC14" s="197">
        <v>3</v>
      </c>
      <c r="AD14" s="195">
        <v>8</v>
      </c>
      <c r="AE14" s="198">
        <v>14</v>
      </c>
      <c r="AF14" s="202">
        <v>14</v>
      </c>
      <c r="AG14" s="201">
        <v>0</v>
      </c>
      <c r="AH14" s="195">
        <v>0</v>
      </c>
      <c r="AI14" s="198">
        <v>0</v>
      </c>
      <c r="AJ14" s="201">
        <v>94</v>
      </c>
      <c r="AK14" s="197">
        <v>129</v>
      </c>
      <c r="AL14" s="197">
        <v>163</v>
      </c>
      <c r="AM14" s="197">
        <v>160</v>
      </c>
      <c r="AN14" s="195">
        <v>104</v>
      </c>
      <c r="AO14" s="198">
        <v>650</v>
      </c>
      <c r="AP14" s="202">
        <v>650</v>
      </c>
      <c r="AQ14" s="201">
        <v>0</v>
      </c>
      <c r="AR14" s="195">
        <v>0</v>
      </c>
      <c r="AS14" s="198">
        <v>0</v>
      </c>
      <c r="AT14" s="196">
        <v>93</v>
      </c>
      <c r="AU14" s="197">
        <v>125</v>
      </c>
      <c r="AV14" s="197">
        <v>161</v>
      </c>
      <c r="AW14" s="197">
        <v>158</v>
      </c>
      <c r="AX14" s="195">
        <v>99</v>
      </c>
      <c r="AY14" s="198">
        <v>636</v>
      </c>
      <c r="AZ14" s="199">
        <v>636</v>
      </c>
      <c r="BA14" s="194">
        <v>0</v>
      </c>
      <c r="BB14" s="195">
        <v>0</v>
      </c>
      <c r="BC14" s="195">
        <v>0</v>
      </c>
      <c r="BD14" s="196">
        <v>1</v>
      </c>
      <c r="BE14" s="197">
        <v>4</v>
      </c>
      <c r="BF14" s="197">
        <v>2</v>
      </c>
      <c r="BG14" s="197">
        <v>2</v>
      </c>
      <c r="BH14" s="195">
        <v>5</v>
      </c>
      <c r="BI14" s="198">
        <v>14</v>
      </c>
      <c r="BJ14" s="200">
        <v>14</v>
      </c>
      <c r="BK14" s="201">
        <v>0</v>
      </c>
      <c r="BL14" s="195">
        <v>0</v>
      </c>
      <c r="BM14" s="195">
        <v>0</v>
      </c>
      <c r="BN14" s="196">
        <v>0</v>
      </c>
      <c r="BO14" s="197">
        <v>0</v>
      </c>
      <c r="BP14" s="197">
        <v>0</v>
      </c>
      <c r="BQ14" s="197">
        <v>1</v>
      </c>
      <c r="BR14" s="195">
        <v>2</v>
      </c>
      <c r="BS14" s="198">
        <v>3</v>
      </c>
      <c r="BT14" s="199">
        <v>3</v>
      </c>
      <c r="BU14" s="194">
        <v>0</v>
      </c>
      <c r="BV14" s="195">
        <v>0</v>
      </c>
      <c r="BW14" s="195">
        <v>0</v>
      </c>
      <c r="BX14" s="196">
        <v>0</v>
      </c>
      <c r="BY14" s="197">
        <v>0</v>
      </c>
      <c r="BZ14" s="197">
        <v>0</v>
      </c>
      <c r="CA14" s="197">
        <v>1</v>
      </c>
      <c r="CB14" s="195">
        <v>2</v>
      </c>
      <c r="CC14" s="198">
        <v>3</v>
      </c>
      <c r="CD14" s="200">
        <v>3</v>
      </c>
      <c r="CE14" s="201">
        <v>0</v>
      </c>
      <c r="CF14" s="195">
        <v>0</v>
      </c>
      <c r="CG14" s="195">
        <v>0</v>
      </c>
      <c r="CH14" s="196">
        <v>0</v>
      </c>
      <c r="CI14" s="197">
        <v>0</v>
      </c>
      <c r="CJ14" s="197">
        <v>0</v>
      </c>
      <c r="CK14" s="197">
        <v>0</v>
      </c>
      <c r="CL14" s="195">
        <v>0</v>
      </c>
      <c r="CM14" s="198">
        <v>0</v>
      </c>
      <c r="CN14" s="200">
        <v>0</v>
      </c>
      <c r="CO14" s="201">
        <v>0</v>
      </c>
      <c r="CP14" s="195">
        <v>0</v>
      </c>
      <c r="CQ14" s="195">
        <v>0</v>
      </c>
      <c r="CR14" s="196">
        <v>1</v>
      </c>
      <c r="CS14" s="197">
        <v>1</v>
      </c>
      <c r="CT14" s="197">
        <v>2</v>
      </c>
      <c r="CU14" s="197">
        <v>5</v>
      </c>
      <c r="CV14" s="195">
        <v>38</v>
      </c>
      <c r="CW14" s="198">
        <v>47</v>
      </c>
      <c r="CX14" s="199">
        <v>47</v>
      </c>
      <c r="CY14" s="194">
        <v>0</v>
      </c>
      <c r="CZ14" s="195">
        <v>0</v>
      </c>
      <c r="DA14" s="195">
        <v>0</v>
      </c>
      <c r="DB14" s="196">
        <v>1</v>
      </c>
      <c r="DC14" s="197">
        <v>1</v>
      </c>
      <c r="DD14" s="197">
        <v>2</v>
      </c>
      <c r="DE14" s="197">
        <v>5</v>
      </c>
      <c r="DF14" s="195">
        <v>38</v>
      </c>
      <c r="DG14" s="198">
        <v>47</v>
      </c>
      <c r="DH14" s="200">
        <v>47</v>
      </c>
      <c r="DI14" s="201">
        <v>0</v>
      </c>
      <c r="DJ14" s="195">
        <v>0</v>
      </c>
      <c r="DK14" s="195">
        <v>0</v>
      </c>
      <c r="DL14" s="196">
        <v>0</v>
      </c>
      <c r="DM14" s="197">
        <v>0</v>
      </c>
      <c r="DN14" s="197">
        <v>0</v>
      </c>
      <c r="DO14" s="197">
        <v>0</v>
      </c>
      <c r="DP14" s="195">
        <v>0</v>
      </c>
      <c r="DQ14" s="198">
        <v>0</v>
      </c>
      <c r="DR14" s="200">
        <v>0</v>
      </c>
      <c r="DS14" s="201">
        <v>0</v>
      </c>
      <c r="DT14" s="195">
        <v>0</v>
      </c>
      <c r="DU14" s="195">
        <v>0</v>
      </c>
      <c r="DV14" s="196">
        <v>113</v>
      </c>
      <c r="DW14" s="197">
        <v>179</v>
      </c>
      <c r="DX14" s="197">
        <v>548</v>
      </c>
      <c r="DY14" s="197">
        <v>688</v>
      </c>
      <c r="DZ14" s="195">
        <v>612</v>
      </c>
      <c r="EA14" s="198">
        <v>2140</v>
      </c>
      <c r="EB14" s="200">
        <v>2140</v>
      </c>
      <c r="EC14" s="37"/>
    </row>
    <row r="15" spans="2:133" ht="20.25" customHeight="1" x14ac:dyDescent="0.2">
      <c r="B15" s="62" t="s">
        <v>11</v>
      </c>
      <c r="C15" s="194">
        <v>0</v>
      </c>
      <c r="D15" s="195">
        <v>0</v>
      </c>
      <c r="E15" s="195">
        <v>0</v>
      </c>
      <c r="F15" s="196">
        <v>2</v>
      </c>
      <c r="G15" s="197">
        <v>7</v>
      </c>
      <c r="H15" s="197">
        <v>218</v>
      </c>
      <c r="I15" s="197">
        <v>349</v>
      </c>
      <c r="J15" s="195">
        <v>181</v>
      </c>
      <c r="K15" s="198">
        <v>757</v>
      </c>
      <c r="L15" s="199">
        <v>757</v>
      </c>
      <c r="M15" s="194">
        <v>0</v>
      </c>
      <c r="N15" s="195">
        <v>0</v>
      </c>
      <c r="O15" s="198">
        <v>0</v>
      </c>
      <c r="P15" s="196">
        <v>2</v>
      </c>
      <c r="Q15" s="197">
        <v>7</v>
      </c>
      <c r="R15" s="197">
        <v>218</v>
      </c>
      <c r="S15" s="197">
        <v>347</v>
      </c>
      <c r="T15" s="195">
        <v>180</v>
      </c>
      <c r="U15" s="198">
        <v>754</v>
      </c>
      <c r="V15" s="200">
        <v>754</v>
      </c>
      <c r="W15" s="201">
        <v>0</v>
      </c>
      <c r="X15" s="195">
        <v>0</v>
      </c>
      <c r="Y15" s="198">
        <v>0</v>
      </c>
      <c r="Z15" s="201">
        <v>0</v>
      </c>
      <c r="AA15" s="197">
        <v>0</v>
      </c>
      <c r="AB15" s="197">
        <v>0</v>
      </c>
      <c r="AC15" s="197">
        <v>2</v>
      </c>
      <c r="AD15" s="195">
        <v>1</v>
      </c>
      <c r="AE15" s="198">
        <v>3</v>
      </c>
      <c r="AF15" s="202">
        <v>3</v>
      </c>
      <c r="AG15" s="201">
        <v>0</v>
      </c>
      <c r="AH15" s="195">
        <v>0</v>
      </c>
      <c r="AI15" s="198">
        <v>0</v>
      </c>
      <c r="AJ15" s="201">
        <v>75</v>
      </c>
      <c r="AK15" s="197">
        <v>95</v>
      </c>
      <c r="AL15" s="197">
        <v>131</v>
      </c>
      <c r="AM15" s="197">
        <v>154</v>
      </c>
      <c r="AN15" s="195">
        <v>62</v>
      </c>
      <c r="AO15" s="198">
        <v>517</v>
      </c>
      <c r="AP15" s="202">
        <v>517</v>
      </c>
      <c r="AQ15" s="201">
        <v>0</v>
      </c>
      <c r="AR15" s="195">
        <v>0</v>
      </c>
      <c r="AS15" s="198">
        <v>0</v>
      </c>
      <c r="AT15" s="196">
        <v>73</v>
      </c>
      <c r="AU15" s="197">
        <v>93</v>
      </c>
      <c r="AV15" s="197">
        <v>127</v>
      </c>
      <c r="AW15" s="197">
        <v>154</v>
      </c>
      <c r="AX15" s="195">
        <v>62</v>
      </c>
      <c r="AY15" s="198">
        <v>509</v>
      </c>
      <c r="AZ15" s="199">
        <v>509</v>
      </c>
      <c r="BA15" s="194">
        <v>0</v>
      </c>
      <c r="BB15" s="195">
        <v>0</v>
      </c>
      <c r="BC15" s="195">
        <v>0</v>
      </c>
      <c r="BD15" s="196">
        <v>2</v>
      </c>
      <c r="BE15" s="197">
        <v>2</v>
      </c>
      <c r="BF15" s="197">
        <v>4</v>
      </c>
      <c r="BG15" s="197">
        <v>0</v>
      </c>
      <c r="BH15" s="195">
        <v>0</v>
      </c>
      <c r="BI15" s="198">
        <v>8</v>
      </c>
      <c r="BJ15" s="200">
        <v>8</v>
      </c>
      <c r="BK15" s="201">
        <v>0</v>
      </c>
      <c r="BL15" s="195">
        <v>0</v>
      </c>
      <c r="BM15" s="195">
        <v>0</v>
      </c>
      <c r="BN15" s="196">
        <v>0</v>
      </c>
      <c r="BO15" s="197">
        <v>0</v>
      </c>
      <c r="BP15" s="197">
        <v>0</v>
      </c>
      <c r="BQ15" s="197">
        <v>0</v>
      </c>
      <c r="BR15" s="195">
        <v>1</v>
      </c>
      <c r="BS15" s="198">
        <v>1</v>
      </c>
      <c r="BT15" s="199">
        <v>1</v>
      </c>
      <c r="BU15" s="194">
        <v>0</v>
      </c>
      <c r="BV15" s="195">
        <v>0</v>
      </c>
      <c r="BW15" s="195">
        <v>0</v>
      </c>
      <c r="BX15" s="196">
        <v>0</v>
      </c>
      <c r="BY15" s="197">
        <v>0</v>
      </c>
      <c r="BZ15" s="197">
        <v>0</v>
      </c>
      <c r="CA15" s="197">
        <v>0</v>
      </c>
      <c r="CB15" s="195">
        <v>1</v>
      </c>
      <c r="CC15" s="198">
        <v>1</v>
      </c>
      <c r="CD15" s="200">
        <v>1</v>
      </c>
      <c r="CE15" s="201">
        <v>0</v>
      </c>
      <c r="CF15" s="195">
        <v>0</v>
      </c>
      <c r="CG15" s="195">
        <v>0</v>
      </c>
      <c r="CH15" s="196">
        <v>0</v>
      </c>
      <c r="CI15" s="197">
        <v>0</v>
      </c>
      <c r="CJ15" s="197">
        <v>0</v>
      </c>
      <c r="CK15" s="197">
        <v>0</v>
      </c>
      <c r="CL15" s="195">
        <v>0</v>
      </c>
      <c r="CM15" s="198">
        <v>0</v>
      </c>
      <c r="CN15" s="200">
        <v>0</v>
      </c>
      <c r="CO15" s="201">
        <v>0</v>
      </c>
      <c r="CP15" s="195">
        <v>0</v>
      </c>
      <c r="CQ15" s="195">
        <v>0</v>
      </c>
      <c r="CR15" s="196">
        <v>4</v>
      </c>
      <c r="CS15" s="197">
        <v>6</v>
      </c>
      <c r="CT15" s="197">
        <v>5</v>
      </c>
      <c r="CU15" s="197">
        <v>7</v>
      </c>
      <c r="CV15" s="195">
        <v>20</v>
      </c>
      <c r="CW15" s="198">
        <v>42</v>
      </c>
      <c r="CX15" s="199">
        <v>42</v>
      </c>
      <c r="CY15" s="194">
        <v>0</v>
      </c>
      <c r="CZ15" s="195">
        <v>0</v>
      </c>
      <c r="DA15" s="195">
        <v>0</v>
      </c>
      <c r="DB15" s="196">
        <v>3</v>
      </c>
      <c r="DC15" s="197">
        <v>6</v>
      </c>
      <c r="DD15" s="197">
        <v>5</v>
      </c>
      <c r="DE15" s="197">
        <v>7</v>
      </c>
      <c r="DF15" s="195">
        <v>17</v>
      </c>
      <c r="DG15" s="198">
        <v>38</v>
      </c>
      <c r="DH15" s="200">
        <v>38</v>
      </c>
      <c r="DI15" s="201">
        <v>0</v>
      </c>
      <c r="DJ15" s="195">
        <v>0</v>
      </c>
      <c r="DK15" s="195">
        <v>0</v>
      </c>
      <c r="DL15" s="196">
        <v>1</v>
      </c>
      <c r="DM15" s="197">
        <v>0</v>
      </c>
      <c r="DN15" s="197">
        <v>0</v>
      </c>
      <c r="DO15" s="197">
        <v>0</v>
      </c>
      <c r="DP15" s="195">
        <v>3</v>
      </c>
      <c r="DQ15" s="198">
        <v>4</v>
      </c>
      <c r="DR15" s="200">
        <v>4</v>
      </c>
      <c r="DS15" s="201">
        <v>0</v>
      </c>
      <c r="DT15" s="195">
        <v>0</v>
      </c>
      <c r="DU15" s="195">
        <v>0</v>
      </c>
      <c r="DV15" s="196">
        <v>81</v>
      </c>
      <c r="DW15" s="197">
        <v>108</v>
      </c>
      <c r="DX15" s="197">
        <v>354</v>
      </c>
      <c r="DY15" s="197">
        <v>508</v>
      </c>
      <c r="DZ15" s="195">
        <v>264</v>
      </c>
      <c r="EA15" s="198">
        <v>1315</v>
      </c>
      <c r="EB15" s="200">
        <v>1315</v>
      </c>
      <c r="EC15" s="37"/>
    </row>
    <row r="16" spans="2:133" ht="20.25" customHeight="1" x14ac:dyDescent="0.2">
      <c r="B16" s="62" t="s">
        <v>12</v>
      </c>
      <c r="C16" s="194">
        <v>0</v>
      </c>
      <c r="D16" s="195">
        <v>0</v>
      </c>
      <c r="E16" s="195">
        <v>0</v>
      </c>
      <c r="F16" s="196">
        <v>2</v>
      </c>
      <c r="G16" s="197">
        <v>17</v>
      </c>
      <c r="H16" s="197">
        <v>181</v>
      </c>
      <c r="I16" s="197">
        <v>308</v>
      </c>
      <c r="J16" s="195">
        <v>236</v>
      </c>
      <c r="K16" s="198">
        <v>744</v>
      </c>
      <c r="L16" s="199">
        <v>744</v>
      </c>
      <c r="M16" s="194">
        <v>0</v>
      </c>
      <c r="N16" s="195">
        <v>0</v>
      </c>
      <c r="O16" s="198">
        <v>0</v>
      </c>
      <c r="P16" s="196">
        <v>2</v>
      </c>
      <c r="Q16" s="197">
        <v>17</v>
      </c>
      <c r="R16" s="197">
        <v>181</v>
      </c>
      <c r="S16" s="197">
        <v>308</v>
      </c>
      <c r="T16" s="195">
        <v>230</v>
      </c>
      <c r="U16" s="198">
        <v>738</v>
      </c>
      <c r="V16" s="200">
        <v>738</v>
      </c>
      <c r="W16" s="201">
        <v>0</v>
      </c>
      <c r="X16" s="195">
        <v>0</v>
      </c>
      <c r="Y16" s="198">
        <v>0</v>
      </c>
      <c r="Z16" s="201">
        <v>0</v>
      </c>
      <c r="AA16" s="197">
        <v>0</v>
      </c>
      <c r="AB16" s="197">
        <v>0</v>
      </c>
      <c r="AC16" s="197">
        <v>0</v>
      </c>
      <c r="AD16" s="195">
        <v>6</v>
      </c>
      <c r="AE16" s="198">
        <v>6</v>
      </c>
      <c r="AF16" s="202">
        <v>6</v>
      </c>
      <c r="AG16" s="201">
        <v>0</v>
      </c>
      <c r="AH16" s="195">
        <v>0</v>
      </c>
      <c r="AI16" s="198">
        <v>0</v>
      </c>
      <c r="AJ16" s="201">
        <v>42</v>
      </c>
      <c r="AK16" s="197">
        <v>80</v>
      </c>
      <c r="AL16" s="197">
        <v>164</v>
      </c>
      <c r="AM16" s="197">
        <v>166</v>
      </c>
      <c r="AN16" s="195">
        <v>69</v>
      </c>
      <c r="AO16" s="198">
        <v>521</v>
      </c>
      <c r="AP16" s="202">
        <v>521</v>
      </c>
      <c r="AQ16" s="201">
        <v>0</v>
      </c>
      <c r="AR16" s="195">
        <v>0</v>
      </c>
      <c r="AS16" s="198">
        <v>0</v>
      </c>
      <c r="AT16" s="196">
        <v>42</v>
      </c>
      <c r="AU16" s="197">
        <v>79</v>
      </c>
      <c r="AV16" s="197">
        <v>162</v>
      </c>
      <c r="AW16" s="197">
        <v>163</v>
      </c>
      <c r="AX16" s="195">
        <v>69</v>
      </c>
      <c r="AY16" s="198">
        <v>515</v>
      </c>
      <c r="AZ16" s="199">
        <v>515</v>
      </c>
      <c r="BA16" s="194">
        <v>0</v>
      </c>
      <c r="BB16" s="195">
        <v>0</v>
      </c>
      <c r="BC16" s="195">
        <v>0</v>
      </c>
      <c r="BD16" s="196">
        <v>0</v>
      </c>
      <c r="BE16" s="197">
        <v>1</v>
      </c>
      <c r="BF16" s="197">
        <v>2</v>
      </c>
      <c r="BG16" s="197">
        <v>3</v>
      </c>
      <c r="BH16" s="195">
        <v>0</v>
      </c>
      <c r="BI16" s="198">
        <v>6</v>
      </c>
      <c r="BJ16" s="200">
        <v>6</v>
      </c>
      <c r="BK16" s="201">
        <v>0</v>
      </c>
      <c r="BL16" s="195">
        <v>0</v>
      </c>
      <c r="BM16" s="195">
        <v>0</v>
      </c>
      <c r="BN16" s="196">
        <v>0</v>
      </c>
      <c r="BO16" s="197">
        <v>0</v>
      </c>
      <c r="BP16" s="197">
        <v>0</v>
      </c>
      <c r="BQ16" s="197">
        <v>0</v>
      </c>
      <c r="BR16" s="195">
        <v>2</v>
      </c>
      <c r="BS16" s="198">
        <v>2</v>
      </c>
      <c r="BT16" s="199">
        <v>2</v>
      </c>
      <c r="BU16" s="194">
        <v>0</v>
      </c>
      <c r="BV16" s="195">
        <v>0</v>
      </c>
      <c r="BW16" s="195">
        <v>0</v>
      </c>
      <c r="BX16" s="196">
        <v>0</v>
      </c>
      <c r="BY16" s="197">
        <v>0</v>
      </c>
      <c r="BZ16" s="197">
        <v>0</v>
      </c>
      <c r="CA16" s="197">
        <v>0</v>
      </c>
      <c r="CB16" s="195">
        <v>2</v>
      </c>
      <c r="CC16" s="198">
        <v>2</v>
      </c>
      <c r="CD16" s="200">
        <v>2</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1</v>
      </c>
      <c r="CT16" s="197">
        <v>2</v>
      </c>
      <c r="CU16" s="197">
        <v>15</v>
      </c>
      <c r="CV16" s="195">
        <v>11</v>
      </c>
      <c r="CW16" s="198">
        <v>29</v>
      </c>
      <c r="CX16" s="199">
        <v>29</v>
      </c>
      <c r="CY16" s="194">
        <v>0</v>
      </c>
      <c r="CZ16" s="195">
        <v>0</v>
      </c>
      <c r="DA16" s="195">
        <v>0</v>
      </c>
      <c r="DB16" s="196">
        <v>0</v>
      </c>
      <c r="DC16" s="197">
        <v>1</v>
      </c>
      <c r="DD16" s="197">
        <v>2</v>
      </c>
      <c r="DE16" s="197">
        <v>15</v>
      </c>
      <c r="DF16" s="195">
        <v>11</v>
      </c>
      <c r="DG16" s="198">
        <v>29</v>
      </c>
      <c r="DH16" s="200">
        <v>29</v>
      </c>
      <c r="DI16" s="201">
        <v>0</v>
      </c>
      <c r="DJ16" s="195">
        <v>0</v>
      </c>
      <c r="DK16" s="195">
        <v>0</v>
      </c>
      <c r="DL16" s="196">
        <v>0</v>
      </c>
      <c r="DM16" s="197">
        <v>0</v>
      </c>
      <c r="DN16" s="197">
        <v>0</v>
      </c>
      <c r="DO16" s="197">
        <v>0</v>
      </c>
      <c r="DP16" s="195">
        <v>0</v>
      </c>
      <c r="DQ16" s="198">
        <v>0</v>
      </c>
      <c r="DR16" s="200">
        <v>0</v>
      </c>
      <c r="DS16" s="201">
        <v>0</v>
      </c>
      <c r="DT16" s="195">
        <v>0</v>
      </c>
      <c r="DU16" s="195">
        <v>0</v>
      </c>
      <c r="DV16" s="196">
        <v>44</v>
      </c>
      <c r="DW16" s="197">
        <v>98</v>
      </c>
      <c r="DX16" s="197">
        <v>345</v>
      </c>
      <c r="DY16" s="197">
        <v>484</v>
      </c>
      <c r="DZ16" s="195">
        <v>318</v>
      </c>
      <c r="EA16" s="198">
        <v>1289</v>
      </c>
      <c r="EB16" s="200">
        <v>1289</v>
      </c>
      <c r="EC16" s="37"/>
    </row>
    <row r="17" spans="2:133" ht="20.25" customHeight="1" x14ac:dyDescent="0.2">
      <c r="B17" s="62" t="s">
        <v>13</v>
      </c>
      <c r="C17" s="194">
        <v>0</v>
      </c>
      <c r="D17" s="195">
        <v>0</v>
      </c>
      <c r="E17" s="195">
        <v>0</v>
      </c>
      <c r="F17" s="196">
        <v>3</v>
      </c>
      <c r="G17" s="197">
        <v>1</v>
      </c>
      <c r="H17" s="197">
        <v>70</v>
      </c>
      <c r="I17" s="197">
        <v>144</v>
      </c>
      <c r="J17" s="195">
        <v>114</v>
      </c>
      <c r="K17" s="198">
        <v>332</v>
      </c>
      <c r="L17" s="199">
        <v>332</v>
      </c>
      <c r="M17" s="194">
        <v>0</v>
      </c>
      <c r="N17" s="195">
        <v>0</v>
      </c>
      <c r="O17" s="198">
        <v>0</v>
      </c>
      <c r="P17" s="196">
        <v>3</v>
      </c>
      <c r="Q17" s="197">
        <v>1</v>
      </c>
      <c r="R17" s="197">
        <v>69</v>
      </c>
      <c r="S17" s="197">
        <v>144</v>
      </c>
      <c r="T17" s="195">
        <v>114</v>
      </c>
      <c r="U17" s="198">
        <v>331</v>
      </c>
      <c r="V17" s="200">
        <v>331</v>
      </c>
      <c r="W17" s="201">
        <v>0</v>
      </c>
      <c r="X17" s="195">
        <v>0</v>
      </c>
      <c r="Y17" s="198">
        <v>0</v>
      </c>
      <c r="Z17" s="201">
        <v>0</v>
      </c>
      <c r="AA17" s="197">
        <v>0</v>
      </c>
      <c r="AB17" s="197">
        <v>1</v>
      </c>
      <c r="AC17" s="197">
        <v>0</v>
      </c>
      <c r="AD17" s="195">
        <v>0</v>
      </c>
      <c r="AE17" s="198">
        <v>1</v>
      </c>
      <c r="AF17" s="202">
        <v>1</v>
      </c>
      <c r="AG17" s="201">
        <v>0</v>
      </c>
      <c r="AH17" s="195">
        <v>0</v>
      </c>
      <c r="AI17" s="198">
        <v>0</v>
      </c>
      <c r="AJ17" s="201">
        <v>13</v>
      </c>
      <c r="AK17" s="197">
        <v>27</v>
      </c>
      <c r="AL17" s="197">
        <v>37</v>
      </c>
      <c r="AM17" s="197">
        <v>25</v>
      </c>
      <c r="AN17" s="195">
        <v>20</v>
      </c>
      <c r="AO17" s="198">
        <v>122</v>
      </c>
      <c r="AP17" s="202">
        <v>122</v>
      </c>
      <c r="AQ17" s="201">
        <v>0</v>
      </c>
      <c r="AR17" s="195">
        <v>0</v>
      </c>
      <c r="AS17" s="198">
        <v>0</v>
      </c>
      <c r="AT17" s="196">
        <v>13</v>
      </c>
      <c r="AU17" s="197">
        <v>27</v>
      </c>
      <c r="AV17" s="197">
        <v>34</v>
      </c>
      <c r="AW17" s="197">
        <v>25</v>
      </c>
      <c r="AX17" s="195">
        <v>19</v>
      </c>
      <c r="AY17" s="198">
        <v>118</v>
      </c>
      <c r="AZ17" s="199">
        <v>118</v>
      </c>
      <c r="BA17" s="194">
        <v>0</v>
      </c>
      <c r="BB17" s="195">
        <v>0</v>
      </c>
      <c r="BC17" s="195">
        <v>0</v>
      </c>
      <c r="BD17" s="196">
        <v>0</v>
      </c>
      <c r="BE17" s="197">
        <v>0</v>
      </c>
      <c r="BF17" s="197">
        <v>3</v>
      </c>
      <c r="BG17" s="197">
        <v>0</v>
      </c>
      <c r="BH17" s="195">
        <v>1</v>
      </c>
      <c r="BI17" s="198">
        <v>4</v>
      </c>
      <c r="BJ17" s="200">
        <v>4</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0</v>
      </c>
      <c r="CW17" s="198">
        <v>0</v>
      </c>
      <c r="CX17" s="199">
        <v>0</v>
      </c>
      <c r="CY17" s="194">
        <v>0</v>
      </c>
      <c r="CZ17" s="195">
        <v>0</v>
      </c>
      <c r="DA17" s="195">
        <v>0</v>
      </c>
      <c r="DB17" s="196">
        <v>0</v>
      </c>
      <c r="DC17" s="197">
        <v>0</v>
      </c>
      <c r="DD17" s="197">
        <v>0</v>
      </c>
      <c r="DE17" s="197">
        <v>0</v>
      </c>
      <c r="DF17" s="195">
        <v>0</v>
      </c>
      <c r="DG17" s="198">
        <v>0</v>
      </c>
      <c r="DH17" s="200">
        <v>0</v>
      </c>
      <c r="DI17" s="201">
        <v>0</v>
      </c>
      <c r="DJ17" s="195">
        <v>0</v>
      </c>
      <c r="DK17" s="195">
        <v>0</v>
      </c>
      <c r="DL17" s="196">
        <v>0</v>
      </c>
      <c r="DM17" s="197">
        <v>0</v>
      </c>
      <c r="DN17" s="197">
        <v>0</v>
      </c>
      <c r="DO17" s="197">
        <v>0</v>
      </c>
      <c r="DP17" s="195">
        <v>0</v>
      </c>
      <c r="DQ17" s="198">
        <v>0</v>
      </c>
      <c r="DR17" s="200">
        <v>0</v>
      </c>
      <c r="DS17" s="201">
        <v>0</v>
      </c>
      <c r="DT17" s="195">
        <v>0</v>
      </c>
      <c r="DU17" s="195">
        <v>0</v>
      </c>
      <c r="DV17" s="196">
        <v>16</v>
      </c>
      <c r="DW17" s="197">
        <v>28</v>
      </c>
      <c r="DX17" s="197">
        <v>107</v>
      </c>
      <c r="DY17" s="197">
        <v>169</v>
      </c>
      <c r="DZ17" s="195">
        <v>134</v>
      </c>
      <c r="EA17" s="198">
        <v>454</v>
      </c>
      <c r="EB17" s="200">
        <v>454</v>
      </c>
      <c r="EC17" s="37"/>
    </row>
    <row r="18" spans="2:133" ht="20.25" customHeight="1" x14ac:dyDescent="0.2">
      <c r="B18" s="62" t="s">
        <v>15</v>
      </c>
      <c r="C18" s="194">
        <v>0</v>
      </c>
      <c r="D18" s="195">
        <v>0</v>
      </c>
      <c r="E18" s="195">
        <v>0</v>
      </c>
      <c r="F18" s="196">
        <v>0</v>
      </c>
      <c r="G18" s="197">
        <v>1</v>
      </c>
      <c r="H18" s="197">
        <v>85</v>
      </c>
      <c r="I18" s="197">
        <v>134</v>
      </c>
      <c r="J18" s="195">
        <v>76</v>
      </c>
      <c r="K18" s="198">
        <v>296</v>
      </c>
      <c r="L18" s="199">
        <v>296</v>
      </c>
      <c r="M18" s="194">
        <v>0</v>
      </c>
      <c r="N18" s="195">
        <v>0</v>
      </c>
      <c r="O18" s="198">
        <v>0</v>
      </c>
      <c r="P18" s="196">
        <v>0</v>
      </c>
      <c r="Q18" s="197">
        <v>1</v>
      </c>
      <c r="R18" s="197">
        <v>85</v>
      </c>
      <c r="S18" s="197">
        <v>133</v>
      </c>
      <c r="T18" s="195">
        <v>74</v>
      </c>
      <c r="U18" s="198">
        <v>293</v>
      </c>
      <c r="V18" s="200">
        <v>293</v>
      </c>
      <c r="W18" s="201">
        <v>0</v>
      </c>
      <c r="X18" s="195">
        <v>0</v>
      </c>
      <c r="Y18" s="198">
        <v>0</v>
      </c>
      <c r="Z18" s="201">
        <v>0</v>
      </c>
      <c r="AA18" s="197">
        <v>0</v>
      </c>
      <c r="AB18" s="197">
        <v>0</v>
      </c>
      <c r="AC18" s="197">
        <v>1</v>
      </c>
      <c r="AD18" s="195">
        <v>2</v>
      </c>
      <c r="AE18" s="198">
        <v>3</v>
      </c>
      <c r="AF18" s="202">
        <v>3</v>
      </c>
      <c r="AG18" s="201">
        <v>0</v>
      </c>
      <c r="AH18" s="195">
        <v>0</v>
      </c>
      <c r="AI18" s="198">
        <v>0</v>
      </c>
      <c r="AJ18" s="201">
        <v>29</v>
      </c>
      <c r="AK18" s="197">
        <v>35</v>
      </c>
      <c r="AL18" s="197">
        <v>43</v>
      </c>
      <c r="AM18" s="197">
        <v>52</v>
      </c>
      <c r="AN18" s="195">
        <v>27</v>
      </c>
      <c r="AO18" s="198">
        <v>186</v>
      </c>
      <c r="AP18" s="202">
        <v>186</v>
      </c>
      <c r="AQ18" s="201">
        <v>0</v>
      </c>
      <c r="AR18" s="195">
        <v>0</v>
      </c>
      <c r="AS18" s="198">
        <v>0</v>
      </c>
      <c r="AT18" s="196">
        <v>28</v>
      </c>
      <c r="AU18" s="197">
        <v>35</v>
      </c>
      <c r="AV18" s="197">
        <v>43</v>
      </c>
      <c r="AW18" s="197">
        <v>50</v>
      </c>
      <c r="AX18" s="195">
        <v>26</v>
      </c>
      <c r="AY18" s="198">
        <v>182</v>
      </c>
      <c r="AZ18" s="199">
        <v>182</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1</v>
      </c>
      <c r="BS18" s="198">
        <v>1</v>
      </c>
      <c r="BT18" s="199">
        <v>1</v>
      </c>
      <c r="BU18" s="194">
        <v>0</v>
      </c>
      <c r="BV18" s="195">
        <v>0</v>
      </c>
      <c r="BW18" s="195">
        <v>0</v>
      </c>
      <c r="BX18" s="196">
        <v>0</v>
      </c>
      <c r="BY18" s="197">
        <v>0</v>
      </c>
      <c r="BZ18" s="197">
        <v>0</v>
      </c>
      <c r="CA18" s="197">
        <v>0</v>
      </c>
      <c r="CB18" s="195">
        <v>1</v>
      </c>
      <c r="CC18" s="198">
        <v>1</v>
      </c>
      <c r="CD18" s="200">
        <v>1</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9</v>
      </c>
      <c r="DW18" s="197">
        <v>36</v>
      </c>
      <c r="DX18" s="197">
        <v>128</v>
      </c>
      <c r="DY18" s="197">
        <v>185</v>
      </c>
      <c r="DZ18" s="195">
        <v>104</v>
      </c>
      <c r="EA18" s="198">
        <v>482</v>
      </c>
      <c r="EB18" s="200">
        <v>482</v>
      </c>
      <c r="EC18" s="37"/>
    </row>
    <row r="19" spans="2:133" ht="20.25" customHeight="1" x14ac:dyDescent="0.2">
      <c r="B19" s="62" t="s">
        <v>16</v>
      </c>
      <c r="C19" s="194">
        <v>0</v>
      </c>
      <c r="D19" s="195">
        <v>0</v>
      </c>
      <c r="E19" s="195">
        <v>0</v>
      </c>
      <c r="F19" s="196">
        <v>7</v>
      </c>
      <c r="G19" s="197">
        <v>22</v>
      </c>
      <c r="H19" s="197">
        <v>186</v>
      </c>
      <c r="I19" s="197">
        <v>268</v>
      </c>
      <c r="J19" s="195">
        <v>188</v>
      </c>
      <c r="K19" s="198">
        <v>671</v>
      </c>
      <c r="L19" s="199">
        <v>671</v>
      </c>
      <c r="M19" s="194">
        <v>0</v>
      </c>
      <c r="N19" s="195">
        <v>0</v>
      </c>
      <c r="O19" s="198">
        <v>0</v>
      </c>
      <c r="P19" s="196">
        <v>7</v>
      </c>
      <c r="Q19" s="197">
        <v>22</v>
      </c>
      <c r="R19" s="197">
        <v>186</v>
      </c>
      <c r="S19" s="197">
        <v>266</v>
      </c>
      <c r="T19" s="195">
        <v>183</v>
      </c>
      <c r="U19" s="198">
        <v>664</v>
      </c>
      <c r="V19" s="200">
        <v>664</v>
      </c>
      <c r="W19" s="201">
        <v>0</v>
      </c>
      <c r="X19" s="195">
        <v>0</v>
      </c>
      <c r="Y19" s="198">
        <v>0</v>
      </c>
      <c r="Z19" s="201">
        <v>0</v>
      </c>
      <c r="AA19" s="197">
        <v>0</v>
      </c>
      <c r="AB19" s="197">
        <v>0</v>
      </c>
      <c r="AC19" s="197">
        <v>2</v>
      </c>
      <c r="AD19" s="195">
        <v>5</v>
      </c>
      <c r="AE19" s="198">
        <v>7</v>
      </c>
      <c r="AF19" s="202">
        <v>7</v>
      </c>
      <c r="AG19" s="201">
        <v>0</v>
      </c>
      <c r="AH19" s="195">
        <v>0</v>
      </c>
      <c r="AI19" s="198">
        <v>0</v>
      </c>
      <c r="AJ19" s="201">
        <v>67</v>
      </c>
      <c r="AK19" s="197">
        <v>95</v>
      </c>
      <c r="AL19" s="197">
        <v>122</v>
      </c>
      <c r="AM19" s="197">
        <v>136</v>
      </c>
      <c r="AN19" s="195">
        <v>49</v>
      </c>
      <c r="AO19" s="198">
        <v>469</v>
      </c>
      <c r="AP19" s="202">
        <v>469</v>
      </c>
      <c r="AQ19" s="201">
        <v>0</v>
      </c>
      <c r="AR19" s="195">
        <v>0</v>
      </c>
      <c r="AS19" s="198">
        <v>0</v>
      </c>
      <c r="AT19" s="196">
        <v>67</v>
      </c>
      <c r="AU19" s="197">
        <v>94</v>
      </c>
      <c r="AV19" s="197">
        <v>121</v>
      </c>
      <c r="AW19" s="197">
        <v>135</v>
      </c>
      <c r="AX19" s="195">
        <v>48</v>
      </c>
      <c r="AY19" s="198">
        <v>465</v>
      </c>
      <c r="AZ19" s="199">
        <v>465</v>
      </c>
      <c r="BA19" s="194">
        <v>0</v>
      </c>
      <c r="BB19" s="195">
        <v>0</v>
      </c>
      <c r="BC19" s="195">
        <v>0</v>
      </c>
      <c r="BD19" s="196">
        <v>0</v>
      </c>
      <c r="BE19" s="197">
        <v>1</v>
      </c>
      <c r="BF19" s="197">
        <v>1</v>
      </c>
      <c r="BG19" s="197">
        <v>1</v>
      </c>
      <c r="BH19" s="195">
        <v>1</v>
      </c>
      <c r="BI19" s="198">
        <v>4</v>
      </c>
      <c r="BJ19" s="200">
        <v>4</v>
      </c>
      <c r="BK19" s="201">
        <v>0</v>
      </c>
      <c r="BL19" s="195">
        <v>0</v>
      </c>
      <c r="BM19" s="195">
        <v>0</v>
      </c>
      <c r="BN19" s="196">
        <v>0</v>
      </c>
      <c r="BO19" s="197">
        <v>0</v>
      </c>
      <c r="BP19" s="197">
        <v>0</v>
      </c>
      <c r="BQ19" s="197">
        <v>0</v>
      </c>
      <c r="BR19" s="195">
        <v>2</v>
      </c>
      <c r="BS19" s="198">
        <v>2</v>
      </c>
      <c r="BT19" s="199">
        <v>2</v>
      </c>
      <c r="BU19" s="194">
        <v>0</v>
      </c>
      <c r="BV19" s="195">
        <v>0</v>
      </c>
      <c r="BW19" s="195">
        <v>0</v>
      </c>
      <c r="BX19" s="196">
        <v>0</v>
      </c>
      <c r="BY19" s="197">
        <v>0</v>
      </c>
      <c r="BZ19" s="197">
        <v>0</v>
      </c>
      <c r="CA19" s="197">
        <v>0</v>
      </c>
      <c r="CB19" s="195">
        <v>2</v>
      </c>
      <c r="CC19" s="198">
        <v>2</v>
      </c>
      <c r="CD19" s="200">
        <v>2</v>
      </c>
      <c r="CE19" s="201">
        <v>0</v>
      </c>
      <c r="CF19" s="195">
        <v>0</v>
      </c>
      <c r="CG19" s="195">
        <v>0</v>
      </c>
      <c r="CH19" s="196">
        <v>0</v>
      </c>
      <c r="CI19" s="197">
        <v>0</v>
      </c>
      <c r="CJ19" s="197">
        <v>0</v>
      </c>
      <c r="CK19" s="197">
        <v>0</v>
      </c>
      <c r="CL19" s="195">
        <v>0</v>
      </c>
      <c r="CM19" s="198">
        <v>0</v>
      </c>
      <c r="CN19" s="200">
        <v>0</v>
      </c>
      <c r="CO19" s="201">
        <v>0</v>
      </c>
      <c r="CP19" s="195">
        <v>0</v>
      </c>
      <c r="CQ19" s="195">
        <v>0</v>
      </c>
      <c r="CR19" s="196">
        <v>0</v>
      </c>
      <c r="CS19" s="197">
        <v>0</v>
      </c>
      <c r="CT19" s="197">
        <v>5</v>
      </c>
      <c r="CU19" s="197">
        <v>15</v>
      </c>
      <c r="CV19" s="195">
        <v>17</v>
      </c>
      <c r="CW19" s="198">
        <v>37</v>
      </c>
      <c r="CX19" s="199">
        <v>37</v>
      </c>
      <c r="CY19" s="194">
        <v>0</v>
      </c>
      <c r="CZ19" s="195">
        <v>0</v>
      </c>
      <c r="DA19" s="195">
        <v>0</v>
      </c>
      <c r="DB19" s="196">
        <v>0</v>
      </c>
      <c r="DC19" s="197">
        <v>0</v>
      </c>
      <c r="DD19" s="197">
        <v>5</v>
      </c>
      <c r="DE19" s="197">
        <v>15</v>
      </c>
      <c r="DF19" s="195">
        <v>17</v>
      </c>
      <c r="DG19" s="198">
        <v>37</v>
      </c>
      <c r="DH19" s="200">
        <v>37</v>
      </c>
      <c r="DI19" s="201">
        <v>0</v>
      </c>
      <c r="DJ19" s="195">
        <v>0</v>
      </c>
      <c r="DK19" s="195">
        <v>0</v>
      </c>
      <c r="DL19" s="196">
        <v>0</v>
      </c>
      <c r="DM19" s="197">
        <v>0</v>
      </c>
      <c r="DN19" s="197">
        <v>0</v>
      </c>
      <c r="DO19" s="197">
        <v>0</v>
      </c>
      <c r="DP19" s="195">
        <v>0</v>
      </c>
      <c r="DQ19" s="198">
        <v>0</v>
      </c>
      <c r="DR19" s="200">
        <v>0</v>
      </c>
      <c r="DS19" s="201">
        <v>0</v>
      </c>
      <c r="DT19" s="195">
        <v>0</v>
      </c>
      <c r="DU19" s="195">
        <v>0</v>
      </c>
      <c r="DV19" s="196">
        <v>74</v>
      </c>
      <c r="DW19" s="197">
        <v>117</v>
      </c>
      <c r="DX19" s="197">
        <v>312</v>
      </c>
      <c r="DY19" s="197">
        <v>415</v>
      </c>
      <c r="DZ19" s="195">
        <v>254</v>
      </c>
      <c r="EA19" s="198">
        <v>1172</v>
      </c>
      <c r="EB19" s="200">
        <v>1172</v>
      </c>
      <c r="EC19" s="37"/>
    </row>
    <row r="20" spans="2:133" ht="20.25" customHeight="1" x14ac:dyDescent="0.2">
      <c r="B20" s="62" t="s">
        <v>17</v>
      </c>
      <c r="C20" s="194">
        <v>0</v>
      </c>
      <c r="D20" s="195">
        <v>0</v>
      </c>
      <c r="E20" s="195">
        <v>0</v>
      </c>
      <c r="F20" s="196">
        <v>5</v>
      </c>
      <c r="G20" s="197">
        <v>15</v>
      </c>
      <c r="H20" s="197">
        <v>202</v>
      </c>
      <c r="I20" s="197">
        <v>284</v>
      </c>
      <c r="J20" s="195">
        <v>198</v>
      </c>
      <c r="K20" s="198">
        <v>704</v>
      </c>
      <c r="L20" s="199">
        <v>704</v>
      </c>
      <c r="M20" s="194">
        <v>0</v>
      </c>
      <c r="N20" s="195">
        <v>0</v>
      </c>
      <c r="O20" s="198">
        <v>0</v>
      </c>
      <c r="P20" s="196">
        <v>5</v>
      </c>
      <c r="Q20" s="197">
        <v>15</v>
      </c>
      <c r="R20" s="197">
        <v>201</v>
      </c>
      <c r="S20" s="197">
        <v>283</v>
      </c>
      <c r="T20" s="195">
        <v>196</v>
      </c>
      <c r="U20" s="198">
        <v>700</v>
      </c>
      <c r="V20" s="200">
        <v>700</v>
      </c>
      <c r="W20" s="201">
        <v>0</v>
      </c>
      <c r="X20" s="195">
        <v>0</v>
      </c>
      <c r="Y20" s="198">
        <v>0</v>
      </c>
      <c r="Z20" s="201">
        <v>0</v>
      </c>
      <c r="AA20" s="197">
        <v>0</v>
      </c>
      <c r="AB20" s="197">
        <v>1</v>
      </c>
      <c r="AC20" s="197">
        <v>1</v>
      </c>
      <c r="AD20" s="195">
        <v>2</v>
      </c>
      <c r="AE20" s="198">
        <v>4</v>
      </c>
      <c r="AF20" s="202">
        <v>4</v>
      </c>
      <c r="AG20" s="201">
        <v>0</v>
      </c>
      <c r="AH20" s="195">
        <v>0</v>
      </c>
      <c r="AI20" s="198">
        <v>0</v>
      </c>
      <c r="AJ20" s="201">
        <v>43</v>
      </c>
      <c r="AK20" s="197">
        <v>94</v>
      </c>
      <c r="AL20" s="197">
        <v>136</v>
      </c>
      <c r="AM20" s="197">
        <v>120</v>
      </c>
      <c r="AN20" s="195">
        <v>73</v>
      </c>
      <c r="AO20" s="198">
        <v>466</v>
      </c>
      <c r="AP20" s="202">
        <v>466</v>
      </c>
      <c r="AQ20" s="201">
        <v>0</v>
      </c>
      <c r="AR20" s="195">
        <v>0</v>
      </c>
      <c r="AS20" s="198">
        <v>0</v>
      </c>
      <c r="AT20" s="196">
        <v>41</v>
      </c>
      <c r="AU20" s="197">
        <v>93</v>
      </c>
      <c r="AV20" s="197">
        <v>132</v>
      </c>
      <c r="AW20" s="197">
        <v>116</v>
      </c>
      <c r="AX20" s="195">
        <v>72</v>
      </c>
      <c r="AY20" s="198">
        <v>454</v>
      </c>
      <c r="AZ20" s="199">
        <v>454</v>
      </c>
      <c r="BA20" s="194">
        <v>0</v>
      </c>
      <c r="BB20" s="195">
        <v>0</v>
      </c>
      <c r="BC20" s="195">
        <v>0</v>
      </c>
      <c r="BD20" s="196">
        <v>2</v>
      </c>
      <c r="BE20" s="197">
        <v>1</v>
      </c>
      <c r="BF20" s="197">
        <v>4</v>
      </c>
      <c r="BG20" s="197">
        <v>4</v>
      </c>
      <c r="BH20" s="195">
        <v>1</v>
      </c>
      <c r="BI20" s="198">
        <v>12</v>
      </c>
      <c r="BJ20" s="200">
        <v>12</v>
      </c>
      <c r="BK20" s="201">
        <v>0</v>
      </c>
      <c r="BL20" s="195">
        <v>0</v>
      </c>
      <c r="BM20" s="195">
        <v>0</v>
      </c>
      <c r="BN20" s="196">
        <v>0</v>
      </c>
      <c r="BO20" s="197">
        <v>0</v>
      </c>
      <c r="BP20" s="197">
        <v>1</v>
      </c>
      <c r="BQ20" s="197">
        <v>1</v>
      </c>
      <c r="BR20" s="195">
        <v>3</v>
      </c>
      <c r="BS20" s="198">
        <v>5</v>
      </c>
      <c r="BT20" s="199">
        <v>5</v>
      </c>
      <c r="BU20" s="194">
        <v>0</v>
      </c>
      <c r="BV20" s="195">
        <v>0</v>
      </c>
      <c r="BW20" s="195">
        <v>0</v>
      </c>
      <c r="BX20" s="196">
        <v>0</v>
      </c>
      <c r="BY20" s="197">
        <v>0</v>
      </c>
      <c r="BZ20" s="197">
        <v>1</v>
      </c>
      <c r="CA20" s="197">
        <v>1</v>
      </c>
      <c r="CB20" s="195">
        <v>3</v>
      </c>
      <c r="CC20" s="198">
        <v>5</v>
      </c>
      <c r="CD20" s="200">
        <v>5</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2</v>
      </c>
      <c r="CU20" s="197">
        <v>5</v>
      </c>
      <c r="CV20" s="195">
        <v>16</v>
      </c>
      <c r="CW20" s="198">
        <v>23</v>
      </c>
      <c r="CX20" s="199">
        <v>23</v>
      </c>
      <c r="CY20" s="194">
        <v>0</v>
      </c>
      <c r="CZ20" s="195">
        <v>0</v>
      </c>
      <c r="DA20" s="195">
        <v>0</v>
      </c>
      <c r="DB20" s="196">
        <v>0</v>
      </c>
      <c r="DC20" s="197">
        <v>0</v>
      </c>
      <c r="DD20" s="197">
        <v>2</v>
      </c>
      <c r="DE20" s="197">
        <v>5</v>
      </c>
      <c r="DF20" s="195">
        <v>16</v>
      </c>
      <c r="DG20" s="198">
        <v>23</v>
      </c>
      <c r="DH20" s="200">
        <v>23</v>
      </c>
      <c r="DI20" s="201">
        <v>0</v>
      </c>
      <c r="DJ20" s="195">
        <v>0</v>
      </c>
      <c r="DK20" s="195">
        <v>0</v>
      </c>
      <c r="DL20" s="196">
        <v>0</v>
      </c>
      <c r="DM20" s="197">
        <v>0</v>
      </c>
      <c r="DN20" s="197">
        <v>0</v>
      </c>
      <c r="DO20" s="197">
        <v>0</v>
      </c>
      <c r="DP20" s="195">
        <v>0</v>
      </c>
      <c r="DQ20" s="198">
        <v>0</v>
      </c>
      <c r="DR20" s="200">
        <v>0</v>
      </c>
      <c r="DS20" s="201">
        <v>0</v>
      </c>
      <c r="DT20" s="195">
        <v>0</v>
      </c>
      <c r="DU20" s="195">
        <v>0</v>
      </c>
      <c r="DV20" s="196">
        <v>48</v>
      </c>
      <c r="DW20" s="197">
        <v>109</v>
      </c>
      <c r="DX20" s="197">
        <v>341</v>
      </c>
      <c r="DY20" s="197">
        <v>410</v>
      </c>
      <c r="DZ20" s="195">
        <v>290</v>
      </c>
      <c r="EA20" s="198">
        <v>1198</v>
      </c>
      <c r="EB20" s="200">
        <v>1198</v>
      </c>
      <c r="EC20" s="37"/>
    </row>
    <row r="21" spans="2:133" ht="20.25" customHeight="1" x14ac:dyDescent="0.2">
      <c r="B21" s="62" t="s">
        <v>18</v>
      </c>
      <c r="C21" s="194">
        <v>0</v>
      </c>
      <c r="D21" s="195">
        <v>0</v>
      </c>
      <c r="E21" s="195">
        <v>0</v>
      </c>
      <c r="F21" s="196">
        <v>5</v>
      </c>
      <c r="G21" s="197">
        <v>13</v>
      </c>
      <c r="H21" s="197">
        <v>157</v>
      </c>
      <c r="I21" s="197">
        <v>345</v>
      </c>
      <c r="J21" s="195">
        <v>253</v>
      </c>
      <c r="K21" s="198">
        <v>773</v>
      </c>
      <c r="L21" s="199">
        <v>773</v>
      </c>
      <c r="M21" s="194">
        <v>0</v>
      </c>
      <c r="N21" s="195">
        <v>0</v>
      </c>
      <c r="O21" s="198">
        <v>0</v>
      </c>
      <c r="P21" s="196">
        <v>5</v>
      </c>
      <c r="Q21" s="197">
        <v>13</v>
      </c>
      <c r="R21" s="197">
        <v>154</v>
      </c>
      <c r="S21" s="197">
        <v>343</v>
      </c>
      <c r="T21" s="195">
        <v>249</v>
      </c>
      <c r="U21" s="198">
        <v>764</v>
      </c>
      <c r="V21" s="200">
        <v>764</v>
      </c>
      <c r="W21" s="201">
        <v>0</v>
      </c>
      <c r="X21" s="195">
        <v>0</v>
      </c>
      <c r="Y21" s="198">
        <v>0</v>
      </c>
      <c r="Z21" s="201">
        <v>0</v>
      </c>
      <c r="AA21" s="197">
        <v>0</v>
      </c>
      <c r="AB21" s="197">
        <v>3</v>
      </c>
      <c r="AC21" s="197">
        <v>2</v>
      </c>
      <c r="AD21" s="195">
        <v>4</v>
      </c>
      <c r="AE21" s="198">
        <v>9</v>
      </c>
      <c r="AF21" s="202">
        <v>9</v>
      </c>
      <c r="AG21" s="201">
        <v>0</v>
      </c>
      <c r="AH21" s="195">
        <v>0</v>
      </c>
      <c r="AI21" s="198">
        <v>0</v>
      </c>
      <c r="AJ21" s="201">
        <v>35</v>
      </c>
      <c r="AK21" s="197">
        <v>69</v>
      </c>
      <c r="AL21" s="197">
        <v>100</v>
      </c>
      <c r="AM21" s="197">
        <v>132</v>
      </c>
      <c r="AN21" s="195">
        <v>79</v>
      </c>
      <c r="AO21" s="198">
        <v>415</v>
      </c>
      <c r="AP21" s="202">
        <v>415</v>
      </c>
      <c r="AQ21" s="201">
        <v>0</v>
      </c>
      <c r="AR21" s="195">
        <v>0</v>
      </c>
      <c r="AS21" s="198">
        <v>0</v>
      </c>
      <c r="AT21" s="196">
        <v>34</v>
      </c>
      <c r="AU21" s="197">
        <v>67</v>
      </c>
      <c r="AV21" s="197">
        <v>97</v>
      </c>
      <c r="AW21" s="197">
        <v>131</v>
      </c>
      <c r="AX21" s="195">
        <v>78</v>
      </c>
      <c r="AY21" s="198">
        <v>407</v>
      </c>
      <c r="AZ21" s="199">
        <v>407</v>
      </c>
      <c r="BA21" s="194">
        <v>0</v>
      </c>
      <c r="BB21" s="195">
        <v>0</v>
      </c>
      <c r="BC21" s="195">
        <v>0</v>
      </c>
      <c r="BD21" s="196">
        <v>1</v>
      </c>
      <c r="BE21" s="197">
        <v>2</v>
      </c>
      <c r="BF21" s="197">
        <v>3</v>
      </c>
      <c r="BG21" s="197">
        <v>1</v>
      </c>
      <c r="BH21" s="195">
        <v>1</v>
      </c>
      <c r="BI21" s="198">
        <v>8</v>
      </c>
      <c r="BJ21" s="200">
        <v>8</v>
      </c>
      <c r="BK21" s="201">
        <v>0</v>
      </c>
      <c r="BL21" s="195">
        <v>0</v>
      </c>
      <c r="BM21" s="195">
        <v>0</v>
      </c>
      <c r="BN21" s="196">
        <v>0</v>
      </c>
      <c r="BO21" s="197">
        <v>0</v>
      </c>
      <c r="BP21" s="197">
        <v>0</v>
      </c>
      <c r="BQ21" s="197">
        <v>2</v>
      </c>
      <c r="BR21" s="195">
        <v>9</v>
      </c>
      <c r="BS21" s="198">
        <v>11</v>
      </c>
      <c r="BT21" s="199">
        <v>11</v>
      </c>
      <c r="BU21" s="194">
        <v>0</v>
      </c>
      <c r="BV21" s="195">
        <v>0</v>
      </c>
      <c r="BW21" s="195">
        <v>0</v>
      </c>
      <c r="BX21" s="196">
        <v>0</v>
      </c>
      <c r="BY21" s="197">
        <v>0</v>
      </c>
      <c r="BZ21" s="197">
        <v>0</v>
      </c>
      <c r="CA21" s="197">
        <v>2</v>
      </c>
      <c r="CB21" s="195">
        <v>9</v>
      </c>
      <c r="CC21" s="198">
        <v>11</v>
      </c>
      <c r="CD21" s="200">
        <v>11</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1</v>
      </c>
      <c r="CU21" s="197">
        <v>12</v>
      </c>
      <c r="CV21" s="195">
        <v>18</v>
      </c>
      <c r="CW21" s="198">
        <v>31</v>
      </c>
      <c r="CX21" s="199">
        <v>31</v>
      </c>
      <c r="CY21" s="194">
        <v>0</v>
      </c>
      <c r="CZ21" s="195">
        <v>0</v>
      </c>
      <c r="DA21" s="195">
        <v>0</v>
      </c>
      <c r="DB21" s="196">
        <v>0</v>
      </c>
      <c r="DC21" s="197">
        <v>0</v>
      </c>
      <c r="DD21" s="197">
        <v>1</v>
      </c>
      <c r="DE21" s="197">
        <v>12</v>
      </c>
      <c r="DF21" s="195">
        <v>17</v>
      </c>
      <c r="DG21" s="198">
        <v>30</v>
      </c>
      <c r="DH21" s="200">
        <v>30</v>
      </c>
      <c r="DI21" s="201">
        <v>0</v>
      </c>
      <c r="DJ21" s="195">
        <v>0</v>
      </c>
      <c r="DK21" s="195">
        <v>0</v>
      </c>
      <c r="DL21" s="196">
        <v>0</v>
      </c>
      <c r="DM21" s="197">
        <v>0</v>
      </c>
      <c r="DN21" s="197">
        <v>0</v>
      </c>
      <c r="DO21" s="197">
        <v>0</v>
      </c>
      <c r="DP21" s="195">
        <v>1</v>
      </c>
      <c r="DQ21" s="198">
        <v>1</v>
      </c>
      <c r="DR21" s="200">
        <v>1</v>
      </c>
      <c r="DS21" s="201">
        <v>0</v>
      </c>
      <c r="DT21" s="195">
        <v>0</v>
      </c>
      <c r="DU21" s="195">
        <v>0</v>
      </c>
      <c r="DV21" s="196">
        <v>40</v>
      </c>
      <c r="DW21" s="197">
        <v>82</v>
      </c>
      <c r="DX21" s="197">
        <v>258</v>
      </c>
      <c r="DY21" s="197">
        <v>488</v>
      </c>
      <c r="DZ21" s="195">
        <v>358</v>
      </c>
      <c r="EA21" s="198">
        <v>1226</v>
      </c>
      <c r="EB21" s="200">
        <v>1226</v>
      </c>
      <c r="EC21" s="37"/>
    </row>
    <row r="22" spans="2:133" ht="20.25" customHeight="1" x14ac:dyDescent="0.2">
      <c r="B22" s="62" t="s">
        <v>19</v>
      </c>
      <c r="C22" s="194">
        <v>0</v>
      </c>
      <c r="D22" s="195">
        <v>0</v>
      </c>
      <c r="E22" s="195">
        <v>0</v>
      </c>
      <c r="F22" s="196">
        <v>0</v>
      </c>
      <c r="G22" s="197">
        <v>8</v>
      </c>
      <c r="H22" s="197">
        <v>112</v>
      </c>
      <c r="I22" s="197">
        <v>140</v>
      </c>
      <c r="J22" s="195">
        <v>85</v>
      </c>
      <c r="K22" s="198">
        <v>345</v>
      </c>
      <c r="L22" s="199">
        <v>345</v>
      </c>
      <c r="M22" s="194">
        <v>0</v>
      </c>
      <c r="N22" s="195">
        <v>0</v>
      </c>
      <c r="O22" s="198">
        <v>0</v>
      </c>
      <c r="P22" s="196">
        <v>0</v>
      </c>
      <c r="Q22" s="197">
        <v>8</v>
      </c>
      <c r="R22" s="197">
        <v>111</v>
      </c>
      <c r="S22" s="197">
        <v>140</v>
      </c>
      <c r="T22" s="195">
        <v>85</v>
      </c>
      <c r="U22" s="198">
        <v>344</v>
      </c>
      <c r="V22" s="200">
        <v>344</v>
      </c>
      <c r="W22" s="201">
        <v>0</v>
      </c>
      <c r="X22" s="195">
        <v>0</v>
      </c>
      <c r="Y22" s="198">
        <v>0</v>
      </c>
      <c r="Z22" s="201">
        <v>0</v>
      </c>
      <c r="AA22" s="197">
        <v>0</v>
      </c>
      <c r="AB22" s="197">
        <v>1</v>
      </c>
      <c r="AC22" s="197">
        <v>0</v>
      </c>
      <c r="AD22" s="195">
        <v>0</v>
      </c>
      <c r="AE22" s="198">
        <v>1</v>
      </c>
      <c r="AF22" s="202">
        <v>1</v>
      </c>
      <c r="AG22" s="201">
        <v>0</v>
      </c>
      <c r="AH22" s="195">
        <v>0</v>
      </c>
      <c r="AI22" s="198">
        <v>0</v>
      </c>
      <c r="AJ22" s="201">
        <v>22</v>
      </c>
      <c r="AK22" s="197">
        <v>53</v>
      </c>
      <c r="AL22" s="197">
        <v>67</v>
      </c>
      <c r="AM22" s="197">
        <v>58</v>
      </c>
      <c r="AN22" s="195">
        <v>35</v>
      </c>
      <c r="AO22" s="198">
        <v>235</v>
      </c>
      <c r="AP22" s="202">
        <v>235</v>
      </c>
      <c r="AQ22" s="201">
        <v>0</v>
      </c>
      <c r="AR22" s="195">
        <v>0</v>
      </c>
      <c r="AS22" s="198">
        <v>0</v>
      </c>
      <c r="AT22" s="196">
        <v>22</v>
      </c>
      <c r="AU22" s="197">
        <v>53</v>
      </c>
      <c r="AV22" s="197">
        <v>65</v>
      </c>
      <c r="AW22" s="197">
        <v>57</v>
      </c>
      <c r="AX22" s="195">
        <v>35</v>
      </c>
      <c r="AY22" s="198">
        <v>232</v>
      </c>
      <c r="AZ22" s="199">
        <v>232</v>
      </c>
      <c r="BA22" s="194">
        <v>0</v>
      </c>
      <c r="BB22" s="195">
        <v>0</v>
      </c>
      <c r="BC22" s="195">
        <v>0</v>
      </c>
      <c r="BD22" s="196">
        <v>0</v>
      </c>
      <c r="BE22" s="197">
        <v>0</v>
      </c>
      <c r="BF22" s="197">
        <v>2</v>
      </c>
      <c r="BG22" s="197">
        <v>1</v>
      </c>
      <c r="BH22" s="195">
        <v>0</v>
      </c>
      <c r="BI22" s="198">
        <v>3</v>
      </c>
      <c r="BJ22" s="200">
        <v>3</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3</v>
      </c>
      <c r="CV22" s="195">
        <v>5</v>
      </c>
      <c r="CW22" s="198">
        <v>8</v>
      </c>
      <c r="CX22" s="199">
        <v>8</v>
      </c>
      <c r="CY22" s="194">
        <v>0</v>
      </c>
      <c r="CZ22" s="195">
        <v>0</v>
      </c>
      <c r="DA22" s="195">
        <v>0</v>
      </c>
      <c r="DB22" s="196">
        <v>0</v>
      </c>
      <c r="DC22" s="197">
        <v>0</v>
      </c>
      <c r="DD22" s="197">
        <v>0</v>
      </c>
      <c r="DE22" s="197">
        <v>3</v>
      </c>
      <c r="DF22" s="195">
        <v>4</v>
      </c>
      <c r="DG22" s="198">
        <v>7</v>
      </c>
      <c r="DH22" s="200">
        <v>7</v>
      </c>
      <c r="DI22" s="201">
        <v>0</v>
      </c>
      <c r="DJ22" s="195">
        <v>0</v>
      </c>
      <c r="DK22" s="195">
        <v>0</v>
      </c>
      <c r="DL22" s="196">
        <v>0</v>
      </c>
      <c r="DM22" s="197">
        <v>0</v>
      </c>
      <c r="DN22" s="197">
        <v>0</v>
      </c>
      <c r="DO22" s="197">
        <v>0</v>
      </c>
      <c r="DP22" s="195">
        <v>1</v>
      </c>
      <c r="DQ22" s="198">
        <v>1</v>
      </c>
      <c r="DR22" s="200">
        <v>1</v>
      </c>
      <c r="DS22" s="201">
        <v>0</v>
      </c>
      <c r="DT22" s="195">
        <v>0</v>
      </c>
      <c r="DU22" s="195">
        <v>0</v>
      </c>
      <c r="DV22" s="196">
        <v>22</v>
      </c>
      <c r="DW22" s="197">
        <v>61</v>
      </c>
      <c r="DX22" s="197">
        <v>179</v>
      </c>
      <c r="DY22" s="197">
        <v>200</v>
      </c>
      <c r="DZ22" s="195">
        <v>124</v>
      </c>
      <c r="EA22" s="198">
        <v>586</v>
      </c>
      <c r="EB22" s="200">
        <v>586</v>
      </c>
      <c r="EC22" s="37"/>
    </row>
    <row r="23" spans="2:133" ht="20.25" customHeight="1" x14ac:dyDescent="0.2">
      <c r="B23" s="62" t="s">
        <v>20</v>
      </c>
      <c r="C23" s="194">
        <v>0</v>
      </c>
      <c r="D23" s="195">
        <v>0</v>
      </c>
      <c r="E23" s="195">
        <v>0</v>
      </c>
      <c r="F23" s="196">
        <v>5</v>
      </c>
      <c r="G23" s="197">
        <v>22</v>
      </c>
      <c r="H23" s="197">
        <v>152</v>
      </c>
      <c r="I23" s="197">
        <v>195</v>
      </c>
      <c r="J23" s="195">
        <v>110</v>
      </c>
      <c r="K23" s="198">
        <v>484</v>
      </c>
      <c r="L23" s="199">
        <v>484</v>
      </c>
      <c r="M23" s="194">
        <v>0</v>
      </c>
      <c r="N23" s="195">
        <v>0</v>
      </c>
      <c r="O23" s="198">
        <v>0</v>
      </c>
      <c r="P23" s="196">
        <v>5</v>
      </c>
      <c r="Q23" s="197">
        <v>22</v>
      </c>
      <c r="R23" s="197">
        <v>151</v>
      </c>
      <c r="S23" s="197">
        <v>193</v>
      </c>
      <c r="T23" s="195">
        <v>108</v>
      </c>
      <c r="U23" s="198">
        <v>479</v>
      </c>
      <c r="V23" s="200">
        <v>479</v>
      </c>
      <c r="W23" s="201">
        <v>0</v>
      </c>
      <c r="X23" s="195">
        <v>0</v>
      </c>
      <c r="Y23" s="198">
        <v>0</v>
      </c>
      <c r="Z23" s="201">
        <v>0</v>
      </c>
      <c r="AA23" s="197">
        <v>0</v>
      </c>
      <c r="AB23" s="197">
        <v>1</v>
      </c>
      <c r="AC23" s="197">
        <v>2</v>
      </c>
      <c r="AD23" s="195">
        <v>2</v>
      </c>
      <c r="AE23" s="198">
        <v>5</v>
      </c>
      <c r="AF23" s="202">
        <v>5</v>
      </c>
      <c r="AG23" s="201">
        <v>0</v>
      </c>
      <c r="AH23" s="195">
        <v>0</v>
      </c>
      <c r="AI23" s="198">
        <v>0</v>
      </c>
      <c r="AJ23" s="201">
        <v>22</v>
      </c>
      <c r="AK23" s="197">
        <v>35</v>
      </c>
      <c r="AL23" s="197">
        <v>46</v>
      </c>
      <c r="AM23" s="197">
        <v>49</v>
      </c>
      <c r="AN23" s="195">
        <v>21</v>
      </c>
      <c r="AO23" s="198">
        <v>173</v>
      </c>
      <c r="AP23" s="202">
        <v>173</v>
      </c>
      <c r="AQ23" s="201">
        <v>0</v>
      </c>
      <c r="AR23" s="195">
        <v>0</v>
      </c>
      <c r="AS23" s="198">
        <v>0</v>
      </c>
      <c r="AT23" s="196">
        <v>22</v>
      </c>
      <c r="AU23" s="197">
        <v>35</v>
      </c>
      <c r="AV23" s="197">
        <v>45</v>
      </c>
      <c r="AW23" s="197">
        <v>47</v>
      </c>
      <c r="AX23" s="195">
        <v>21</v>
      </c>
      <c r="AY23" s="198">
        <v>170</v>
      </c>
      <c r="AZ23" s="199">
        <v>170</v>
      </c>
      <c r="BA23" s="194">
        <v>0</v>
      </c>
      <c r="BB23" s="195">
        <v>0</v>
      </c>
      <c r="BC23" s="195">
        <v>0</v>
      </c>
      <c r="BD23" s="196">
        <v>0</v>
      </c>
      <c r="BE23" s="197">
        <v>0</v>
      </c>
      <c r="BF23" s="197">
        <v>1</v>
      </c>
      <c r="BG23" s="197">
        <v>2</v>
      </c>
      <c r="BH23" s="195">
        <v>0</v>
      </c>
      <c r="BI23" s="198">
        <v>3</v>
      </c>
      <c r="BJ23" s="200">
        <v>3</v>
      </c>
      <c r="BK23" s="201">
        <v>0</v>
      </c>
      <c r="BL23" s="195">
        <v>0</v>
      </c>
      <c r="BM23" s="195">
        <v>0</v>
      </c>
      <c r="BN23" s="196">
        <v>0</v>
      </c>
      <c r="BO23" s="197">
        <v>0</v>
      </c>
      <c r="BP23" s="197">
        <v>0</v>
      </c>
      <c r="BQ23" s="197">
        <v>0</v>
      </c>
      <c r="BR23" s="195">
        <v>1</v>
      </c>
      <c r="BS23" s="198">
        <v>1</v>
      </c>
      <c r="BT23" s="199">
        <v>1</v>
      </c>
      <c r="BU23" s="194">
        <v>0</v>
      </c>
      <c r="BV23" s="195">
        <v>0</v>
      </c>
      <c r="BW23" s="195">
        <v>0</v>
      </c>
      <c r="BX23" s="196">
        <v>0</v>
      </c>
      <c r="BY23" s="197">
        <v>0</v>
      </c>
      <c r="BZ23" s="197">
        <v>0</v>
      </c>
      <c r="CA23" s="197">
        <v>0</v>
      </c>
      <c r="CB23" s="195">
        <v>1</v>
      </c>
      <c r="CC23" s="198">
        <v>1</v>
      </c>
      <c r="CD23" s="200">
        <v>1</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1</v>
      </c>
      <c r="CU23" s="197">
        <v>1</v>
      </c>
      <c r="CV23" s="195">
        <v>6</v>
      </c>
      <c r="CW23" s="198">
        <v>8</v>
      </c>
      <c r="CX23" s="199">
        <v>8</v>
      </c>
      <c r="CY23" s="194">
        <v>0</v>
      </c>
      <c r="CZ23" s="195">
        <v>0</v>
      </c>
      <c r="DA23" s="195">
        <v>0</v>
      </c>
      <c r="DB23" s="196">
        <v>0</v>
      </c>
      <c r="DC23" s="197">
        <v>0</v>
      </c>
      <c r="DD23" s="197">
        <v>1</v>
      </c>
      <c r="DE23" s="197">
        <v>1</v>
      </c>
      <c r="DF23" s="195">
        <v>6</v>
      </c>
      <c r="DG23" s="198">
        <v>8</v>
      </c>
      <c r="DH23" s="200">
        <v>8</v>
      </c>
      <c r="DI23" s="201">
        <v>0</v>
      </c>
      <c r="DJ23" s="195">
        <v>0</v>
      </c>
      <c r="DK23" s="195">
        <v>0</v>
      </c>
      <c r="DL23" s="196">
        <v>0</v>
      </c>
      <c r="DM23" s="197">
        <v>0</v>
      </c>
      <c r="DN23" s="197">
        <v>0</v>
      </c>
      <c r="DO23" s="197">
        <v>0</v>
      </c>
      <c r="DP23" s="195">
        <v>0</v>
      </c>
      <c r="DQ23" s="198">
        <v>0</v>
      </c>
      <c r="DR23" s="200">
        <v>0</v>
      </c>
      <c r="DS23" s="201">
        <v>0</v>
      </c>
      <c r="DT23" s="195">
        <v>0</v>
      </c>
      <c r="DU23" s="195">
        <v>0</v>
      </c>
      <c r="DV23" s="196">
        <v>27</v>
      </c>
      <c r="DW23" s="197">
        <v>57</v>
      </c>
      <c r="DX23" s="197">
        <v>198</v>
      </c>
      <c r="DY23" s="197">
        <v>244</v>
      </c>
      <c r="DZ23" s="195">
        <v>138</v>
      </c>
      <c r="EA23" s="198">
        <v>664</v>
      </c>
      <c r="EB23" s="200">
        <v>664</v>
      </c>
      <c r="EC23" s="37"/>
    </row>
    <row r="24" spans="2:133" ht="20.25" customHeight="1" x14ac:dyDescent="0.2">
      <c r="B24" s="62" t="s">
        <v>21</v>
      </c>
      <c r="C24" s="194">
        <v>0</v>
      </c>
      <c r="D24" s="195">
        <v>0</v>
      </c>
      <c r="E24" s="195">
        <v>0</v>
      </c>
      <c r="F24" s="196">
        <v>3</v>
      </c>
      <c r="G24" s="197">
        <v>13</v>
      </c>
      <c r="H24" s="197">
        <v>175</v>
      </c>
      <c r="I24" s="197">
        <v>180</v>
      </c>
      <c r="J24" s="195">
        <v>136</v>
      </c>
      <c r="K24" s="198">
        <v>507</v>
      </c>
      <c r="L24" s="199">
        <v>507</v>
      </c>
      <c r="M24" s="194">
        <v>0</v>
      </c>
      <c r="N24" s="195">
        <v>0</v>
      </c>
      <c r="O24" s="198">
        <v>0</v>
      </c>
      <c r="P24" s="196">
        <v>3</v>
      </c>
      <c r="Q24" s="197">
        <v>13</v>
      </c>
      <c r="R24" s="197">
        <v>174</v>
      </c>
      <c r="S24" s="197">
        <v>180</v>
      </c>
      <c r="T24" s="195">
        <v>134</v>
      </c>
      <c r="U24" s="198">
        <v>504</v>
      </c>
      <c r="V24" s="200">
        <v>504</v>
      </c>
      <c r="W24" s="201">
        <v>0</v>
      </c>
      <c r="X24" s="195">
        <v>0</v>
      </c>
      <c r="Y24" s="198">
        <v>0</v>
      </c>
      <c r="Z24" s="201">
        <v>0</v>
      </c>
      <c r="AA24" s="197">
        <v>0</v>
      </c>
      <c r="AB24" s="197">
        <v>1</v>
      </c>
      <c r="AC24" s="197">
        <v>0</v>
      </c>
      <c r="AD24" s="195">
        <v>2</v>
      </c>
      <c r="AE24" s="198">
        <v>3</v>
      </c>
      <c r="AF24" s="202">
        <v>3</v>
      </c>
      <c r="AG24" s="201">
        <v>0</v>
      </c>
      <c r="AH24" s="195">
        <v>0</v>
      </c>
      <c r="AI24" s="198">
        <v>0</v>
      </c>
      <c r="AJ24" s="201">
        <v>18</v>
      </c>
      <c r="AK24" s="197">
        <v>30</v>
      </c>
      <c r="AL24" s="197">
        <v>33</v>
      </c>
      <c r="AM24" s="197">
        <v>45</v>
      </c>
      <c r="AN24" s="195">
        <v>26</v>
      </c>
      <c r="AO24" s="198">
        <v>152</v>
      </c>
      <c r="AP24" s="202">
        <v>152</v>
      </c>
      <c r="AQ24" s="201">
        <v>0</v>
      </c>
      <c r="AR24" s="195">
        <v>0</v>
      </c>
      <c r="AS24" s="198">
        <v>0</v>
      </c>
      <c r="AT24" s="196">
        <v>18</v>
      </c>
      <c r="AU24" s="197">
        <v>30</v>
      </c>
      <c r="AV24" s="197">
        <v>33</v>
      </c>
      <c r="AW24" s="197">
        <v>43</v>
      </c>
      <c r="AX24" s="195">
        <v>21</v>
      </c>
      <c r="AY24" s="198">
        <v>145</v>
      </c>
      <c r="AZ24" s="199">
        <v>145</v>
      </c>
      <c r="BA24" s="194">
        <v>0</v>
      </c>
      <c r="BB24" s="195">
        <v>0</v>
      </c>
      <c r="BC24" s="195">
        <v>0</v>
      </c>
      <c r="BD24" s="196">
        <v>0</v>
      </c>
      <c r="BE24" s="197">
        <v>0</v>
      </c>
      <c r="BF24" s="197">
        <v>0</v>
      </c>
      <c r="BG24" s="197">
        <v>2</v>
      </c>
      <c r="BH24" s="195">
        <v>5</v>
      </c>
      <c r="BI24" s="198">
        <v>7</v>
      </c>
      <c r="BJ24" s="200">
        <v>7</v>
      </c>
      <c r="BK24" s="201">
        <v>0</v>
      </c>
      <c r="BL24" s="195">
        <v>0</v>
      </c>
      <c r="BM24" s="195">
        <v>0</v>
      </c>
      <c r="BN24" s="196">
        <v>0</v>
      </c>
      <c r="BO24" s="197">
        <v>0</v>
      </c>
      <c r="BP24" s="197">
        <v>1</v>
      </c>
      <c r="BQ24" s="197">
        <v>1</v>
      </c>
      <c r="BR24" s="195">
        <v>2</v>
      </c>
      <c r="BS24" s="198">
        <v>4</v>
      </c>
      <c r="BT24" s="199">
        <v>4</v>
      </c>
      <c r="BU24" s="194">
        <v>0</v>
      </c>
      <c r="BV24" s="195">
        <v>0</v>
      </c>
      <c r="BW24" s="195">
        <v>0</v>
      </c>
      <c r="BX24" s="196">
        <v>0</v>
      </c>
      <c r="BY24" s="197">
        <v>0</v>
      </c>
      <c r="BZ24" s="197">
        <v>1</v>
      </c>
      <c r="CA24" s="197">
        <v>1</v>
      </c>
      <c r="CB24" s="195">
        <v>2</v>
      </c>
      <c r="CC24" s="198">
        <v>4</v>
      </c>
      <c r="CD24" s="200">
        <v>4</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1</v>
      </c>
      <c r="CU24" s="197">
        <v>11</v>
      </c>
      <c r="CV24" s="195">
        <v>11</v>
      </c>
      <c r="CW24" s="198">
        <v>23</v>
      </c>
      <c r="CX24" s="199">
        <v>23</v>
      </c>
      <c r="CY24" s="194">
        <v>0</v>
      </c>
      <c r="CZ24" s="195">
        <v>0</v>
      </c>
      <c r="DA24" s="195">
        <v>0</v>
      </c>
      <c r="DB24" s="196">
        <v>0</v>
      </c>
      <c r="DC24" s="197">
        <v>0</v>
      </c>
      <c r="DD24" s="197">
        <v>1</v>
      </c>
      <c r="DE24" s="197">
        <v>11</v>
      </c>
      <c r="DF24" s="195">
        <v>10</v>
      </c>
      <c r="DG24" s="198">
        <v>22</v>
      </c>
      <c r="DH24" s="200">
        <v>22</v>
      </c>
      <c r="DI24" s="201">
        <v>0</v>
      </c>
      <c r="DJ24" s="195">
        <v>0</v>
      </c>
      <c r="DK24" s="195">
        <v>0</v>
      </c>
      <c r="DL24" s="196">
        <v>0</v>
      </c>
      <c r="DM24" s="197">
        <v>0</v>
      </c>
      <c r="DN24" s="197">
        <v>0</v>
      </c>
      <c r="DO24" s="197">
        <v>0</v>
      </c>
      <c r="DP24" s="195">
        <v>1</v>
      </c>
      <c r="DQ24" s="198">
        <v>1</v>
      </c>
      <c r="DR24" s="200">
        <v>1</v>
      </c>
      <c r="DS24" s="201">
        <v>0</v>
      </c>
      <c r="DT24" s="195">
        <v>0</v>
      </c>
      <c r="DU24" s="195">
        <v>0</v>
      </c>
      <c r="DV24" s="196">
        <v>21</v>
      </c>
      <c r="DW24" s="197">
        <v>43</v>
      </c>
      <c r="DX24" s="197">
        <v>210</v>
      </c>
      <c r="DY24" s="197">
        <v>237</v>
      </c>
      <c r="DZ24" s="195">
        <v>175</v>
      </c>
      <c r="EA24" s="198">
        <v>686</v>
      </c>
      <c r="EB24" s="200">
        <v>686</v>
      </c>
      <c r="EC24" s="37"/>
    </row>
    <row r="25" spans="2:133" ht="20.25" customHeight="1" x14ac:dyDescent="0.2">
      <c r="B25" s="62" t="s">
        <v>22</v>
      </c>
      <c r="C25" s="194">
        <v>0</v>
      </c>
      <c r="D25" s="195">
        <v>0</v>
      </c>
      <c r="E25" s="195">
        <v>0</v>
      </c>
      <c r="F25" s="196">
        <v>2</v>
      </c>
      <c r="G25" s="197">
        <v>4</v>
      </c>
      <c r="H25" s="197">
        <v>42</v>
      </c>
      <c r="I25" s="197">
        <v>58</v>
      </c>
      <c r="J25" s="195">
        <v>32</v>
      </c>
      <c r="K25" s="198">
        <v>138</v>
      </c>
      <c r="L25" s="199">
        <v>138</v>
      </c>
      <c r="M25" s="194">
        <v>0</v>
      </c>
      <c r="N25" s="195">
        <v>0</v>
      </c>
      <c r="O25" s="198">
        <v>0</v>
      </c>
      <c r="P25" s="196">
        <v>2</v>
      </c>
      <c r="Q25" s="197">
        <v>4</v>
      </c>
      <c r="R25" s="197">
        <v>42</v>
      </c>
      <c r="S25" s="197">
        <v>58</v>
      </c>
      <c r="T25" s="195">
        <v>30</v>
      </c>
      <c r="U25" s="198">
        <v>136</v>
      </c>
      <c r="V25" s="200">
        <v>136</v>
      </c>
      <c r="W25" s="201">
        <v>0</v>
      </c>
      <c r="X25" s="195">
        <v>0</v>
      </c>
      <c r="Y25" s="198">
        <v>0</v>
      </c>
      <c r="Z25" s="201">
        <v>0</v>
      </c>
      <c r="AA25" s="197">
        <v>0</v>
      </c>
      <c r="AB25" s="197">
        <v>0</v>
      </c>
      <c r="AC25" s="197">
        <v>0</v>
      </c>
      <c r="AD25" s="195">
        <v>2</v>
      </c>
      <c r="AE25" s="198">
        <v>2</v>
      </c>
      <c r="AF25" s="202">
        <v>2</v>
      </c>
      <c r="AG25" s="201">
        <v>0</v>
      </c>
      <c r="AH25" s="195">
        <v>0</v>
      </c>
      <c r="AI25" s="198">
        <v>0</v>
      </c>
      <c r="AJ25" s="201">
        <v>10</v>
      </c>
      <c r="AK25" s="197">
        <v>24</v>
      </c>
      <c r="AL25" s="197">
        <v>32</v>
      </c>
      <c r="AM25" s="197">
        <v>36</v>
      </c>
      <c r="AN25" s="195">
        <v>18</v>
      </c>
      <c r="AO25" s="198">
        <v>120</v>
      </c>
      <c r="AP25" s="202">
        <v>120</v>
      </c>
      <c r="AQ25" s="201">
        <v>0</v>
      </c>
      <c r="AR25" s="195">
        <v>0</v>
      </c>
      <c r="AS25" s="198">
        <v>0</v>
      </c>
      <c r="AT25" s="196">
        <v>10</v>
      </c>
      <c r="AU25" s="197">
        <v>24</v>
      </c>
      <c r="AV25" s="197">
        <v>32</v>
      </c>
      <c r="AW25" s="197">
        <v>35</v>
      </c>
      <c r="AX25" s="195">
        <v>18</v>
      </c>
      <c r="AY25" s="198">
        <v>119</v>
      </c>
      <c r="AZ25" s="199">
        <v>119</v>
      </c>
      <c r="BA25" s="194">
        <v>0</v>
      </c>
      <c r="BB25" s="195">
        <v>0</v>
      </c>
      <c r="BC25" s="195">
        <v>0</v>
      </c>
      <c r="BD25" s="196">
        <v>0</v>
      </c>
      <c r="BE25" s="197">
        <v>0</v>
      </c>
      <c r="BF25" s="197">
        <v>0</v>
      </c>
      <c r="BG25" s="197">
        <v>1</v>
      </c>
      <c r="BH25" s="195">
        <v>0</v>
      </c>
      <c r="BI25" s="198">
        <v>1</v>
      </c>
      <c r="BJ25" s="200">
        <v>1</v>
      </c>
      <c r="BK25" s="201">
        <v>0</v>
      </c>
      <c r="BL25" s="195">
        <v>0</v>
      </c>
      <c r="BM25" s="195">
        <v>0</v>
      </c>
      <c r="BN25" s="196">
        <v>0</v>
      </c>
      <c r="BO25" s="197">
        <v>0</v>
      </c>
      <c r="BP25" s="197">
        <v>0</v>
      </c>
      <c r="BQ25" s="197">
        <v>0</v>
      </c>
      <c r="BR25" s="195">
        <v>4</v>
      </c>
      <c r="BS25" s="198">
        <v>4</v>
      </c>
      <c r="BT25" s="199">
        <v>4</v>
      </c>
      <c r="BU25" s="194">
        <v>0</v>
      </c>
      <c r="BV25" s="195">
        <v>0</v>
      </c>
      <c r="BW25" s="195">
        <v>0</v>
      </c>
      <c r="BX25" s="196">
        <v>0</v>
      </c>
      <c r="BY25" s="197">
        <v>0</v>
      </c>
      <c r="BZ25" s="197">
        <v>0</v>
      </c>
      <c r="CA25" s="197">
        <v>0</v>
      </c>
      <c r="CB25" s="195">
        <v>4</v>
      </c>
      <c r="CC25" s="198">
        <v>4</v>
      </c>
      <c r="CD25" s="200">
        <v>4</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1</v>
      </c>
      <c r="CU25" s="197">
        <v>3</v>
      </c>
      <c r="CV25" s="195">
        <v>3</v>
      </c>
      <c r="CW25" s="198">
        <v>7</v>
      </c>
      <c r="CX25" s="199">
        <v>7</v>
      </c>
      <c r="CY25" s="194">
        <v>0</v>
      </c>
      <c r="CZ25" s="195">
        <v>0</v>
      </c>
      <c r="DA25" s="195">
        <v>0</v>
      </c>
      <c r="DB25" s="196">
        <v>0</v>
      </c>
      <c r="DC25" s="197">
        <v>0</v>
      </c>
      <c r="DD25" s="197">
        <v>1</v>
      </c>
      <c r="DE25" s="197">
        <v>3</v>
      </c>
      <c r="DF25" s="195">
        <v>3</v>
      </c>
      <c r="DG25" s="198">
        <v>7</v>
      </c>
      <c r="DH25" s="200">
        <v>7</v>
      </c>
      <c r="DI25" s="201">
        <v>0</v>
      </c>
      <c r="DJ25" s="195">
        <v>0</v>
      </c>
      <c r="DK25" s="195">
        <v>0</v>
      </c>
      <c r="DL25" s="196">
        <v>0</v>
      </c>
      <c r="DM25" s="197">
        <v>0</v>
      </c>
      <c r="DN25" s="197">
        <v>0</v>
      </c>
      <c r="DO25" s="197">
        <v>0</v>
      </c>
      <c r="DP25" s="195">
        <v>0</v>
      </c>
      <c r="DQ25" s="198">
        <v>0</v>
      </c>
      <c r="DR25" s="200">
        <v>0</v>
      </c>
      <c r="DS25" s="201">
        <v>0</v>
      </c>
      <c r="DT25" s="195">
        <v>0</v>
      </c>
      <c r="DU25" s="195">
        <v>0</v>
      </c>
      <c r="DV25" s="196">
        <v>12</v>
      </c>
      <c r="DW25" s="197">
        <v>28</v>
      </c>
      <c r="DX25" s="197">
        <v>75</v>
      </c>
      <c r="DY25" s="197">
        <v>97</v>
      </c>
      <c r="DZ25" s="195">
        <v>57</v>
      </c>
      <c r="EA25" s="198">
        <v>269</v>
      </c>
      <c r="EB25" s="200">
        <v>269</v>
      </c>
      <c r="EC25" s="37"/>
    </row>
    <row r="26" spans="2:133" ht="20.25" customHeight="1" x14ac:dyDescent="0.2">
      <c r="B26" s="62" t="s">
        <v>23</v>
      </c>
      <c r="C26" s="194">
        <v>0</v>
      </c>
      <c r="D26" s="195">
        <v>0</v>
      </c>
      <c r="E26" s="195">
        <v>0</v>
      </c>
      <c r="F26" s="196">
        <v>4</v>
      </c>
      <c r="G26" s="197">
        <v>15</v>
      </c>
      <c r="H26" s="197">
        <v>81</v>
      </c>
      <c r="I26" s="197">
        <v>133</v>
      </c>
      <c r="J26" s="195">
        <v>101</v>
      </c>
      <c r="K26" s="198">
        <v>334</v>
      </c>
      <c r="L26" s="199">
        <v>334</v>
      </c>
      <c r="M26" s="194">
        <v>0</v>
      </c>
      <c r="N26" s="195">
        <v>0</v>
      </c>
      <c r="O26" s="198">
        <v>0</v>
      </c>
      <c r="P26" s="196">
        <v>4</v>
      </c>
      <c r="Q26" s="197">
        <v>15</v>
      </c>
      <c r="R26" s="197">
        <v>81</v>
      </c>
      <c r="S26" s="197">
        <v>133</v>
      </c>
      <c r="T26" s="195">
        <v>100</v>
      </c>
      <c r="U26" s="198">
        <v>333</v>
      </c>
      <c r="V26" s="200">
        <v>333</v>
      </c>
      <c r="W26" s="201">
        <v>0</v>
      </c>
      <c r="X26" s="195">
        <v>0</v>
      </c>
      <c r="Y26" s="198">
        <v>0</v>
      </c>
      <c r="Z26" s="201">
        <v>0</v>
      </c>
      <c r="AA26" s="197">
        <v>0</v>
      </c>
      <c r="AB26" s="197">
        <v>0</v>
      </c>
      <c r="AC26" s="197">
        <v>0</v>
      </c>
      <c r="AD26" s="195">
        <v>1</v>
      </c>
      <c r="AE26" s="198">
        <v>1</v>
      </c>
      <c r="AF26" s="202">
        <v>1</v>
      </c>
      <c r="AG26" s="201">
        <v>0</v>
      </c>
      <c r="AH26" s="195">
        <v>0</v>
      </c>
      <c r="AI26" s="198">
        <v>0</v>
      </c>
      <c r="AJ26" s="201">
        <v>20</v>
      </c>
      <c r="AK26" s="197">
        <v>33</v>
      </c>
      <c r="AL26" s="197">
        <v>39</v>
      </c>
      <c r="AM26" s="197">
        <v>53</v>
      </c>
      <c r="AN26" s="195">
        <v>30</v>
      </c>
      <c r="AO26" s="198">
        <v>175</v>
      </c>
      <c r="AP26" s="202">
        <v>175</v>
      </c>
      <c r="AQ26" s="201">
        <v>0</v>
      </c>
      <c r="AR26" s="195">
        <v>0</v>
      </c>
      <c r="AS26" s="198">
        <v>0</v>
      </c>
      <c r="AT26" s="196">
        <v>19</v>
      </c>
      <c r="AU26" s="197">
        <v>33</v>
      </c>
      <c r="AV26" s="197">
        <v>39</v>
      </c>
      <c r="AW26" s="197">
        <v>53</v>
      </c>
      <c r="AX26" s="195">
        <v>27</v>
      </c>
      <c r="AY26" s="198">
        <v>171</v>
      </c>
      <c r="AZ26" s="199">
        <v>171</v>
      </c>
      <c r="BA26" s="194">
        <v>0</v>
      </c>
      <c r="BB26" s="195">
        <v>0</v>
      </c>
      <c r="BC26" s="195">
        <v>0</v>
      </c>
      <c r="BD26" s="196">
        <v>1</v>
      </c>
      <c r="BE26" s="197">
        <v>0</v>
      </c>
      <c r="BF26" s="197">
        <v>0</v>
      </c>
      <c r="BG26" s="197">
        <v>0</v>
      </c>
      <c r="BH26" s="195">
        <v>3</v>
      </c>
      <c r="BI26" s="198">
        <v>4</v>
      </c>
      <c r="BJ26" s="200">
        <v>4</v>
      </c>
      <c r="BK26" s="201">
        <v>0</v>
      </c>
      <c r="BL26" s="195">
        <v>0</v>
      </c>
      <c r="BM26" s="195">
        <v>0</v>
      </c>
      <c r="BN26" s="196">
        <v>0</v>
      </c>
      <c r="BO26" s="197">
        <v>0</v>
      </c>
      <c r="BP26" s="197">
        <v>0</v>
      </c>
      <c r="BQ26" s="197">
        <v>2</v>
      </c>
      <c r="BR26" s="195">
        <v>1</v>
      </c>
      <c r="BS26" s="198">
        <v>3</v>
      </c>
      <c r="BT26" s="199">
        <v>3</v>
      </c>
      <c r="BU26" s="194">
        <v>0</v>
      </c>
      <c r="BV26" s="195">
        <v>0</v>
      </c>
      <c r="BW26" s="195">
        <v>0</v>
      </c>
      <c r="BX26" s="196">
        <v>0</v>
      </c>
      <c r="BY26" s="197">
        <v>0</v>
      </c>
      <c r="BZ26" s="197">
        <v>0</v>
      </c>
      <c r="CA26" s="197">
        <v>2</v>
      </c>
      <c r="CB26" s="195">
        <v>1</v>
      </c>
      <c r="CC26" s="198">
        <v>3</v>
      </c>
      <c r="CD26" s="200">
        <v>3</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1</v>
      </c>
      <c r="CU26" s="197">
        <v>2</v>
      </c>
      <c r="CV26" s="195">
        <v>4</v>
      </c>
      <c r="CW26" s="198">
        <v>7</v>
      </c>
      <c r="CX26" s="199">
        <v>7</v>
      </c>
      <c r="CY26" s="194">
        <v>0</v>
      </c>
      <c r="CZ26" s="195">
        <v>0</v>
      </c>
      <c r="DA26" s="195">
        <v>0</v>
      </c>
      <c r="DB26" s="196">
        <v>0</v>
      </c>
      <c r="DC26" s="197">
        <v>0</v>
      </c>
      <c r="DD26" s="197">
        <v>1</v>
      </c>
      <c r="DE26" s="197">
        <v>2</v>
      </c>
      <c r="DF26" s="195">
        <v>4</v>
      </c>
      <c r="DG26" s="198">
        <v>7</v>
      </c>
      <c r="DH26" s="200">
        <v>7</v>
      </c>
      <c r="DI26" s="201">
        <v>0</v>
      </c>
      <c r="DJ26" s="195">
        <v>0</v>
      </c>
      <c r="DK26" s="195">
        <v>0</v>
      </c>
      <c r="DL26" s="196">
        <v>0</v>
      </c>
      <c r="DM26" s="197">
        <v>0</v>
      </c>
      <c r="DN26" s="197">
        <v>0</v>
      </c>
      <c r="DO26" s="197">
        <v>0</v>
      </c>
      <c r="DP26" s="195">
        <v>0</v>
      </c>
      <c r="DQ26" s="198">
        <v>0</v>
      </c>
      <c r="DR26" s="200">
        <v>0</v>
      </c>
      <c r="DS26" s="201">
        <v>0</v>
      </c>
      <c r="DT26" s="195">
        <v>0</v>
      </c>
      <c r="DU26" s="195">
        <v>0</v>
      </c>
      <c r="DV26" s="196">
        <v>24</v>
      </c>
      <c r="DW26" s="197">
        <v>48</v>
      </c>
      <c r="DX26" s="197">
        <v>120</v>
      </c>
      <c r="DY26" s="197">
        <v>189</v>
      </c>
      <c r="DZ26" s="195">
        <v>136</v>
      </c>
      <c r="EA26" s="198">
        <v>517</v>
      </c>
      <c r="EB26" s="200">
        <v>517</v>
      </c>
      <c r="EC26" s="37"/>
    </row>
    <row r="27" spans="2:133" ht="20.25" customHeight="1" x14ac:dyDescent="0.2">
      <c r="B27" s="62" t="s">
        <v>24</v>
      </c>
      <c r="C27" s="194">
        <v>0</v>
      </c>
      <c r="D27" s="195">
        <v>0</v>
      </c>
      <c r="E27" s="195">
        <v>0</v>
      </c>
      <c r="F27" s="196">
        <v>0</v>
      </c>
      <c r="G27" s="197">
        <v>0</v>
      </c>
      <c r="H27" s="197">
        <v>34</v>
      </c>
      <c r="I27" s="197">
        <v>70</v>
      </c>
      <c r="J27" s="195">
        <v>62</v>
      </c>
      <c r="K27" s="198">
        <v>166</v>
      </c>
      <c r="L27" s="199">
        <v>166</v>
      </c>
      <c r="M27" s="194">
        <v>0</v>
      </c>
      <c r="N27" s="195">
        <v>0</v>
      </c>
      <c r="O27" s="198">
        <v>0</v>
      </c>
      <c r="P27" s="196">
        <v>0</v>
      </c>
      <c r="Q27" s="197">
        <v>0</v>
      </c>
      <c r="R27" s="197">
        <v>34</v>
      </c>
      <c r="S27" s="197">
        <v>70</v>
      </c>
      <c r="T27" s="195">
        <v>62</v>
      </c>
      <c r="U27" s="198">
        <v>166</v>
      </c>
      <c r="V27" s="200">
        <v>166</v>
      </c>
      <c r="W27" s="201">
        <v>0</v>
      </c>
      <c r="X27" s="195">
        <v>0</v>
      </c>
      <c r="Y27" s="198">
        <v>0</v>
      </c>
      <c r="Z27" s="201">
        <v>0</v>
      </c>
      <c r="AA27" s="197">
        <v>0</v>
      </c>
      <c r="AB27" s="197">
        <v>0</v>
      </c>
      <c r="AC27" s="197">
        <v>0</v>
      </c>
      <c r="AD27" s="195">
        <v>0</v>
      </c>
      <c r="AE27" s="198">
        <v>0</v>
      </c>
      <c r="AF27" s="202">
        <v>0</v>
      </c>
      <c r="AG27" s="201">
        <v>0</v>
      </c>
      <c r="AH27" s="195">
        <v>0</v>
      </c>
      <c r="AI27" s="198">
        <v>0</v>
      </c>
      <c r="AJ27" s="201">
        <v>10</v>
      </c>
      <c r="AK27" s="197">
        <v>15</v>
      </c>
      <c r="AL27" s="197">
        <v>21</v>
      </c>
      <c r="AM27" s="197">
        <v>32</v>
      </c>
      <c r="AN27" s="195">
        <v>6</v>
      </c>
      <c r="AO27" s="198">
        <v>84</v>
      </c>
      <c r="AP27" s="202">
        <v>84</v>
      </c>
      <c r="AQ27" s="201">
        <v>0</v>
      </c>
      <c r="AR27" s="195">
        <v>0</v>
      </c>
      <c r="AS27" s="198">
        <v>0</v>
      </c>
      <c r="AT27" s="196">
        <v>10</v>
      </c>
      <c r="AU27" s="197">
        <v>15</v>
      </c>
      <c r="AV27" s="197">
        <v>21</v>
      </c>
      <c r="AW27" s="197">
        <v>31</v>
      </c>
      <c r="AX27" s="195">
        <v>6</v>
      </c>
      <c r="AY27" s="198">
        <v>83</v>
      </c>
      <c r="AZ27" s="199">
        <v>83</v>
      </c>
      <c r="BA27" s="194">
        <v>0</v>
      </c>
      <c r="BB27" s="195">
        <v>0</v>
      </c>
      <c r="BC27" s="195">
        <v>0</v>
      </c>
      <c r="BD27" s="196">
        <v>0</v>
      </c>
      <c r="BE27" s="197">
        <v>0</v>
      </c>
      <c r="BF27" s="197">
        <v>0</v>
      </c>
      <c r="BG27" s="197">
        <v>1</v>
      </c>
      <c r="BH27" s="195">
        <v>0</v>
      </c>
      <c r="BI27" s="198">
        <v>1</v>
      </c>
      <c r="BJ27" s="200">
        <v>1</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10</v>
      </c>
      <c r="DW27" s="197">
        <v>15</v>
      </c>
      <c r="DX27" s="197">
        <v>55</v>
      </c>
      <c r="DY27" s="197">
        <v>102</v>
      </c>
      <c r="DZ27" s="195">
        <v>68</v>
      </c>
      <c r="EA27" s="198">
        <v>250</v>
      </c>
      <c r="EB27" s="200">
        <v>250</v>
      </c>
      <c r="EC27" s="37"/>
    </row>
    <row r="28" spans="2:133" ht="20.25" customHeight="1" x14ac:dyDescent="0.2">
      <c r="B28" s="62" t="s">
        <v>25</v>
      </c>
      <c r="C28" s="194">
        <v>0</v>
      </c>
      <c r="D28" s="195">
        <v>0</v>
      </c>
      <c r="E28" s="195">
        <v>0</v>
      </c>
      <c r="F28" s="196">
        <v>3</v>
      </c>
      <c r="G28" s="197">
        <v>10</v>
      </c>
      <c r="H28" s="197">
        <v>62</v>
      </c>
      <c r="I28" s="197">
        <v>73</v>
      </c>
      <c r="J28" s="195">
        <v>52</v>
      </c>
      <c r="K28" s="198">
        <v>200</v>
      </c>
      <c r="L28" s="199">
        <v>200</v>
      </c>
      <c r="M28" s="194">
        <v>0</v>
      </c>
      <c r="N28" s="195">
        <v>0</v>
      </c>
      <c r="O28" s="198">
        <v>0</v>
      </c>
      <c r="P28" s="196">
        <v>3</v>
      </c>
      <c r="Q28" s="197">
        <v>10</v>
      </c>
      <c r="R28" s="197">
        <v>62</v>
      </c>
      <c r="S28" s="197">
        <v>72</v>
      </c>
      <c r="T28" s="195">
        <v>48</v>
      </c>
      <c r="U28" s="198">
        <v>195</v>
      </c>
      <c r="V28" s="200">
        <v>195</v>
      </c>
      <c r="W28" s="201">
        <v>0</v>
      </c>
      <c r="X28" s="195">
        <v>0</v>
      </c>
      <c r="Y28" s="198">
        <v>0</v>
      </c>
      <c r="Z28" s="201">
        <v>0</v>
      </c>
      <c r="AA28" s="197">
        <v>0</v>
      </c>
      <c r="AB28" s="197">
        <v>0</v>
      </c>
      <c r="AC28" s="197">
        <v>1</v>
      </c>
      <c r="AD28" s="195">
        <v>4</v>
      </c>
      <c r="AE28" s="198">
        <v>5</v>
      </c>
      <c r="AF28" s="202">
        <v>5</v>
      </c>
      <c r="AG28" s="201">
        <v>0</v>
      </c>
      <c r="AH28" s="195">
        <v>0</v>
      </c>
      <c r="AI28" s="198">
        <v>0</v>
      </c>
      <c r="AJ28" s="201">
        <v>12</v>
      </c>
      <c r="AK28" s="197">
        <v>18</v>
      </c>
      <c r="AL28" s="197">
        <v>25</v>
      </c>
      <c r="AM28" s="197">
        <v>53</v>
      </c>
      <c r="AN28" s="195">
        <v>20</v>
      </c>
      <c r="AO28" s="198">
        <v>128</v>
      </c>
      <c r="AP28" s="202">
        <v>128</v>
      </c>
      <c r="AQ28" s="201">
        <v>0</v>
      </c>
      <c r="AR28" s="195">
        <v>0</v>
      </c>
      <c r="AS28" s="198">
        <v>0</v>
      </c>
      <c r="AT28" s="196">
        <v>12</v>
      </c>
      <c r="AU28" s="197">
        <v>18</v>
      </c>
      <c r="AV28" s="197">
        <v>25</v>
      </c>
      <c r="AW28" s="197">
        <v>52</v>
      </c>
      <c r="AX28" s="195">
        <v>20</v>
      </c>
      <c r="AY28" s="198">
        <v>127</v>
      </c>
      <c r="AZ28" s="199">
        <v>127</v>
      </c>
      <c r="BA28" s="194">
        <v>0</v>
      </c>
      <c r="BB28" s="195">
        <v>0</v>
      </c>
      <c r="BC28" s="195">
        <v>0</v>
      </c>
      <c r="BD28" s="196">
        <v>0</v>
      </c>
      <c r="BE28" s="197">
        <v>0</v>
      </c>
      <c r="BF28" s="197">
        <v>0</v>
      </c>
      <c r="BG28" s="197">
        <v>1</v>
      </c>
      <c r="BH28" s="195">
        <v>0</v>
      </c>
      <c r="BI28" s="198">
        <v>1</v>
      </c>
      <c r="BJ28" s="200">
        <v>1</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0</v>
      </c>
      <c r="CT28" s="197">
        <v>0</v>
      </c>
      <c r="CU28" s="197">
        <v>1</v>
      </c>
      <c r="CV28" s="195">
        <v>1</v>
      </c>
      <c r="CW28" s="198">
        <v>2</v>
      </c>
      <c r="CX28" s="199">
        <v>2</v>
      </c>
      <c r="CY28" s="194">
        <v>0</v>
      </c>
      <c r="CZ28" s="195">
        <v>0</v>
      </c>
      <c r="DA28" s="195">
        <v>0</v>
      </c>
      <c r="DB28" s="196">
        <v>0</v>
      </c>
      <c r="DC28" s="197">
        <v>0</v>
      </c>
      <c r="DD28" s="197">
        <v>0</v>
      </c>
      <c r="DE28" s="197">
        <v>1</v>
      </c>
      <c r="DF28" s="195">
        <v>1</v>
      </c>
      <c r="DG28" s="198">
        <v>2</v>
      </c>
      <c r="DH28" s="200">
        <v>2</v>
      </c>
      <c r="DI28" s="201">
        <v>0</v>
      </c>
      <c r="DJ28" s="195">
        <v>0</v>
      </c>
      <c r="DK28" s="195">
        <v>0</v>
      </c>
      <c r="DL28" s="196">
        <v>0</v>
      </c>
      <c r="DM28" s="197">
        <v>0</v>
      </c>
      <c r="DN28" s="197">
        <v>0</v>
      </c>
      <c r="DO28" s="197">
        <v>0</v>
      </c>
      <c r="DP28" s="195">
        <v>0</v>
      </c>
      <c r="DQ28" s="198">
        <v>0</v>
      </c>
      <c r="DR28" s="200">
        <v>0</v>
      </c>
      <c r="DS28" s="201">
        <v>0</v>
      </c>
      <c r="DT28" s="195">
        <v>0</v>
      </c>
      <c r="DU28" s="195">
        <v>0</v>
      </c>
      <c r="DV28" s="196">
        <v>15</v>
      </c>
      <c r="DW28" s="197">
        <v>28</v>
      </c>
      <c r="DX28" s="197">
        <v>87</v>
      </c>
      <c r="DY28" s="197">
        <v>127</v>
      </c>
      <c r="DZ28" s="195">
        <v>72</v>
      </c>
      <c r="EA28" s="198">
        <v>329</v>
      </c>
      <c r="EB28" s="200">
        <v>329</v>
      </c>
      <c r="EC28" s="37"/>
    </row>
    <row r="29" spans="2:133" ht="20.25" customHeight="1" x14ac:dyDescent="0.2">
      <c r="B29" s="62" t="s">
        <v>26</v>
      </c>
      <c r="C29" s="194">
        <v>0</v>
      </c>
      <c r="D29" s="195">
        <v>0</v>
      </c>
      <c r="E29" s="195">
        <v>0</v>
      </c>
      <c r="F29" s="196">
        <v>0</v>
      </c>
      <c r="G29" s="197">
        <v>8</v>
      </c>
      <c r="H29" s="197">
        <v>34</v>
      </c>
      <c r="I29" s="197">
        <v>70</v>
      </c>
      <c r="J29" s="195">
        <v>58</v>
      </c>
      <c r="K29" s="198">
        <v>170</v>
      </c>
      <c r="L29" s="199">
        <v>170</v>
      </c>
      <c r="M29" s="194">
        <v>0</v>
      </c>
      <c r="N29" s="195">
        <v>0</v>
      </c>
      <c r="O29" s="198">
        <v>0</v>
      </c>
      <c r="P29" s="196">
        <v>0</v>
      </c>
      <c r="Q29" s="197">
        <v>8</v>
      </c>
      <c r="R29" s="197">
        <v>33</v>
      </c>
      <c r="S29" s="197">
        <v>69</v>
      </c>
      <c r="T29" s="195">
        <v>58</v>
      </c>
      <c r="U29" s="198">
        <v>168</v>
      </c>
      <c r="V29" s="200">
        <v>168</v>
      </c>
      <c r="W29" s="201">
        <v>0</v>
      </c>
      <c r="X29" s="195">
        <v>0</v>
      </c>
      <c r="Y29" s="198">
        <v>0</v>
      </c>
      <c r="Z29" s="201">
        <v>0</v>
      </c>
      <c r="AA29" s="197">
        <v>0</v>
      </c>
      <c r="AB29" s="197">
        <v>1</v>
      </c>
      <c r="AC29" s="197">
        <v>1</v>
      </c>
      <c r="AD29" s="195">
        <v>0</v>
      </c>
      <c r="AE29" s="198">
        <v>2</v>
      </c>
      <c r="AF29" s="202">
        <v>2</v>
      </c>
      <c r="AG29" s="201">
        <v>0</v>
      </c>
      <c r="AH29" s="195">
        <v>0</v>
      </c>
      <c r="AI29" s="198">
        <v>0</v>
      </c>
      <c r="AJ29" s="201">
        <v>9</v>
      </c>
      <c r="AK29" s="197">
        <v>23</v>
      </c>
      <c r="AL29" s="197">
        <v>23</v>
      </c>
      <c r="AM29" s="197">
        <v>18</v>
      </c>
      <c r="AN29" s="195">
        <v>12</v>
      </c>
      <c r="AO29" s="198">
        <v>85</v>
      </c>
      <c r="AP29" s="202">
        <v>85</v>
      </c>
      <c r="AQ29" s="201">
        <v>0</v>
      </c>
      <c r="AR29" s="195">
        <v>0</v>
      </c>
      <c r="AS29" s="198">
        <v>0</v>
      </c>
      <c r="AT29" s="196">
        <v>9</v>
      </c>
      <c r="AU29" s="197">
        <v>23</v>
      </c>
      <c r="AV29" s="197">
        <v>23</v>
      </c>
      <c r="AW29" s="197">
        <v>17</v>
      </c>
      <c r="AX29" s="195">
        <v>12</v>
      </c>
      <c r="AY29" s="198">
        <v>84</v>
      </c>
      <c r="AZ29" s="199">
        <v>84</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1</v>
      </c>
      <c r="BS29" s="198">
        <v>1</v>
      </c>
      <c r="BT29" s="199">
        <v>1</v>
      </c>
      <c r="BU29" s="194">
        <v>0</v>
      </c>
      <c r="BV29" s="195">
        <v>0</v>
      </c>
      <c r="BW29" s="195">
        <v>0</v>
      </c>
      <c r="BX29" s="196">
        <v>0</v>
      </c>
      <c r="BY29" s="197">
        <v>0</v>
      </c>
      <c r="BZ29" s="197">
        <v>0</v>
      </c>
      <c r="CA29" s="197">
        <v>0</v>
      </c>
      <c r="CB29" s="195">
        <v>1</v>
      </c>
      <c r="CC29" s="198">
        <v>1</v>
      </c>
      <c r="CD29" s="200">
        <v>1</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0</v>
      </c>
      <c r="CU29" s="197">
        <v>1</v>
      </c>
      <c r="CV29" s="195">
        <v>2</v>
      </c>
      <c r="CW29" s="198">
        <v>3</v>
      </c>
      <c r="CX29" s="199">
        <v>3</v>
      </c>
      <c r="CY29" s="194">
        <v>0</v>
      </c>
      <c r="CZ29" s="195">
        <v>0</v>
      </c>
      <c r="DA29" s="195">
        <v>0</v>
      </c>
      <c r="DB29" s="196">
        <v>0</v>
      </c>
      <c r="DC29" s="197">
        <v>0</v>
      </c>
      <c r="DD29" s="197">
        <v>0</v>
      </c>
      <c r="DE29" s="197">
        <v>1</v>
      </c>
      <c r="DF29" s="195">
        <v>2</v>
      </c>
      <c r="DG29" s="198">
        <v>3</v>
      </c>
      <c r="DH29" s="200">
        <v>3</v>
      </c>
      <c r="DI29" s="201">
        <v>0</v>
      </c>
      <c r="DJ29" s="195">
        <v>0</v>
      </c>
      <c r="DK29" s="195">
        <v>0</v>
      </c>
      <c r="DL29" s="196">
        <v>0</v>
      </c>
      <c r="DM29" s="197">
        <v>0</v>
      </c>
      <c r="DN29" s="197">
        <v>0</v>
      </c>
      <c r="DO29" s="197">
        <v>0</v>
      </c>
      <c r="DP29" s="195">
        <v>0</v>
      </c>
      <c r="DQ29" s="198">
        <v>0</v>
      </c>
      <c r="DR29" s="200">
        <v>0</v>
      </c>
      <c r="DS29" s="201">
        <v>0</v>
      </c>
      <c r="DT29" s="195">
        <v>0</v>
      </c>
      <c r="DU29" s="195">
        <v>0</v>
      </c>
      <c r="DV29" s="196">
        <v>9</v>
      </c>
      <c r="DW29" s="197">
        <v>31</v>
      </c>
      <c r="DX29" s="197">
        <v>57</v>
      </c>
      <c r="DY29" s="197">
        <v>89</v>
      </c>
      <c r="DZ29" s="195">
        <v>72</v>
      </c>
      <c r="EA29" s="198">
        <v>258</v>
      </c>
      <c r="EB29" s="200">
        <v>258</v>
      </c>
      <c r="EC29" s="37"/>
    </row>
    <row r="30" spans="2:133" ht="20.25" customHeight="1" x14ac:dyDescent="0.2">
      <c r="B30" s="62" t="s">
        <v>27</v>
      </c>
      <c r="C30" s="194">
        <v>0</v>
      </c>
      <c r="D30" s="195">
        <v>0</v>
      </c>
      <c r="E30" s="195">
        <v>0</v>
      </c>
      <c r="F30" s="196">
        <v>2</v>
      </c>
      <c r="G30" s="197">
        <v>2</v>
      </c>
      <c r="H30" s="197">
        <v>37</v>
      </c>
      <c r="I30" s="197">
        <v>55</v>
      </c>
      <c r="J30" s="195">
        <v>42</v>
      </c>
      <c r="K30" s="198">
        <v>138</v>
      </c>
      <c r="L30" s="199">
        <v>138</v>
      </c>
      <c r="M30" s="194">
        <v>0</v>
      </c>
      <c r="N30" s="195">
        <v>0</v>
      </c>
      <c r="O30" s="198">
        <v>0</v>
      </c>
      <c r="P30" s="196">
        <v>2</v>
      </c>
      <c r="Q30" s="197">
        <v>2</v>
      </c>
      <c r="R30" s="197">
        <v>35</v>
      </c>
      <c r="S30" s="197">
        <v>55</v>
      </c>
      <c r="T30" s="195">
        <v>42</v>
      </c>
      <c r="U30" s="198">
        <v>136</v>
      </c>
      <c r="V30" s="200">
        <v>136</v>
      </c>
      <c r="W30" s="201">
        <v>0</v>
      </c>
      <c r="X30" s="195">
        <v>0</v>
      </c>
      <c r="Y30" s="198">
        <v>0</v>
      </c>
      <c r="Z30" s="201">
        <v>0</v>
      </c>
      <c r="AA30" s="197">
        <v>0</v>
      </c>
      <c r="AB30" s="197">
        <v>2</v>
      </c>
      <c r="AC30" s="197">
        <v>0</v>
      </c>
      <c r="AD30" s="195">
        <v>0</v>
      </c>
      <c r="AE30" s="198">
        <v>2</v>
      </c>
      <c r="AF30" s="202">
        <v>2</v>
      </c>
      <c r="AG30" s="201">
        <v>0</v>
      </c>
      <c r="AH30" s="195">
        <v>0</v>
      </c>
      <c r="AI30" s="198">
        <v>0</v>
      </c>
      <c r="AJ30" s="201">
        <v>8</v>
      </c>
      <c r="AK30" s="197">
        <v>13</v>
      </c>
      <c r="AL30" s="197">
        <v>31</v>
      </c>
      <c r="AM30" s="197">
        <v>19</v>
      </c>
      <c r="AN30" s="195">
        <v>10</v>
      </c>
      <c r="AO30" s="198">
        <v>81</v>
      </c>
      <c r="AP30" s="202">
        <v>81</v>
      </c>
      <c r="AQ30" s="201">
        <v>0</v>
      </c>
      <c r="AR30" s="195">
        <v>0</v>
      </c>
      <c r="AS30" s="198">
        <v>0</v>
      </c>
      <c r="AT30" s="196">
        <v>8</v>
      </c>
      <c r="AU30" s="197">
        <v>12</v>
      </c>
      <c r="AV30" s="197">
        <v>30</v>
      </c>
      <c r="AW30" s="197">
        <v>19</v>
      </c>
      <c r="AX30" s="195">
        <v>10</v>
      </c>
      <c r="AY30" s="198">
        <v>79</v>
      </c>
      <c r="AZ30" s="199">
        <v>79</v>
      </c>
      <c r="BA30" s="194">
        <v>0</v>
      </c>
      <c r="BB30" s="195">
        <v>0</v>
      </c>
      <c r="BC30" s="195">
        <v>0</v>
      </c>
      <c r="BD30" s="196">
        <v>0</v>
      </c>
      <c r="BE30" s="197">
        <v>1</v>
      </c>
      <c r="BF30" s="197">
        <v>1</v>
      </c>
      <c r="BG30" s="197">
        <v>0</v>
      </c>
      <c r="BH30" s="195">
        <v>0</v>
      </c>
      <c r="BI30" s="198">
        <v>2</v>
      </c>
      <c r="BJ30" s="200">
        <v>2</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3</v>
      </c>
      <c r="CV30" s="195">
        <v>1</v>
      </c>
      <c r="CW30" s="198">
        <v>4</v>
      </c>
      <c r="CX30" s="199">
        <v>4</v>
      </c>
      <c r="CY30" s="194">
        <v>0</v>
      </c>
      <c r="CZ30" s="195">
        <v>0</v>
      </c>
      <c r="DA30" s="195">
        <v>0</v>
      </c>
      <c r="DB30" s="196">
        <v>0</v>
      </c>
      <c r="DC30" s="197">
        <v>0</v>
      </c>
      <c r="DD30" s="197">
        <v>0</v>
      </c>
      <c r="DE30" s="197">
        <v>3</v>
      </c>
      <c r="DF30" s="195">
        <v>0</v>
      </c>
      <c r="DG30" s="198">
        <v>3</v>
      </c>
      <c r="DH30" s="200">
        <v>3</v>
      </c>
      <c r="DI30" s="201">
        <v>0</v>
      </c>
      <c r="DJ30" s="195">
        <v>0</v>
      </c>
      <c r="DK30" s="195">
        <v>0</v>
      </c>
      <c r="DL30" s="196">
        <v>0</v>
      </c>
      <c r="DM30" s="197">
        <v>0</v>
      </c>
      <c r="DN30" s="197">
        <v>0</v>
      </c>
      <c r="DO30" s="197">
        <v>0</v>
      </c>
      <c r="DP30" s="195">
        <v>1</v>
      </c>
      <c r="DQ30" s="198">
        <v>1</v>
      </c>
      <c r="DR30" s="200">
        <v>1</v>
      </c>
      <c r="DS30" s="201">
        <v>0</v>
      </c>
      <c r="DT30" s="195">
        <v>0</v>
      </c>
      <c r="DU30" s="195">
        <v>0</v>
      </c>
      <c r="DV30" s="196">
        <v>10</v>
      </c>
      <c r="DW30" s="197">
        <v>15</v>
      </c>
      <c r="DX30" s="197">
        <v>67</v>
      </c>
      <c r="DY30" s="197">
        <v>76</v>
      </c>
      <c r="DZ30" s="195">
        <v>53</v>
      </c>
      <c r="EA30" s="198">
        <v>221</v>
      </c>
      <c r="EB30" s="200">
        <v>221</v>
      </c>
      <c r="EC30" s="37"/>
    </row>
    <row r="31" spans="2:133" ht="20.25" customHeight="1" x14ac:dyDescent="0.2">
      <c r="B31" s="62" t="s">
        <v>28</v>
      </c>
      <c r="C31" s="194">
        <v>0</v>
      </c>
      <c r="D31" s="195">
        <v>0</v>
      </c>
      <c r="E31" s="195">
        <v>0</v>
      </c>
      <c r="F31" s="196">
        <v>0</v>
      </c>
      <c r="G31" s="197">
        <v>1</v>
      </c>
      <c r="H31" s="197">
        <v>13</v>
      </c>
      <c r="I31" s="197">
        <v>16</v>
      </c>
      <c r="J31" s="195">
        <v>14</v>
      </c>
      <c r="K31" s="198">
        <v>44</v>
      </c>
      <c r="L31" s="199">
        <v>44</v>
      </c>
      <c r="M31" s="194">
        <v>0</v>
      </c>
      <c r="N31" s="195">
        <v>0</v>
      </c>
      <c r="O31" s="198">
        <v>0</v>
      </c>
      <c r="P31" s="196">
        <v>0</v>
      </c>
      <c r="Q31" s="197">
        <v>1</v>
      </c>
      <c r="R31" s="197">
        <v>13</v>
      </c>
      <c r="S31" s="197">
        <v>16</v>
      </c>
      <c r="T31" s="195">
        <v>14</v>
      </c>
      <c r="U31" s="198">
        <v>44</v>
      </c>
      <c r="V31" s="200">
        <v>44</v>
      </c>
      <c r="W31" s="201">
        <v>0</v>
      </c>
      <c r="X31" s="195">
        <v>0</v>
      </c>
      <c r="Y31" s="198">
        <v>0</v>
      </c>
      <c r="Z31" s="201">
        <v>0</v>
      </c>
      <c r="AA31" s="197">
        <v>0</v>
      </c>
      <c r="AB31" s="197">
        <v>0</v>
      </c>
      <c r="AC31" s="197">
        <v>0</v>
      </c>
      <c r="AD31" s="195">
        <v>0</v>
      </c>
      <c r="AE31" s="198">
        <v>0</v>
      </c>
      <c r="AF31" s="202">
        <v>0</v>
      </c>
      <c r="AG31" s="201">
        <v>0</v>
      </c>
      <c r="AH31" s="195">
        <v>0</v>
      </c>
      <c r="AI31" s="198">
        <v>0</v>
      </c>
      <c r="AJ31" s="201">
        <v>2</v>
      </c>
      <c r="AK31" s="197">
        <v>9</v>
      </c>
      <c r="AL31" s="197">
        <v>8</v>
      </c>
      <c r="AM31" s="197">
        <v>14</v>
      </c>
      <c r="AN31" s="195">
        <v>2</v>
      </c>
      <c r="AO31" s="198">
        <v>35</v>
      </c>
      <c r="AP31" s="202">
        <v>35</v>
      </c>
      <c r="AQ31" s="201">
        <v>0</v>
      </c>
      <c r="AR31" s="195">
        <v>0</v>
      </c>
      <c r="AS31" s="198">
        <v>0</v>
      </c>
      <c r="AT31" s="196">
        <v>2</v>
      </c>
      <c r="AU31" s="197">
        <v>9</v>
      </c>
      <c r="AV31" s="197">
        <v>8</v>
      </c>
      <c r="AW31" s="197">
        <v>13</v>
      </c>
      <c r="AX31" s="195">
        <v>2</v>
      </c>
      <c r="AY31" s="198">
        <v>34</v>
      </c>
      <c r="AZ31" s="199">
        <v>34</v>
      </c>
      <c r="BA31" s="194">
        <v>0</v>
      </c>
      <c r="BB31" s="195">
        <v>0</v>
      </c>
      <c r="BC31" s="195">
        <v>0</v>
      </c>
      <c r="BD31" s="196">
        <v>0</v>
      </c>
      <c r="BE31" s="197">
        <v>0</v>
      </c>
      <c r="BF31" s="197">
        <v>0</v>
      </c>
      <c r="BG31" s="197">
        <v>1</v>
      </c>
      <c r="BH31" s="195">
        <v>0</v>
      </c>
      <c r="BI31" s="198">
        <v>1</v>
      </c>
      <c r="BJ31" s="200">
        <v>1</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2</v>
      </c>
      <c r="DW31" s="197">
        <v>10</v>
      </c>
      <c r="DX31" s="197">
        <v>21</v>
      </c>
      <c r="DY31" s="197">
        <v>30</v>
      </c>
      <c r="DZ31" s="195">
        <v>16</v>
      </c>
      <c r="EA31" s="198">
        <v>79</v>
      </c>
      <c r="EB31" s="200">
        <v>79</v>
      </c>
      <c r="EC31" s="37"/>
    </row>
    <row r="32" spans="2:133" ht="20.25" customHeight="1" x14ac:dyDescent="0.2">
      <c r="B32" s="62" t="s">
        <v>29</v>
      </c>
      <c r="C32" s="194">
        <v>0</v>
      </c>
      <c r="D32" s="195">
        <v>0</v>
      </c>
      <c r="E32" s="195">
        <v>0</v>
      </c>
      <c r="F32" s="196">
        <v>0</v>
      </c>
      <c r="G32" s="197">
        <v>2</v>
      </c>
      <c r="H32" s="197">
        <v>20</v>
      </c>
      <c r="I32" s="197">
        <v>30</v>
      </c>
      <c r="J32" s="195">
        <v>22</v>
      </c>
      <c r="K32" s="198">
        <v>74</v>
      </c>
      <c r="L32" s="199">
        <v>74</v>
      </c>
      <c r="M32" s="194">
        <v>0</v>
      </c>
      <c r="N32" s="195">
        <v>0</v>
      </c>
      <c r="O32" s="198">
        <v>0</v>
      </c>
      <c r="P32" s="196">
        <v>0</v>
      </c>
      <c r="Q32" s="197">
        <v>2</v>
      </c>
      <c r="R32" s="197">
        <v>20</v>
      </c>
      <c r="S32" s="197">
        <v>30</v>
      </c>
      <c r="T32" s="195">
        <v>22</v>
      </c>
      <c r="U32" s="198">
        <v>74</v>
      </c>
      <c r="V32" s="200">
        <v>74</v>
      </c>
      <c r="W32" s="201">
        <v>0</v>
      </c>
      <c r="X32" s="195">
        <v>0</v>
      </c>
      <c r="Y32" s="198">
        <v>0</v>
      </c>
      <c r="Z32" s="201">
        <v>0</v>
      </c>
      <c r="AA32" s="197">
        <v>0</v>
      </c>
      <c r="AB32" s="197">
        <v>0</v>
      </c>
      <c r="AC32" s="197">
        <v>0</v>
      </c>
      <c r="AD32" s="195">
        <v>0</v>
      </c>
      <c r="AE32" s="198">
        <v>0</v>
      </c>
      <c r="AF32" s="202">
        <v>0</v>
      </c>
      <c r="AG32" s="201">
        <v>0</v>
      </c>
      <c r="AH32" s="195">
        <v>0</v>
      </c>
      <c r="AI32" s="198">
        <v>0</v>
      </c>
      <c r="AJ32" s="201">
        <v>3</v>
      </c>
      <c r="AK32" s="197">
        <v>9</v>
      </c>
      <c r="AL32" s="197">
        <v>10</v>
      </c>
      <c r="AM32" s="197">
        <v>13</v>
      </c>
      <c r="AN32" s="195">
        <v>8</v>
      </c>
      <c r="AO32" s="198">
        <v>43</v>
      </c>
      <c r="AP32" s="202">
        <v>43</v>
      </c>
      <c r="AQ32" s="201">
        <v>0</v>
      </c>
      <c r="AR32" s="195">
        <v>0</v>
      </c>
      <c r="AS32" s="198">
        <v>0</v>
      </c>
      <c r="AT32" s="196">
        <v>3</v>
      </c>
      <c r="AU32" s="197">
        <v>8</v>
      </c>
      <c r="AV32" s="197">
        <v>10</v>
      </c>
      <c r="AW32" s="197">
        <v>13</v>
      </c>
      <c r="AX32" s="195">
        <v>7</v>
      </c>
      <c r="AY32" s="198">
        <v>41</v>
      </c>
      <c r="AZ32" s="199">
        <v>41</v>
      </c>
      <c r="BA32" s="194">
        <v>0</v>
      </c>
      <c r="BB32" s="195">
        <v>0</v>
      </c>
      <c r="BC32" s="195">
        <v>0</v>
      </c>
      <c r="BD32" s="196">
        <v>0</v>
      </c>
      <c r="BE32" s="197">
        <v>1</v>
      </c>
      <c r="BF32" s="197">
        <v>0</v>
      </c>
      <c r="BG32" s="197">
        <v>0</v>
      </c>
      <c r="BH32" s="195">
        <v>1</v>
      </c>
      <c r="BI32" s="198">
        <v>2</v>
      </c>
      <c r="BJ32" s="200">
        <v>2</v>
      </c>
      <c r="BK32" s="201">
        <v>0</v>
      </c>
      <c r="BL32" s="195">
        <v>0</v>
      </c>
      <c r="BM32" s="195">
        <v>0</v>
      </c>
      <c r="BN32" s="196">
        <v>0</v>
      </c>
      <c r="BO32" s="197">
        <v>0</v>
      </c>
      <c r="BP32" s="197">
        <v>0</v>
      </c>
      <c r="BQ32" s="197">
        <v>0</v>
      </c>
      <c r="BR32" s="195">
        <v>1</v>
      </c>
      <c r="BS32" s="198">
        <v>1</v>
      </c>
      <c r="BT32" s="199">
        <v>1</v>
      </c>
      <c r="BU32" s="194">
        <v>0</v>
      </c>
      <c r="BV32" s="195">
        <v>0</v>
      </c>
      <c r="BW32" s="195">
        <v>0</v>
      </c>
      <c r="BX32" s="196">
        <v>0</v>
      </c>
      <c r="BY32" s="197">
        <v>0</v>
      </c>
      <c r="BZ32" s="197">
        <v>0</v>
      </c>
      <c r="CA32" s="197">
        <v>0</v>
      </c>
      <c r="CB32" s="195">
        <v>1</v>
      </c>
      <c r="CC32" s="198">
        <v>1</v>
      </c>
      <c r="CD32" s="200">
        <v>1</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2</v>
      </c>
      <c r="CV32" s="195">
        <v>0</v>
      </c>
      <c r="CW32" s="198">
        <v>2</v>
      </c>
      <c r="CX32" s="199">
        <v>2</v>
      </c>
      <c r="CY32" s="194">
        <v>0</v>
      </c>
      <c r="CZ32" s="195">
        <v>0</v>
      </c>
      <c r="DA32" s="195">
        <v>0</v>
      </c>
      <c r="DB32" s="196">
        <v>0</v>
      </c>
      <c r="DC32" s="197">
        <v>0</v>
      </c>
      <c r="DD32" s="197">
        <v>0</v>
      </c>
      <c r="DE32" s="197">
        <v>2</v>
      </c>
      <c r="DF32" s="195">
        <v>0</v>
      </c>
      <c r="DG32" s="198">
        <v>2</v>
      </c>
      <c r="DH32" s="200">
        <v>2</v>
      </c>
      <c r="DI32" s="201">
        <v>0</v>
      </c>
      <c r="DJ32" s="195">
        <v>0</v>
      </c>
      <c r="DK32" s="195">
        <v>0</v>
      </c>
      <c r="DL32" s="196">
        <v>0</v>
      </c>
      <c r="DM32" s="197">
        <v>0</v>
      </c>
      <c r="DN32" s="197">
        <v>0</v>
      </c>
      <c r="DO32" s="197">
        <v>0</v>
      </c>
      <c r="DP32" s="195">
        <v>0</v>
      </c>
      <c r="DQ32" s="198">
        <v>0</v>
      </c>
      <c r="DR32" s="200">
        <v>0</v>
      </c>
      <c r="DS32" s="201">
        <v>0</v>
      </c>
      <c r="DT32" s="195">
        <v>0</v>
      </c>
      <c r="DU32" s="195">
        <v>0</v>
      </c>
      <c r="DV32" s="196">
        <v>3</v>
      </c>
      <c r="DW32" s="197">
        <v>11</v>
      </c>
      <c r="DX32" s="197">
        <v>30</v>
      </c>
      <c r="DY32" s="197">
        <v>45</v>
      </c>
      <c r="DZ32" s="195">
        <v>31</v>
      </c>
      <c r="EA32" s="198">
        <v>120</v>
      </c>
      <c r="EB32" s="200">
        <v>120</v>
      </c>
      <c r="EC32" s="37"/>
    </row>
    <row r="33" spans="2:133" ht="20.25" customHeight="1" x14ac:dyDescent="0.2">
      <c r="B33" s="62" t="s">
        <v>30</v>
      </c>
      <c r="C33" s="194">
        <v>0</v>
      </c>
      <c r="D33" s="195">
        <v>0</v>
      </c>
      <c r="E33" s="195">
        <v>0</v>
      </c>
      <c r="F33" s="196">
        <v>1</v>
      </c>
      <c r="G33" s="197">
        <v>2</v>
      </c>
      <c r="H33" s="197">
        <v>23</v>
      </c>
      <c r="I33" s="197">
        <v>22</v>
      </c>
      <c r="J33" s="195">
        <v>19</v>
      </c>
      <c r="K33" s="198">
        <v>67</v>
      </c>
      <c r="L33" s="199">
        <v>67</v>
      </c>
      <c r="M33" s="194">
        <v>0</v>
      </c>
      <c r="N33" s="195">
        <v>0</v>
      </c>
      <c r="O33" s="198">
        <v>0</v>
      </c>
      <c r="P33" s="196">
        <v>1</v>
      </c>
      <c r="Q33" s="197">
        <v>2</v>
      </c>
      <c r="R33" s="197">
        <v>23</v>
      </c>
      <c r="S33" s="197">
        <v>22</v>
      </c>
      <c r="T33" s="195">
        <v>19</v>
      </c>
      <c r="U33" s="198">
        <v>67</v>
      </c>
      <c r="V33" s="200">
        <v>67</v>
      </c>
      <c r="W33" s="201">
        <v>0</v>
      </c>
      <c r="X33" s="195">
        <v>0</v>
      </c>
      <c r="Y33" s="198">
        <v>0</v>
      </c>
      <c r="Z33" s="201">
        <v>0</v>
      </c>
      <c r="AA33" s="197">
        <v>0</v>
      </c>
      <c r="AB33" s="197">
        <v>0</v>
      </c>
      <c r="AC33" s="197">
        <v>0</v>
      </c>
      <c r="AD33" s="195">
        <v>0</v>
      </c>
      <c r="AE33" s="198">
        <v>0</v>
      </c>
      <c r="AF33" s="202">
        <v>0</v>
      </c>
      <c r="AG33" s="201">
        <v>0</v>
      </c>
      <c r="AH33" s="195">
        <v>0</v>
      </c>
      <c r="AI33" s="198">
        <v>0</v>
      </c>
      <c r="AJ33" s="201">
        <v>5</v>
      </c>
      <c r="AK33" s="197">
        <v>3</v>
      </c>
      <c r="AL33" s="197">
        <v>15</v>
      </c>
      <c r="AM33" s="197">
        <v>20</v>
      </c>
      <c r="AN33" s="195">
        <v>4</v>
      </c>
      <c r="AO33" s="198">
        <v>47</v>
      </c>
      <c r="AP33" s="202">
        <v>47</v>
      </c>
      <c r="AQ33" s="201">
        <v>0</v>
      </c>
      <c r="AR33" s="195">
        <v>0</v>
      </c>
      <c r="AS33" s="198">
        <v>0</v>
      </c>
      <c r="AT33" s="196">
        <v>5</v>
      </c>
      <c r="AU33" s="197">
        <v>3</v>
      </c>
      <c r="AV33" s="197">
        <v>14</v>
      </c>
      <c r="AW33" s="197">
        <v>20</v>
      </c>
      <c r="AX33" s="195">
        <v>4</v>
      </c>
      <c r="AY33" s="198">
        <v>46</v>
      </c>
      <c r="AZ33" s="199">
        <v>46</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1</v>
      </c>
      <c r="CT33" s="197">
        <v>0</v>
      </c>
      <c r="CU33" s="197">
        <v>0</v>
      </c>
      <c r="CV33" s="195">
        <v>2</v>
      </c>
      <c r="CW33" s="198">
        <v>3</v>
      </c>
      <c r="CX33" s="199">
        <v>3</v>
      </c>
      <c r="CY33" s="194">
        <v>0</v>
      </c>
      <c r="CZ33" s="195">
        <v>0</v>
      </c>
      <c r="DA33" s="195">
        <v>0</v>
      </c>
      <c r="DB33" s="196">
        <v>0</v>
      </c>
      <c r="DC33" s="197">
        <v>1</v>
      </c>
      <c r="DD33" s="197">
        <v>0</v>
      </c>
      <c r="DE33" s="197">
        <v>0</v>
      </c>
      <c r="DF33" s="195">
        <v>2</v>
      </c>
      <c r="DG33" s="198">
        <v>3</v>
      </c>
      <c r="DH33" s="200">
        <v>3</v>
      </c>
      <c r="DI33" s="201">
        <v>0</v>
      </c>
      <c r="DJ33" s="195">
        <v>0</v>
      </c>
      <c r="DK33" s="195">
        <v>0</v>
      </c>
      <c r="DL33" s="196">
        <v>0</v>
      </c>
      <c r="DM33" s="197">
        <v>0</v>
      </c>
      <c r="DN33" s="197">
        <v>0</v>
      </c>
      <c r="DO33" s="197">
        <v>0</v>
      </c>
      <c r="DP33" s="195">
        <v>0</v>
      </c>
      <c r="DQ33" s="198">
        <v>0</v>
      </c>
      <c r="DR33" s="200">
        <v>0</v>
      </c>
      <c r="DS33" s="201">
        <v>0</v>
      </c>
      <c r="DT33" s="195">
        <v>0</v>
      </c>
      <c r="DU33" s="195">
        <v>0</v>
      </c>
      <c r="DV33" s="196">
        <v>6</v>
      </c>
      <c r="DW33" s="197">
        <v>6</v>
      </c>
      <c r="DX33" s="197">
        <v>38</v>
      </c>
      <c r="DY33" s="197">
        <v>41</v>
      </c>
      <c r="DZ33" s="195">
        <v>25</v>
      </c>
      <c r="EA33" s="198">
        <v>116</v>
      </c>
      <c r="EB33" s="200">
        <v>116</v>
      </c>
      <c r="EC33" s="37"/>
    </row>
    <row r="34" spans="2:133" ht="20.25" customHeight="1" x14ac:dyDescent="0.2">
      <c r="B34" s="62" t="s">
        <v>31</v>
      </c>
      <c r="C34" s="194">
        <v>0</v>
      </c>
      <c r="D34" s="195">
        <v>0</v>
      </c>
      <c r="E34" s="195">
        <v>0</v>
      </c>
      <c r="F34" s="196">
        <v>0</v>
      </c>
      <c r="G34" s="197">
        <v>2</v>
      </c>
      <c r="H34" s="197">
        <v>29</v>
      </c>
      <c r="I34" s="197">
        <v>25</v>
      </c>
      <c r="J34" s="195">
        <v>23</v>
      </c>
      <c r="K34" s="198">
        <v>79</v>
      </c>
      <c r="L34" s="199">
        <v>79</v>
      </c>
      <c r="M34" s="194">
        <v>0</v>
      </c>
      <c r="N34" s="195">
        <v>0</v>
      </c>
      <c r="O34" s="198">
        <v>0</v>
      </c>
      <c r="P34" s="196">
        <v>0</v>
      </c>
      <c r="Q34" s="197">
        <v>2</v>
      </c>
      <c r="R34" s="197">
        <v>28</v>
      </c>
      <c r="S34" s="197">
        <v>25</v>
      </c>
      <c r="T34" s="195">
        <v>23</v>
      </c>
      <c r="U34" s="198">
        <v>78</v>
      </c>
      <c r="V34" s="200">
        <v>78</v>
      </c>
      <c r="W34" s="201">
        <v>0</v>
      </c>
      <c r="X34" s="195">
        <v>0</v>
      </c>
      <c r="Y34" s="198">
        <v>0</v>
      </c>
      <c r="Z34" s="201">
        <v>0</v>
      </c>
      <c r="AA34" s="197">
        <v>0</v>
      </c>
      <c r="AB34" s="197">
        <v>1</v>
      </c>
      <c r="AC34" s="197">
        <v>0</v>
      </c>
      <c r="AD34" s="195">
        <v>0</v>
      </c>
      <c r="AE34" s="198">
        <v>1</v>
      </c>
      <c r="AF34" s="202">
        <v>1</v>
      </c>
      <c r="AG34" s="201">
        <v>0</v>
      </c>
      <c r="AH34" s="195">
        <v>0</v>
      </c>
      <c r="AI34" s="198">
        <v>0</v>
      </c>
      <c r="AJ34" s="201">
        <v>4</v>
      </c>
      <c r="AK34" s="197">
        <v>13</v>
      </c>
      <c r="AL34" s="197">
        <v>11</v>
      </c>
      <c r="AM34" s="197">
        <v>7</v>
      </c>
      <c r="AN34" s="195">
        <v>6</v>
      </c>
      <c r="AO34" s="198">
        <v>41</v>
      </c>
      <c r="AP34" s="202">
        <v>41</v>
      </c>
      <c r="AQ34" s="201">
        <v>0</v>
      </c>
      <c r="AR34" s="195">
        <v>0</v>
      </c>
      <c r="AS34" s="198">
        <v>0</v>
      </c>
      <c r="AT34" s="196">
        <v>4</v>
      </c>
      <c r="AU34" s="197">
        <v>13</v>
      </c>
      <c r="AV34" s="197">
        <v>11</v>
      </c>
      <c r="AW34" s="197">
        <v>7</v>
      </c>
      <c r="AX34" s="195">
        <v>6</v>
      </c>
      <c r="AY34" s="198">
        <v>41</v>
      </c>
      <c r="AZ34" s="199">
        <v>41</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1</v>
      </c>
      <c r="BR34" s="195">
        <v>0</v>
      </c>
      <c r="BS34" s="198">
        <v>1</v>
      </c>
      <c r="BT34" s="199">
        <v>1</v>
      </c>
      <c r="BU34" s="194">
        <v>0</v>
      </c>
      <c r="BV34" s="195">
        <v>0</v>
      </c>
      <c r="BW34" s="195">
        <v>0</v>
      </c>
      <c r="BX34" s="196">
        <v>0</v>
      </c>
      <c r="BY34" s="197">
        <v>0</v>
      </c>
      <c r="BZ34" s="197">
        <v>0</v>
      </c>
      <c r="CA34" s="197">
        <v>1</v>
      </c>
      <c r="CB34" s="195">
        <v>0</v>
      </c>
      <c r="CC34" s="198">
        <v>1</v>
      </c>
      <c r="CD34" s="200">
        <v>1</v>
      </c>
      <c r="CE34" s="201">
        <v>0</v>
      </c>
      <c r="CF34" s="195">
        <v>0</v>
      </c>
      <c r="CG34" s="195">
        <v>0</v>
      </c>
      <c r="CH34" s="196">
        <v>0</v>
      </c>
      <c r="CI34" s="197">
        <v>0</v>
      </c>
      <c r="CJ34" s="197">
        <v>0</v>
      </c>
      <c r="CK34" s="197">
        <v>0</v>
      </c>
      <c r="CL34" s="195">
        <v>0</v>
      </c>
      <c r="CM34" s="198">
        <v>0</v>
      </c>
      <c r="CN34" s="200">
        <v>0</v>
      </c>
      <c r="CO34" s="201">
        <v>0</v>
      </c>
      <c r="CP34" s="195">
        <v>0</v>
      </c>
      <c r="CQ34" s="195">
        <v>0</v>
      </c>
      <c r="CR34" s="196">
        <v>0</v>
      </c>
      <c r="CS34" s="197">
        <v>0</v>
      </c>
      <c r="CT34" s="197">
        <v>0</v>
      </c>
      <c r="CU34" s="197">
        <v>0</v>
      </c>
      <c r="CV34" s="195">
        <v>1</v>
      </c>
      <c r="CW34" s="198">
        <v>1</v>
      </c>
      <c r="CX34" s="199">
        <v>1</v>
      </c>
      <c r="CY34" s="194">
        <v>0</v>
      </c>
      <c r="CZ34" s="195">
        <v>0</v>
      </c>
      <c r="DA34" s="195">
        <v>0</v>
      </c>
      <c r="DB34" s="196">
        <v>0</v>
      </c>
      <c r="DC34" s="197">
        <v>0</v>
      </c>
      <c r="DD34" s="197">
        <v>0</v>
      </c>
      <c r="DE34" s="197">
        <v>0</v>
      </c>
      <c r="DF34" s="195">
        <v>1</v>
      </c>
      <c r="DG34" s="198">
        <v>1</v>
      </c>
      <c r="DH34" s="200">
        <v>1</v>
      </c>
      <c r="DI34" s="201">
        <v>0</v>
      </c>
      <c r="DJ34" s="195">
        <v>0</v>
      </c>
      <c r="DK34" s="195">
        <v>0</v>
      </c>
      <c r="DL34" s="196">
        <v>0</v>
      </c>
      <c r="DM34" s="197">
        <v>0</v>
      </c>
      <c r="DN34" s="197">
        <v>0</v>
      </c>
      <c r="DO34" s="197">
        <v>0</v>
      </c>
      <c r="DP34" s="195">
        <v>0</v>
      </c>
      <c r="DQ34" s="198">
        <v>0</v>
      </c>
      <c r="DR34" s="200">
        <v>0</v>
      </c>
      <c r="DS34" s="201">
        <v>0</v>
      </c>
      <c r="DT34" s="195">
        <v>0</v>
      </c>
      <c r="DU34" s="195">
        <v>0</v>
      </c>
      <c r="DV34" s="196">
        <v>4</v>
      </c>
      <c r="DW34" s="197">
        <v>15</v>
      </c>
      <c r="DX34" s="197">
        <v>40</v>
      </c>
      <c r="DY34" s="197">
        <v>33</v>
      </c>
      <c r="DZ34" s="195">
        <v>30</v>
      </c>
      <c r="EA34" s="198">
        <v>122</v>
      </c>
      <c r="EB34" s="200">
        <v>122</v>
      </c>
      <c r="EC34" s="37"/>
    </row>
    <row r="35" spans="2:133" ht="20.25" customHeight="1" x14ac:dyDescent="0.2">
      <c r="B35" s="62" t="s">
        <v>32</v>
      </c>
      <c r="C35" s="194">
        <v>0</v>
      </c>
      <c r="D35" s="195">
        <v>0</v>
      </c>
      <c r="E35" s="195">
        <v>0</v>
      </c>
      <c r="F35" s="196">
        <v>1</v>
      </c>
      <c r="G35" s="197">
        <v>1</v>
      </c>
      <c r="H35" s="197">
        <v>11</v>
      </c>
      <c r="I35" s="197">
        <v>20</v>
      </c>
      <c r="J35" s="195">
        <v>10</v>
      </c>
      <c r="K35" s="198">
        <v>43</v>
      </c>
      <c r="L35" s="199">
        <v>43</v>
      </c>
      <c r="M35" s="194">
        <v>0</v>
      </c>
      <c r="N35" s="195">
        <v>0</v>
      </c>
      <c r="O35" s="198">
        <v>0</v>
      </c>
      <c r="P35" s="196">
        <v>1</v>
      </c>
      <c r="Q35" s="197">
        <v>1</v>
      </c>
      <c r="R35" s="197">
        <v>11</v>
      </c>
      <c r="S35" s="197">
        <v>20</v>
      </c>
      <c r="T35" s="195">
        <v>9</v>
      </c>
      <c r="U35" s="198">
        <v>42</v>
      </c>
      <c r="V35" s="200">
        <v>42</v>
      </c>
      <c r="W35" s="201">
        <v>0</v>
      </c>
      <c r="X35" s="195">
        <v>0</v>
      </c>
      <c r="Y35" s="198">
        <v>0</v>
      </c>
      <c r="Z35" s="201">
        <v>0</v>
      </c>
      <c r="AA35" s="197">
        <v>0</v>
      </c>
      <c r="AB35" s="197">
        <v>0</v>
      </c>
      <c r="AC35" s="197">
        <v>0</v>
      </c>
      <c r="AD35" s="195">
        <v>1</v>
      </c>
      <c r="AE35" s="198">
        <v>1</v>
      </c>
      <c r="AF35" s="202">
        <v>1</v>
      </c>
      <c r="AG35" s="201">
        <v>0</v>
      </c>
      <c r="AH35" s="195">
        <v>0</v>
      </c>
      <c r="AI35" s="198">
        <v>0</v>
      </c>
      <c r="AJ35" s="201">
        <v>3</v>
      </c>
      <c r="AK35" s="197">
        <v>12</v>
      </c>
      <c r="AL35" s="197">
        <v>12</v>
      </c>
      <c r="AM35" s="197">
        <v>13</v>
      </c>
      <c r="AN35" s="195">
        <v>7</v>
      </c>
      <c r="AO35" s="198">
        <v>47</v>
      </c>
      <c r="AP35" s="202">
        <v>47</v>
      </c>
      <c r="AQ35" s="201">
        <v>0</v>
      </c>
      <c r="AR35" s="195">
        <v>0</v>
      </c>
      <c r="AS35" s="198">
        <v>0</v>
      </c>
      <c r="AT35" s="196">
        <v>3</v>
      </c>
      <c r="AU35" s="197">
        <v>12</v>
      </c>
      <c r="AV35" s="197">
        <v>12</v>
      </c>
      <c r="AW35" s="197">
        <v>13</v>
      </c>
      <c r="AX35" s="195">
        <v>7</v>
      </c>
      <c r="AY35" s="198">
        <v>47</v>
      </c>
      <c r="AZ35" s="199">
        <v>47</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0</v>
      </c>
      <c r="BP35" s="197">
        <v>0</v>
      </c>
      <c r="BQ35" s="197">
        <v>0</v>
      </c>
      <c r="BR35" s="195">
        <v>0</v>
      </c>
      <c r="BS35" s="198">
        <v>0</v>
      </c>
      <c r="BT35" s="199">
        <v>0</v>
      </c>
      <c r="BU35" s="194">
        <v>0</v>
      </c>
      <c r="BV35" s="195">
        <v>0</v>
      </c>
      <c r="BW35" s="195">
        <v>0</v>
      </c>
      <c r="BX35" s="196">
        <v>0</v>
      </c>
      <c r="BY35" s="197">
        <v>0</v>
      </c>
      <c r="BZ35" s="197">
        <v>0</v>
      </c>
      <c r="CA35" s="197">
        <v>0</v>
      </c>
      <c r="CB35" s="195">
        <v>0</v>
      </c>
      <c r="CC35" s="198">
        <v>0</v>
      </c>
      <c r="CD35" s="200">
        <v>0</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0</v>
      </c>
      <c r="CU35" s="197">
        <v>0</v>
      </c>
      <c r="CV35" s="195">
        <v>0</v>
      </c>
      <c r="CW35" s="198">
        <v>0</v>
      </c>
      <c r="CX35" s="199">
        <v>0</v>
      </c>
      <c r="CY35" s="194">
        <v>0</v>
      </c>
      <c r="CZ35" s="195">
        <v>0</v>
      </c>
      <c r="DA35" s="195">
        <v>0</v>
      </c>
      <c r="DB35" s="196">
        <v>0</v>
      </c>
      <c r="DC35" s="197">
        <v>0</v>
      </c>
      <c r="DD35" s="197">
        <v>0</v>
      </c>
      <c r="DE35" s="197">
        <v>0</v>
      </c>
      <c r="DF35" s="195">
        <v>0</v>
      </c>
      <c r="DG35" s="198">
        <v>0</v>
      </c>
      <c r="DH35" s="200">
        <v>0</v>
      </c>
      <c r="DI35" s="201">
        <v>0</v>
      </c>
      <c r="DJ35" s="195">
        <v>0</v>
      </c>
      <c r="DK35" s="195">
        <v>0</v>
      </c>
      <c r="DL35" s="196">
        <v>0</v>
      </c>
      <c r="DM35" s="197">
        <v>0</v>
      </c>
      <c r="DN35" s="197">
        <v>0</v>
      </c>
      <c r="DO35" s="197">
        <v>0</v>
      </c>
      <c r="DP35" s="195">
        <v>0</v>
      </c>
      <c r="DQ35" s="198">
        <v>0</v>
      </c>
      <c r="DR35" s="200">
        <v>0</v>
      </c>
      <c r="DS35" s="201">
        <v>0</v>
      </c>
      <c r="DT35" s="195">
        <v>0</v>
      </c>
      <c r="DU35" s="195">
        <v>0</v>
      </c>
      <c r="DV35" s="196">
        <v>4</v>
      </c>
      <c r="DW35" s="197">
        <v>13</v>
      </c>
      <c r="DX35" s="197">
        <v>23</v>
      </c>
      <c r="DY35" s="197">
        <v>33</v>
      </c>
      <c r="DZ35" s="195">
        <v>17</v>
      </c>
      <c r="EA35" s="198">
        <v>90</v>
      </c>
      <c r="EB35" s="200">
        <v>90</v>
      </c>
      <c r="EC35" s="37"/>
    </row>
    <row r="36" spans="2:133" ht="20.25" customHeight="1" x14ac:dyDescent="0.2">
      <c r="B36" s="62" t="s">
        <v>33</v>
      </c>
      <c r="C36" s="194">
        <v>0</v>
      </c>
      <c r="D36" s="195">
        <v>0</v>
      </c>
      <c r="E36" s="195">
        <v>0</v>
      </c>
      <c r="F36" s="196">
        <v>0</v>
      </c>
      <c r="G36" s="197">
        <v>6</v>
      </c>
      <c r="H36" s="197">
        <v>27</v>
      </c>
      <c r="I36" s="197">
        <v>32</v>
      </c>
      <c r="J36" s="195">
        <v>24</v>
      </c>
      <c r="K36" s="198">
        <v>89</v>
      </c>
      <c r="L36" s="199">
        <v>89</v>
      </c>
      <c r="M36" s="194">
        <v>0</v>
      </c>
      <c r="N36" s="195">
        <v>0</v>
      </c>
      <c r="O36" s="198">
        <v>0</v>
      </c>
      <c r="P36" s="196">
        <v>0</v>
      </c>
      <c r="Q36" s="197">
        <v>6</v>
      </c>
      <c r="R36" s="197">
        <v>27</v>
      </c>
      <c r="S36" s="197">
        <v>32</v>
      </c>
      <c r="T36" s="195">
        <v>24</v>
      </c>
      <c r="U36" s="198">
        <v>89</v>
      </c>
      <c r="V36" s="200">
        <v>89</v>
      </c>
      <c r="W36" s="201">
        <v>0</v>
      </c>
      <c r="X36" s="195">
        <v>0</v>
      </c>
      <c r="Y36" s="198">
        <v>0</v>
      </c>
      <c r="Z36" s="201">
        <v>0</v>
      </c>
      <c r="AA36" s="197">
        <v>0</v>
      </c>
      <c r="AB36" s="197">
        <v>0</v>
      </c>
      <c r="AC36" s="197">
        <v>0</v>
      </c>
      <c r="AD36" s="195">
        <v>0</v>
      </c>
      <c r="AE36" s="198">
        <v>0</v>
      </c>
      <c r="AF36" s="202">
        <v>0</v>
      </c>
      <c r="AG36" s="201">
        <v>0</v>
      </c>
      <c r="AH36" s="195">
        <v>0</v>
      </c>
      <c r="AI36" s="198">
        <v>0</v>
      </c>
      <c r="AJ36" s="201">
        <v>9</v>
      </c>
      <c r="AK36" s="197">
        <v>7</v>
      </c>
      <c r="AL36" s="197">
        <v>10</v>
      </c>
      <c r="AM36" s="197">
        <v>17</v>
      </c>
      <c r="AN36" s="195">
        <v>5</v>
      </c>
      <c r="AO36" s="198">
        <v>48</v>
      </c>
      <c r="AP36" s="202">
        <v>48</v>
      </c>
      <c r="AQ36" s="201">
        <v>0</v>
      </c>
      <c r="AR36" s="195">
        <v>0</v>
      </c>
      <c r="AS36" s="198">
        <v>0</v>
      </c>
      <c r="AT36" s="196">
        <v>9</v>
      </c>
      <c r="AU36" s="197">
        <v>7</v>
      </c>
      <c r="AV36" s="197">
        <v>10</v>
      </c>
      <c r="AW36" s="197">
        <v>17</v>
      </c>
      <c r="AX36" s="195">
        <v>5</v>
      </c>
      <c r="AY36" s="198">
        <v>48</v>
      </c>
      <c r="AZ36" s="199">
        <v>48</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1</v>
      </c>
      <c r="CS36" s="197">
        <v>6</v>
      </c>
      <c r="CT36" s="197">
        <v>6</v>
      </c>
      <c r="CU36" s="197">
        <v>7</v>
      </c>
      <c r="CV36" s="195">
        <v>9</v>
      </c>
      <c r="CW36" s="198">
        <v>29</v>
      </c>
      <c r="CX36" s="199">
        <v>29</v>
      </c>
      <c r="CY36" s="194">
        <v>0</v>
      </c>
      <c r="CZ36" s="195">
        <v>0</v>
      </c>
      <c r="DA36" s="195">
        <v>0</v>
      </c>
      <c r="DB36" s="196">
        <v>1</v>
      </c>
      <c r="DC36" s="197">
        <v>6</v>
      </c>
      <c r="DD36" s="197">
        <v>6</v>
      </c>
      <c r="DE36" s="197">
        <v>7</v>
      </c>
      <c r="DF36" s="195">
        <v>9</v>
      </c>
      <c r="DG36" s="198">
        <v>29</v>
      </c>
      <c r="DH36" s="200">
        <v>29</v>
      </c>
      <c r="DI36" s="201">
        <v>0</v>
      </c>
      <c r="DJ36" s="195">
        <v>0</v>
      </c>
      <c r="DK36" s="195">
        <v>0</v>
      </c>
      <c r="DL36" s="196">
        <v>0</v>
      </c>
      <c r="DM36" s="197">
        <v>0</v>
      </c>
      <c r="DN36" s="197">
        <v>0</v>
      </c>
      <c r="DO36" s="197">
        <v>0</v>
      </c>
      <c r="DP36" s="195">
        <v>0</v>
      </c>
      <c r="DQ36" s="198">
        <v>0</v>
      </c>
      <c r="DR36" s="200">
        <v>0</v>
      </c>
      <c r="DS36" s="201">
        <v>0</v>
      </c>
      <c r="DT36" s="195">
        <v>0</v>
      </c>
      <c r="DU36" s="195">
        <v>0</v>
      </c>
      <c r="DV36" s="196">
        <v>10</v>
      </c>
      <c r="DW36" s="197">
        <v>19</v>
      </c>
      <c r="DX36" s="197">
        <v>43</v>
      </c>
      <c r="DY36" s="197">
        <v>56</v>
      </c>
      <c r="DZ36" s="195">
        <v>37</v>
      </c>
      <c r="EA36" s="198">
        <v>165</v>
      </c>
      <c r="EB36" s="200">
        <v>165</v>
      </c>
      <c r="EC36" s="37"/>
    </row>
    <row r="37" spans="2:133" ht="20.25" customHeight="1" x14ac:dyDescent="0.2">
      <c r="B37" s="62" t="s">
        <v>34</v>
      </c>
      <c r="C37" s="194">
        <v>0</v>
      </c>
      <c r="D37" s="195">
        <v>0</v>
      </c>
      <c r="E37" s="195">
        <v>0</v>
      </c>
      <c r="F37" s="196">
        <v>0</v>
      </c>
      <c r="G37" s="197">
        <v>0</v>
      </c>
      <c r="H37" s="197">
        <v>6</v>
      </c>
      <c r="I37" s="197">
        <v>24</v>
      </c>
      <c r="J37" s="195">
        <v>13</v>
      </c>
      <c r="K37" s="198">
        <v>43</v>
      </c>
      <c r="L37" s="199">
        <v>43</v>
      </c>
      <c r="M37" s="194">
        <v>0</v>
      </c>
      <c r="N37" s="195">
        <v>0</v>
      </c>
      <c r="O37" s="198">
        <v>0</v>
      </c>
      <c r="P37" s="196">
        <v>0</v>
      </c>
      <c r="Q37" s="197">
        <v>0</v>
      </c>
      <c r="R37" s="197">
        <v>6</v>
      </c>
      <c r="S37" s="197">
        <v>24</v>
      </c>
      <c r="T37" s="195">
        <v>13</v>
      </c>
      <c r="U37" s="198">
        <v>43</v>
      </c>
      <c r="V37" s="200">
        <v>43</v>
      </c>
      <c r="W37" s="201">
        <v>0</v>
      </c>
      <c r="X37" s="195">
        <v>0</v>
      </c>
      <c r="Y37" s="198">
        <v>0</v>
      </c>
      <c r="Z37" s="201">
        <v>0</v>
      </c>
      <c r="AA37" s="197">
        <v>0</v>
      </c>
      <c r="AB37" s="197">
        <v>0</v>
      </c>
      <c r="AC37" s="197">
        <v>0</v>
      </c>
      <c r="AD37" s="195">
        <v>0</v>
      </c>
      <c r="AE37" s="198">
        <v>0</v>
      </c>
      <c r="AF37" s="202">
        <v>0</v>
      </c>
      <c r="AG37" s="201">
        <v>0</v>
      </c>
      <c r="AH37" s="195">
        <v>0</v>
      </c>
      <c r="AI37" s="198">
        <v>0</v>
      </c>
      <c r="AJ37" s="201">
        <v>5</v>
      </c>
      <c r="AK37" s="197">
        <v>10</v>
      </c>
      <c r="AL37" s="197">
        <v>13</v>
      </c>
      <c r="AM37" s="197">
        <v>8</v>
      </c>
      <c r="AN37" s="195">
        <v>5</v>
      </c>
      <c r="AO37" s="198">
        <v>41</v>
      </c>
      <c r="AP37" s="202">
        <v>41</v>
      </c>
      <c r="AQ37" s="201">
        <v>0</v>
      </c>
      <c r="AR37" s="195">
        <v>0</v>
      </c>
      <c r="AS37" s="198">
        <v>0</v>
      </c>
      <c r="AT37" s="196">
        <v>5</v>
      </c>
      <c r="AU37" s="197">
        <v>10</v>
      </c>
      <c r="AV37" s="197">
        <v>13</v>
      </c>
      <c r="AW37" s="197">
        <v>8</v>
      </c>
      <c r="AX37" s="195">
        <v>5</v>
      </c>
      <c r="AY37" s="198">
        <v>41</v>
      </c>
      <c r="AZ37" s="199">
        <v>41</v>
      </c>
      <c r="BA37" s="194">
        <v>0</v>
      </c>
      <c r="BB37" s="195">
        <v>0</v>
      </c>
      <c r="BC37" s="195">
        <v>0</v>
      </c>
      <c r="BD37" s="196">
        <v>0</v>
      </c>
      <c r="BE37" s="197">
        <v>0</v>
      </c>
      <c r="BF37" s="197">
        <v>0</v>
      </c>
      <c r="BG37" s="197">
        <v>0</v>
      </c>
      <c r="BH37" s="195">
        <v>0</v>
      </c>
      <c r="BI37" s="198">
        <v>0</v>
      </c>
      <c r="BJ37" s="200">
        <v>0</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1</v>
      </c>
      <c r="CT37" s="197">
        <v>0</v>
      </c>
      <c r="CU37" s="197">
        <v>1</v>
      </c>
      <c r="CV37" s="195">
        <v>0</v>
      </c>
      <c r="CW37" s="198">
        <v>2</v>
      </c>
      <c r="CX37" s="199">
        <v>2</v>
      </c>
      <c r="CY37" s="194">
        <v>0</v>
      </c>
      <c r="CZ37" s="195">
        <v>0</v>
      </c>
      <c r="DA37" s="195">
        <v>0</v>
      </c>
      <c r="DB37" s="196">
        <v>0</v>
      </c>
      <c r="DC37" s="197">
        <v>1</v>
      </c>
      <c r="DD37" s="197">
        <v>0</v>
      </c>
      <c r="DE37" s="197">
        <v>1</v>
      </c>
      <c r="DF37" s="195">
        <v>0</v>
      </c>
      <c r="DG37" s="198">
        <v>2</v>
      </c>
      <c r="DH37" s="200">
        <v>2</v>
      </c>
      <c r="DI37" s="201">
        <v>0</v>
      </c>
      <c r="DJ37" s="195">
        <v>0</v>
      </c>
      <c r="DK37" s="195">
        <v>0</v>
      </c>
      <c r="DL37" s="196">
        <v>0</v>
      </c>
      <c r="DM37" s="197">
        <v>0</v>
      </c>
      <c r="DN37" s="197">
        <v>0</v>
      </c>
      <c r="DO37" s="197">
        <v>0</v>
      </c>
      <c r="DP37" s="195">
        <v>0</v>
      </c>
      <c r="DQ37" s="198">
        <v>0</v>
      </c>
      <c r="DR37" s="200">
        <v>0</v>
      </c>
      <c r="DS37" s="201">
        <v>0</v>
      </c>
      <c r="DT37" s="195">
        <v>0</v>
      </c>
      <c r="DU37" s="195">
        <v>0</v>
      </c>
      <c r="DV37" s="196">
        <v>5</v>
      </c>
      <c r="DW37" s="197">
        <v>11</v>
      </c>
      <c r="DX37" s="197">
        <v>19</v>
      </c>
      <c r="DY37" s="197">
        <v>32</v>
      </c>
      <c r="DZ37" s="195">
        <v>18</v>
      </c>
      <c r="EA37" s="198">
        <v>85</v>
      </c>
      <c r="EB37" s="200">
        <v>85</v>
      </c>
      <c r="EC37" s="37"/>
    </row>
    <row r="38" spans="2:133" ht="20.25" customHeight="1" x14ac:dyDescent="0.2">
      <c r="B38" s="62" t="s">
        <v>35</v>
      </c>
      <c r="C38" s="194">
        <v>0</v>
      </c>
      <c r="D38" s="195">
        <v>0</v>
      </c>
      <c r="E38" s="195">
        <v>0</v>
      </c>
      <c r="F38" s="196">
        <v>3</v>
      </c>
      <c r="G38" s="197">
        <v>2</v>
      </c>
      <c r="H38" s="197">
        <v>25</v>
      </c>
      <c r="I38" s="197">
        <v>47</v>
      </c>
      <c r="J38" s="195">
        <v>35</v>
      </c>
      <c r="K38" s="198">
        <v>112</v>
      </c>
      <c r="L38" s="199">
        <v>112</v>
      </c>
      <c r="M38" s="194">
        <v>0</v>
      </c>
      <c r="N38" s="195">
        <v>0</v>
      </c>
      <c r="O38" s="198">
        <v>0</v>
      </c>
      <c r="P38" s="196">
        <v>3</v>
      </c>
      <c r="Q38" s="197">
        <v>2</v>
      </c>
      <c r="R38" s="197">
        <v>25</v>
      </c>
      <c r="S38" s="197">
        <v>47</v>
      </c>
      <c r="T38" s="195">
        <v>35</v>
      </c>
      <c r="U38" s="198">
        <v>112</v>
      </c>
      <c r="V38" s="200">
        <v>112</v>
      </c>
      <c r="W38" s="201">
        <v>0</v>
      </c>
      <c r="X38" s="195">
        <v>0</v>
      </c>
      <c r="Y38" s="198">
        <v>0</v>
      </c>
      <c r="Z38" s="201">
        <v>0</v>
      </c>
      <c r="AA38" s="197">
        <v>0</v>
      </c>
      <c r="AB38" s="197">
        <v>0</v>
      </c>
      <c r="AC38" s="197">
        <v>0</v>
      </c>
      <c r="AD38" s="195">
        <v>0</v>
      </c>
      <c r="AE38" s="198">
        <v>0</v>
      </c>
      <c r="AF38" s="202">
        <v>0</v>
      </c>
      <c r="AG38" s="201">
        <v>0</v>
      </c>
      <c r="AH38" s="195">
        <v>0</v>
      </c>
      <c r="AI38" s="198">
        <v>0</v>
      </c>
      <c r="AJ38" s="201">
        <v>23</v>
      </c>
      <c r="AK38" s="197">
        <v>28</v>
      </c>
      <c r="AL38" s="197">
        <v>25</v>
      </c>
      <c r="AM38" s="197">
        <v>16</v>
      </c>
      <c r="AN38" s="195">
        <v>9</v>
      </c>
      <c r="AO38" s="198">
        <v>101</v>
      </c>
      <c r="AP38" s="202">
        <v>101</v>
      </c>
      <c r="AQ38" s="201">
        <v>0</v>
      </c>
      <c r="AR38" s="195">
        <v>0</v>
      </c>
      <c r="AS38" s="198">
        <v>0</v>
      </c>
      <c r="AT38" s="196">
        <v>23</v>
      </c>
      <c r="AU38" s="197">
        <v>28</v>
      </c>
      <c r="AV38" s="197">
        <v>23</v>
      </c>
      <c r="AW38" s="197">
        <v>15</v>
      </c>
      <c r="AX38" s="195">
        <v>9</v>
      </c>
      <c r="AY38" s="198">
        <v>98</v>
      </c>
      <c r="AZ38" s="199">
        <v>98</v>
      </c>
      <c r="BA38" s="194">
        <v>0</v>
      </c>
      <c r="BB38" s="195">
        <v>0</v>
      </c>
      <c r="BC38" s="195">
        <v>0</v>
      </c>
      <c r="BD38" s="196">
        <v>0</v>
      </c>
      <c r="BE38" s="197">
        <v>0</v>
      </c>
      <c r="BF38" s="197">
        <v>2</v>
      </c>
      <c r="BG38" s="197">
        <v>1</v>
      </c>
      <c r="BH38" s="195">
        <v>0</v>
      </c>
      <c r="BI38" s="198">
        <v>3</v>
      </c>
      <c r="BJ38" s="200">
        <v>3</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4</v>
      </c>
      <c r="CS38" s="197">
        <v>2</v>
      </c>
      <c r="CT38" s="197">
        <v>4</v>
      </c>
      <c r="CU38" s="197">
        <v>9</v>
      </c>
      <c r="CV38" s="195">
        <v>9</v>
      </c>
      <c r="CW38" s="198">
        <v>28</v>
      </c>
      <c r="CX38" s="199">
        <v>28</v>
      </c>
      <c r="CY38" s="194">
        <v>0</v>
      </c>
      <c r="CZ38" s="195">
        <v>0</v>
      </c>
      <c r="DA38" s="195">
        <v>0</v>
      </c>
      <c r="DB38" s="196">
        <v>4</v>
      </c>
      <c r="DC38" s="197">
        <v>1</v>
      </c>
      <c r="DD38" s="197">
        <v>4</v>
      </c>
      <c r="DE38" s="197">
        <v>9</v>
      </c>
      <c r="DF38" s="195">
        <v>8</v>
      </c>
      <c r="DG38" s="198">
        <v>26</v>
      </c>
      <c r="DH38" s="200">
        <v>26</v>
      </c>
      <c r="DI38" s="201">
        <v>0</v>
      </c>
      <c r="DJ38" s="195">
        <v>0</v>
      </c>
      <c r="DK38" s="195">
        <v>0</v>
      </c>
      <c r="DL38" s="196">
        <v>0</v>
      </c>
      <c r="DM38" s="197">
        <v>1</v>
      </c>
      <c r="DN38" s="197">
        <v>0</v>
      </c>
      <c r="DO38" s="197">
        <v>0</v>
      </c>
      <c r="DP38" s="195">
        <v>1</v>
      </c>
      <c r="DQ38" s="198">
        <v>2</v>
      </c>
      <c r="DR38" s="200">
        <v>2</v>
      </c>
      <c r="DS38" s="201">
        <v>0</v>
      </c>
      <c r="DT38" s="195">
        <v>0</v>
      </c>
      <c r="DU38" s="195">
        <v>0</v>
      </c>
      <c r="DV38" s="196">
        <v>30</v>
      </c>
      <c r="DW38" s="197">
        <v>32</v>
      </c>
      <c r="DX38" s="197">
        <v>53</v>
      </c>
      <c r="DY38" s="197">
        <v>71</v>
      </c>
      <c r="DZ38" s="195">
        <v>53</v>
      </c>
      <c r="EA38" s="198">
        <v>239</v>
      </c>
      <c r="EB38" s="200">
        <v>239</v>
      </c>
      <c r="EC38" s="37"/>
    </row>
    <row r="39" spans="2:133" ht="20.25" customHeight="1" x14ac:dyDescent="0.2">
      <c r="B39" s="62" t="s">
        <v>36</v>
      </c>
      <c r="C39" s="194">
        <v>0</v>
      </c>
      <c r="D39" s="195">
        <v>0</v>
      </c>
      <c r="E39" s="195">
        <v>0</v>
      </c>
      <c r="F39" s="196">
        <v>0</v>
      </c>
      <c r="G39" s="197">
        <v>3</v>
      </c>
      <c r="H39" s="197">
        <v>48</v>
      </c>
      <c r="I39" s="197">
        <v>84</v>
      </c>
      <c r="J39" s="195">
        <v>76</v>
      </c>
      <c r="K39" s="198">
        <v>211</v>
      </c>
      <c r="L39" s="199">
        <v>211</v>
      </c>
      <c r="M39" s="194">
        <v>0</v>
      </c>
      <c r="N39" s="195">
        <v>0</v>
      </c>
      <c r="O39" s="198">
        <v>0</v>
      </c>
      <c r="P39" s="196">
        <v>0</v>
      </c>
      <c r="Q39" s="197">
        <v>3</v>
      </c>
      <c r="R39" s="197">
        <v>48</v>
      </c>
      <c r="S39" s="197">
        <v>80</v>
      </c>
      <c r="T39" s="195">
        <v>75</v>
      </c>
      <c r="U39" s="198">
        <v>206</v>
      </c>
      <c r="V39" s="200">
        <v>206</v>
      </c>
      <c r="W39" s="201">
        <v>0</v>
      </c>
      <c r="X39" s="195">
        <v>0</v>
      </c>
      <c r="Y39" s="198">
        <v>0</v>
      </c>
      <c r="Z39" s="201">
        <v>0</v>
      </c>
      <c r="AA39" s="197">
        <v>0</v>
      </c>
      <c r="AB39" s="197">
        <v>0</v>
      </c>
      <c r="AC39" s="197">
        <v>4</v>
      </c>
      <c r="AD39" s="195">
        <v>1</v>
      </c>
      <c r="AE39" s="198">
        <v>5</v>
      </c>
      <c r="AF39" s="202">
        <v>5</v>
      </c>
      <c r="AG39" s="201">
        <v>0</v>
      </c>
      <c r="AH39" s="195">
        <v>0</v>
      </c>
      <c r="AI39" s="198">
        <v>0</v>
      </c>
      <c r="AJ39" s="201">
        <v>25</v>
      </c>
      <c r="AK39" s="197">
        <v>31</v>
      </c>
      <c r="AL39" s="197">
        <v>40</v>
      </c>
      <c r="AM39" s="197">
        <v>32</v>
      </c>
      <c r="AN39" s="195">
        <v>18</v>
      </c>
      <c r="AO39" s="198">
        <v>146</v>
      </c>
      <c r="AP39" s="202">
        <v>146</v>
      </c>
      <c r="AQ39" s="201">
        <v>0</v>
      </c>
      <c r="AR39" s="195">
        <v>0</v>
      </c>
      <c r="AS39" s="198">
        <v>0</v>
      </c>
      <c r="AT39" s="196">
        <v>25</v>
      </c>
      <c r="AU39" s="197">
        <v>31</v>
      </c>
      <c r="AV39" s="197">
        <v>40</v>
      </c>
      <c r="AW39" s="197">
        <v>31</v>
      </c>
      <c r="AX39" s="195">
        <v>18</v>
      </c>
      <c r="AY39" s="198">
        <v>145</v>
      </c>
      <c r="AZ39" s="199">
        <v>145</v>
      </c>
      <c r="BA39" s="194">
        <v>0</v>
      </c>
      <c r="BB39" s="195">
        <v>0</v>
      </c>
      <c r="BC39" s="195">
        <v>0</v>
      </c>
      <c r="BD39" s="196">
        <v>0</v>
      </c>
      <c r="BE39" s="197">
        <v>0</v>
      </c>
      <c r="BF39" s="197">
        <v>0</v>
      </c>
      <c r="BG39" s="197">
        <v>1</v>
      </c>
      <c r="BH39" s="195">
        <v>0</v>
      </c>
      <c r="BI39" s="198">
        <v>1</v>
      </c>
      <c r="BJ39" s="200">
        <v>1</v>
      </c>
      <c r="BK39" s="201">
        <v>0</v>
      </c>
      <c r="BL39" s="195">
        <v>0</v>
      </c>
      <c r="BM39" s="195">
        <v>0</v>
      </c>
      <c r="BN39" s="196">
        <v>0</v>
      </c>
      <c r="BO39" s="197">
        <v>0</v>
      </c>
      <c r="BP39" s="197">
        <v>0</v>
      </c>
      <c r="BQ39" s="197">
        <v>1</v>
      </c>
      <c r="BR39" s="195">
        <v>1</v>
      </c>
      <c r="BS39" s="198">
        <v>2</v>
      </c>
      <c r="BT39" s="199">
        <v>2</v>
      </c>
      <c r="BU39" s="194">
        <v>0</v>
      </c>
      <c r="BV39" s="195">
        <v>0</v>
      </c>
      <c r="BW39" s="195">
        <v>0</v>
      </c>
      <c r="BX39" s="196">
        <v>0</v>
      </c>
      <c r="BY39" s="197">
        <v>0</v>
      </c>
      <c r="BZ39" s="197">
        <v>0</v>
      </c>
      <c r="CA39" s="197">
        <v>1</v>
      </c>
      <c r="CB39" s="195">
        <v>1</v>
      </c>
      <c r="CC39" s="198">
        <v>2</v>
      </c>
      <c r="CD39" s="200">
        <v>2</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5</v>
      </c>
      <c r="CV39" s="195">
        <v>0</v>
      </c>
      <c r="CW39" s="198">
        <v>5</v>
      </c>
      <c r="CX39" s="199">
        <v>5</v>
      </c>
      <c r="CY39" s="194">
        <v>0</v>
      </c>
      <c r="CZ39" s="195">
        <v>0</v>
      </c>
      <c r="DA39" s="195">
        <v>0</v>
      </c>
      <c r="DB39" s="196">
        <v>0</v>
      </c>
      <c r="DC39" s="197">
        <v>0</v>
      </c>
      <c r="DD39" s="197">
        <v>0</v>
      </c>
      <c r="DE39" s="197">
        <v>4</v>
      </c>
      <c r="DF39" s="195">
        <v>0</v>
      </c>
      <c r="DG39" s="198">
        <v>4</v>
      </c>
      <c r="DH39" s="200">
        <v>4</v>
      </c>
      <c r="DI39" s="201">
        <v>0</v>
      </c>
      <c r="DJ39" s="195">
        <v>0</v>
      </c>
      <c r="DK39" s="195">
        <v>0</v>
      </c>
      <c r="DL39" s="196">
        <v>0</v>
      </c>
      <c r="DM39" s="197">
        <v>0</v>
      </c>
      <c r="DN39" s="197">
        <v>0</v>
      </c>
      <c r="DO39" s="197">
        <v>1</v>
      </c>
      <c r="DP39" s="195">
        <v>0</v>
      </c>
      <c r="DQ39" s="198">
        <v>1</v>
      </c>
      <c r="DR39" s="200">
        <v>1</v>
      </c>
      <c r="DS39" s="201">
        <v>0</v>
      </c>
      <c r="DT39" s="195">
        <v>0</v>
      </c>
      <c r="DU39" s="195">
        <v>0</v>
      </c>
      <c r="DV39" s="196">
        <v>25</v>
      </c>
      <c r="DW39" s="197">
        <v>34</v>
      </c>
      <c r="DX39" s="197">
        <v>88</v>
      </c>
      <c r="DY39" s="197">
        <v>122</v>
      </c>
      <c r="DZ39" s="195">
        <v>94</v>
      </c>
      <c r="EA39" s="198">
        <v>363</v>
      </c>
      <c r="EB39" s="200">
        <v>363</v>
      </c>
      <c r="EC39" s="37"/>
    </row>
    <row r="40" spans="2:133" ht="20.25" customHeight="1" thickBot="1" x14ac:dyDescent="0.25">
      <c r="B40" s="63" t="s">
        <v>37</v>
      </c>
      <c r="C40" s="203">
        <v>0</v>
      </c>
      <c r="D40" s="204">
        <v>0</v>
      </c>
      <c r="E40" s="204">
        <v>0</v>
      </c>
      <c r="F40" s="205">
        <v>0</v>
      </c>
      <c r="G40" s="206">
        <v>0</v>
      </c>
      <c r="H40" s="206">
        <v>9</v>
      </c>
      <c r="I40" s="206">
        <v>6</v>
      </c>
      <c r="J40" s="204">
        <v>7</v>
      </c>
      <c r="K40" s="207">
        <v>22</v>
      </c>
      <c r="L40" s="208">
        <v>22</v>
      </c>
      <c r="M40" s="203">
        <v>0</v>
      </c>
      <c r="N40" s="204">
        <v>0</v>
      </c>
      <c r="O40" s="207">
        <v>0</v>
      </c>
      <c r="P40" s="205">
        <v>0</v>
      </c>
      <c r="Q40" s="206">
        <v>0</v>
      </c>
      <c r="R40" s="206">
        <v>9</v>
      </c>
      <c r="S40" s="206">
        <v>6</v>
      </c>
      <c r="T40" s="204">
        <v>7</v>
      </c>
      <c r="U40" s="207">
        <v>22</v>
      </c>
      <c r="V40" s="209">
        <v>22</v>
      </c>
      <c r="W40" s="210">
        <v>0</v>
      </c>
      <c r="X40" s="204">
        <v>0</v>
      </c>
      <c r="Y40" s="207">
        <v>0</v>
      </c>
      <c r="Z40" s="210">
        <v>0</v>
      </c>
      <c r="AA40" s="206">
        <v>0</v>
      </c>
      <c r="AB40" s="206">
        <v>0</v>
      </c>
      <c r="AC40" s="206">
        <v>0</v>
      </c>
      <c r="AD40" s="204">
        <v>0</v>
      </c>
      <c r="AE40" s="207">
        <v>0</v>
      </c>
      <c r="AF40" s="211">
        <v>0</v>
      </c>
      <c r="AG40" s="210">
        <v>0</v>
      </c>
      <c r="AH40" s="204">
        <v>0</v>
      </c>
      <c r="AI40" s="207">
        <v>0</v>
      </c>
      <c r="AJ40" s="210">
        <v>2</v>
      </c>
      <c r="AK40" s="206">
        <v>1</v>
      </c>
      <c r="AL40" s="206">
        <v>4</v>
      </c>
      <c r="AM40" s="206">
        <v>1</v>
      </c>
      <c r="AN40" s="204">
        <v>1</v>
      </c>
      <c r="AO40" s="207">
        <v>9</v>
      </c>
      <c r="AP40" s="211">
        <v>9</v>
      </c>
      <c r="AQ40" s="210">
        <v>0</v>
      </c>
      <c r="AR40" s="204">
        <v>0</v>
      </c>
      <c r="AS40" s="207">
        <v>0</v>
      </c>
      <c r="AT40" s="205">
        <v>2</v>
      </c>
      <c r="AU40" s="206">
        <v>1</v>
      </c>
      <c r="AV40" s="206">
        <v>4</v>
      </c>
      <c r="AW40" s="206">
        <v>1</v>
      </c>
      <c r="AX40" s="204">
        <v>1</v>
      </c>
      <c r="AY40" s="207">
        <v>9</v>
      </c>
      <c r="AZ40" s="208">
        <v>9</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1</v>
      </c>
      <c r="BR40" s="204">
        <v>0</v>
      </c>
      <c r="BS40" s="207">
        <v>1</v>
      </c>
      <c r="BT40" s="208">
        <v>1</v>
      </c>
      <c r="BU40" s="203">
        <v>0</v>
      </c>
      <c r="BV40" s="204">
        <v>0</v>
      </c>
      <c r="BW40" s="204">
        <v>0</v>
      </c>
      <c r="BX40" s="205">
        <v>0</v>
      </c>
      <c r="BY40" s="206">
        <v>0</v>
      </c>
      <c r="BZ40" s="206">
        <v>0</v>
      </c>
      <c r="CA40" s="206">
        <v>1</v>
      </c>
      <c r="CB40" s="204">
        <v>0</v>
      </c>
      <c r="CC40" s="207">
        <v>1</v>
      </c>
      <c r="CD40" s="209">
        <v>1</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1</v>
      </c>
      <c r="CW40" s="207">
        <v>1</v>
      </c>
      <c r="CX40" s="208">
        <v>1</v>
      </c>
      <c r="CY40" s="203">
        <v>0</v>
      </c>
      <c r="CZ40" s="204">
        <v>0</v>
      </c>
      <c r="DA40" s="204">
        <v>0</v>
      </c>
      <c r="DB40" s="205">
        <v>0</v>
      </c>
      <c r="DC40" s="206">
        <v>0</v>
      </c>
      <c r="DD40" s="206">
        <v>0</v>
      </c>
      <c r="DE40" s="206">
        <v>0</v>
      </c>
      <c r="DF40" s="204">
        <v>1</v>
      </c>
      <c r="DG40" s="207">
        <v>1</v>
      </c>
      <c r="DH40" s="209">
        <v>1</v>
      </c>
      <c r="DI40" s="210">
        <v>0</v>
      </c>
      <c r="DJ40" s="204">
        <v>0</v>
      </c>
      <c r="DK40" s="204">
        <v>0</v>
      </c>
      <c r="DL40" s="205">
        <v>0</v>
      </c>
      <c r="DM40" s="206">
        <v>0</v>
      </c>
      <c r="DN40" s="206">
        <v>0</v>
      </c>
      <c r="DO40" s="206">
        <v>0</v>
      </c>
      <c r="DP40" s="204">
        <v>0</v>
      </c>
      <c r="DQ40" s="207">
        <v>0</v>
      </c>
      <c r="DR40" s="209">
        <v>0</v>
      </c>
      <c r="DS40" s="210">
        <v>0</v>
      </c>
      <c r="DT40" s="204">
        <v>0</v>
      </c>
      <c r="DU40" s="204">
        <v>0</v>
      </c>
      <c r="DV40" s="205">
        <v>2</v>
      </c>
      <c r="DW40" s="206">
        <v>1</v>
      </c>
      <c r="DX40" s="206">
        <v>13</v>
      </c>
      <c r="DY40" s="206">
        <v>8</v>
      </c>
      <c r="DZ40" s="204">
        <v>9</v>
      </c>
      <c r="EA40" s="207">
        <v>33</v>
      </c>
      <c r="EB40" s="209">
        <v>33</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8">
    <mergeCell ref="G1:H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24">
        <f>第１表!F2</f>
        <v>4</v>
      </c>
      <c r="G1" s="524"/>
      <c r="H1" s="248">
        <f>第１表!G2</f>
        <v>7</v>
      </c>
      <c r="I1" s="523">
        <f>H1</f>
        <v>7</v>
      </c>
      <c r="J1" s="523"/>
    </row>
    <row r="2" spans="2:299" ht="24" customHeight="1" thickBot="1" x14ac:dyDescent="0.25">
      <c r="B2" s="20" t="s">
        <v>130</v>
      </c>
    </row>
    <row r="3" spans="2:299" ht="22.5" customHeight="1" thickBot="1" x14ac:dyDescent="0.25">
      <c r="B3" s="510" t="s">
        <v>38</v>
      </c>
      <c r="C3" s="505" t="s">
        <v>96</v>
      </c>
      <c r="D3" s="505"/>
      <c r="E3" s="505"/>
      <c r="F3" s="505"/>
      <c r="G3" s="505"/>
      <c r="H3" s="505"/>
      <c r="I3" s="505"/>
      <c r="J3" s="505"/>
      <c r="K3" s="505"/>
      <c r="L3" s="505"/>
      <c r="M3" s="505"/>
      <c r="N3" s="505"/>
      <c r="O3" s="505"/>
      <c r="P3" s="505"/>
      <c r="Q3" s="505"/>
      <c r="R3" s="505"/>
      <c r="S3" s="505"/>
      <c r="T3" s="505"/>
      <c r="U3" s="505"/>
      <c r="V3" s="505"/>
      <c r="W3" s="505"/>
      <c r="X3" s="505"/>
      <c r="Y3" s="505"/>
      <c r="Z3" s="505"/>
      <c r="AA3" s="505"/>
      <c r="AB3" s="505"/>
      <c r="AC3" s="505"/>
      <c r="AD3" s="505"/>
      <c r="AE3" s="505"/>
      <c r="AF3" s="505"/>
      <c r="AG3" s="505"/>
      <c r="AH3" s="505"/>
      <c r="AI3" s="505"/>
      <c r="AJ3" s="505"/>
      <c r="AK3" s="505"/>
      <c r="AL3" s="505"/>
      <c r="AM3" s="505"/>
      <c r="AN3" s="505"/>
      <c r="AO3" s="505"/>
      <c r="AP3" s="505"/>
      <c r="AQ3" s="505"/>
      <c r="AR3" s="505"/>
      <c r="AS3" s="505"/>
      <c r="AT3" s="505"/>
      <c r="AU3" s="505"/>
      <c r="AV3" s="505"/>
      <c r="AW3" s="505"/>
      <c r="AX3" s="505"/>
      <c r="AY3" s="505"/>
      <c r="AZ3" s="505"/>
      <c r="BA3" s="505"/>
      <c r="BB3" s="505"/>
      <c r="BC3" s="505"/>
      <c r="BD3" s="505"/>
      <c r="BE3" s="505"/>
      <c r="BF3" s="505"/>
      <c r="BG3" s="505"/>
      <c r="BH3" s="505"/>
      <c r="BI3" s="505"/>
      <c r="BJ3" s="505"/>
      <c r="BK3" s="505"/>
      <c r="BL3" s="505"/>
      <c r="BM3" s="505"/>
      <c r="BN3" s="505"/>
      <c r="BO3" s="505"/>
      <c r="BP3" s="505"/>
      <c r="BQ3" s="505"/>
      <c r="BR3" s="505"/>
      <c r="BS3" s="505"/>
      <c r="BT3" s="505"/>
      <c r="BU3" s="505"/>
      <c r="BV3" s="505"/>
      <c r="BW3" s="505"/>
      <c r="BX3" s="505"/>
      <c r="BY3" s="505"/>
      <c r="BZ3" s="505"/>
      <c r="CA3" s="505"/>
      <c r="CB3" s="505"/>
      <c r="CC3" s="505"/>
      <c r="CD3" s="505"/>
      <c r="CE3" s="505"/>
      <c r="CF3" s="505"/>
      <c r="CG3" s="505"/>
      <c r="CH3" s="505"/>
      <c r="CI3" s="505"/>
      <c r="CJ3" s="505"/>
      <c r="CK3" s="505"/>
      <c r="CL3" s="505"/>
      <c r="CM3" s="505"/>
      <c r="CN3" s="505"/>
      <c r="CO3" s="505"/>
      <c r="CP3" s="505"/>
      <c r="CQ3" s="505"/>
      <c r="CR3" s="505"/>
      <c r="CS3" s="505"/>
      <c r="CT3" s="505"/>
      <c r="CU3" s="505"/>
      <c r="CV3" s="505"/>
      <c r="CW3" s="506"/>
      <c r="CX3" s="505" t="s">
        <v>103</v>
      </c>
      <c r="CY3" s="505"/>
      <c r="CZ3" s="505"/>
      <c r="DA3" s="505"/>
      <c r="DB3" s="505"/>
      <c r="DC3" s="505"/>
      <c r="DD3" s="505"/>
      <c r="DE3" s="505"/>
      <c r="DF3" s="505"/>
      <c r="DG3" s="505"/>
      <c r="DH3" s="505"/>
      <c r="DI3" s="505"/>
      <c r="DJ3" s="505"/>
      <c r="DK3" s="505"/>
      <c r="DL3" s="505"/>
      <c r="DM3" s="505"/>
      <c r="DN3" s="505"/>
      <c r="DO3" s="505"/>
      <c r="DP3" s="505"/>
      <c r="DQ3" s="505"/>
      <c r="DR3" s="505"/>
      <c r="DS3" s="505"/>
      <c r="DT3" s="505"/>
      <c r="DU3" s="505"/>
      <c r="DV3" s="505"/>
      <c r="DW3" s="505"/>
      <c r="DX3" s="505"/>
      <c r="DY3" s="505"/>
      <c r="DZ3" s="505"/>
      <c r="EA3" s="505"/>
      <c r="EB3" s="505"/>
      <c r="EC3" s="505"/>
      <c r="ED3" s="505"/>
      <c r="EE3" s="505"/>
      <c r="EF3" s="505"/>
      <c r="EG3" s="505"/>
      <c r="EH3" s="505"/>
      <c r="EI3" s="505"/>
      <c r="EJ3" s="505"/>
      <c r="EK3" s="505"/>
      <c r="EL3" s="505"/>
      <c r="EM3" s="505"/>
      <c r="EN3" s="505"/>
      <c r="EO3" s="505"/>
      <c r="EP3" s="505"/>
      <c r="EQ3" s="505"/>
      <c r="ER3" s="505"/>
      <c r="ES3" s="505"/>
      <c r="ET3" s="505"/>
      <c r="EU3" s="505"/>
      <c r="EV3" s="505"/>
      <c r="EW3" s="505"/>
      <c r="EX3" s="505"/>
      <c r="EY3" s="505"/>
      <c r="EZ3" s="505"/>
      <c r="FA3" s="505"/>
      <c r="FB3" s="505"/>
      <c r="FC3" s="505"/>
      <c r="FD3" s="505"/>
      <c r="FE3" s="505"/>
      <c r="FF3" s="505"/>
      <c r="FG3" s="505"/>
      <c r="FH3" s="505"/>
      <c r="FI3" s="505"/>
      <c r="FJ3" s="505"/>
      <c r="FK3" s="505"/>
      <c r="FL3" s="505"/>
      <c r="FM3" s="505"/>
      <c r="FN3" s="505"/>
      <c r="FO3" s="505"/>
      <c r="FP3" s="505"/>
      <c r="FQ3" s="505"/>
      <c r="FR3" s="505"/>
      <c r="FS3" s="505"/>
      <c r="FT3" s="505"/>
      <c r="FU3" s="505"/>
      <c r="FV3" s="505"/>
      <c r="FW3" s="505"/>
      <c r="FX3" s="505"/>
      <c r="FY3" s="505"/>
      <c r="FZ3" s="505"/>
      <c r="GA3" s="505"/>
      <c r="GB3" s="505"/>
      <c r="GC3" s="505"/>
      <c r="GD3" s="505"/>
      <c r="GE3" s="505"/>
      <c r="GF3" s="505"/>
      <c r="GG3" s="505"/>
      <c r="GH3" s="505"/>
      <c r="GI3" s="505"/>
      <c r="GJ3" s="505"/>
      <c r="GK3" s="505"/>
      <c r="GL3" s="505"/>
      <c r="GM3" s="505"/>
      <c r="GN3" s="505"/>
      <c r="GO3" s="505"/>
      <c r="GP3" s="505"/>
      <c r="GQ3" s="505"/>
      <c r="GR3" s="506"/>
      <c r="GS3" s="505" t="s">
        <v>104</v>
      </c>
      <c r="GT3" s="505"/>
      <c r="GU3" s="505"/>
      <c r="GV3" s="505"/>
      <c r="GW3" s="505"/>
      <c r="GX3" s="505"/>
      <c r="GY3" s="505"/>
      <c r="GZ3" s="505"/>
      <c r="HA3" s="505"/>
      <c r="HB3" s="505"/>
      <c r="HC3" s="505"/>
      <c r="HD3" s="505"/>
      <c r="HE3" s="505"/>
      <c r="HF3" s="505"/>
      <c r="HG3" s="505"/>
      <c r="HH3" s="505"/>
      <c r="HI3" s="505"/>
      <c r="HJ3" s="505"/>
      <c r="HK3" s="505"/>
      <c r="HL3" s="505"/>
      <c r="HM3" s="505"/>
      <c r="HN3" s="505"/>
      <c r="HO3" s="505"/>
      <c r="HP3" s="505"/>
      <c r="HQ3" s="505"/>
      <c r="HR3" s="505"/>
      <c r="HS3" s="505"/>
      <c r="HT3" s="505"/>
      <c r="HU3" s="505"/>
      <c r="HV3" s="505"/>
      <c r="HW3" s="505"/>
      <c r="HX3" s="505"/>
      <c r="HY3" s="505"/>
      <c r="HZ3" s="505"/>
      <c r="IA3" s="505"/>
      <c r="IB3" s="505"/>
      <c r="IC3" s="505"/>
      <c r="ID3" s="505"/>
      <c r="IE3" s="505"/>
      <c r="IF3" s="505"/>
      <c r="IG3" s="505"/>
      <c r="IH3" s="505"/>
      <c r="II3" s="505"/>
      <c r="IJ3" s="505"/>
      <c r="IK3" s="505"/>
      <c r="IL3" s="505"/>
      <c r="IM3" s="505"/>
      <c r="IN3" s="505"/>
      <c r="IO3" s="505"/>
      <c r="IP3" s="505"/>
      <c r="IQ3" s="505"/>
      <c r="IR3" s="505"/>
      <c r="IS3" s="505"/>
      <c r="IT3" s="505"/>
      <c r="IU3" s="505"/>
      <c r="IV3" s="505"/>
      <c r="IW3" s="505"/>
      <c r="IX3" s="505"/>
      <c r="IY3" s="505"/>
      <c r="IZ3" s="505"/>
      <c r="JA3" s="505"/>
      <c r="JB3" s="505"/>
      <c r="JC3" s="505"/>
      <c r="JD3" s="505"/>
      <c r="JE3" s="505"/>
      <c r="JF3" s="505"/>
      <c r="JG3" s="505"/>
      <c r="JH3" s="505"/>
      <c r="JI3" s="505"/>
      <c r="JJ3" s="505"/>
      <c r="JK3" s="505"/>
      <c r="JL3" s="505"/>
      <c r="JM3" s="505"/>
      <c r="JN3" s="505"/>
      <c r="JO3" s="505"/>
      <c r="JP3" s="505"/>
      <c r="JQ3" s="505"/>
      <c r="JR3" s="505"/>
      <c r="JS3" s="505"/>
      <c r="JT3" s="505"/>
      <c r="JU3" s="505"/>
      <c r="JV3" s="505"/>
      <c r="JW3" s="505"/>
      <c r="JX3" s="505"/>
      <c r="JY3" s="505"/>
      <c r="JZ3" s="505"/>
      <c r="KA3" s="505"/>
      <c r="KB3" s="505"/>
      <c r="KC3" s="505"/>
      <c r="KD3" s="505"/>
      <c r="KE3" s="505"/>
      <c r="KF3" s="505"/>
      <c r="KG3" s="505"/>
      <c r="KH3" s="505"/>
      <c r="KI3" s="505"/>
      <c r="KJ3" s="505"/>
      <c r="KK3" s="505"/>
      <c r="KL3" s="505"/>
      <c r="KM3" s="506"/>
    </row>
    <row r="4" spans="2:299" ht="27.75" customHeight="1" thickBot="1" x14ac:dyDescent="0.25">
      <c r="B4" s="522"/>
      <c r="C4" s="507" t="s">
        <v>39</v>
      </c>
      <c r="D4" s="508"/>
      <c r="E4" s="508"/>
      <c r="F4" s="508"/>
      <c r="G4" s="508"/>
      <c r="H4" s="508"/>
      <c r="I4" s="508"/>
      <c r="J4" s="508"/>
      <c r="K4" s="508"/>
      <c r="L4" s="508"/>
      <c r="M4" s="508"/>
      <c r="N4" s="508"/>
      <c r="O4" s="508"/>
      <c r="P4" s="508"/>
      <c r="Q4" s="508"/>
      <c r="R4" s="508"/>
      <c r="S4" s="508"/>
      <c r="T4" s="508"/>
      <c r="U4" s="508"/>
      <c r="V4" s="508"/>
      <c r="W4" s="508"/>
      <c r="X4" s="508"/>
      <c r="Y4" s="508"/>
      <c r="Z4" s="508"/>
      <c r="AA4" s="508"/>
      <c r="AB4" s="508"/>
      <c r="AC4" s="508"/>
      <c r="AD4" s="508"/>
      <c r="AE4" s="508"/>
      <c r="AF4" s="508"/>
      <c r="AG4" s="508"/>
      <c r="AH4" s="508"/>
      <c r="AI4" s="508"/>
      <c r="AJ4" s="508"/>
      <c r="AK4" s="508"/>
      <c r="AL4" s="508"/>
      <c r="AM4" s="508"/>
      <c r="AN4" s="508"/>
      <c r="AO4" s="508"/>
      <c r="AP4" s="508"/>
      <c r="AQ4" s="508"/>
      <c r="AR4" s="508"/>
      <c r="AS4" s="508"/>
      <c r="AT4" s="508"/>
      <c r="AU4" s="508"/>
      <c r="AV4" s="508"/>
      <c r="AW4" s="508"/>
      <c r="AX4" s="508"/>
      <c r="AY4" s="508"/>
      <c r="AZ4" s="508"/>
      <c r="BA4" s="508"/>
      <c r="BB4" s="508"/>
      <c r="BC4" s="508"/>
      <c r="BD4" s="508"/>
      <c r="BE4" s="508"/>
      <c r="BF4" s="508"/>
      <c r="BG4" s="508"/>
      <c r="BH4" s="508"/>
      <c r="BI4" s="508"/>
      <c r="BJ4" s="508"/>
      <c r="BK4" s="508"/>
      <c r="BL4" s="508"/>
      <c r="BM4" s="508"/>
      <c r="BN4" s="508"/>
      <c r="BO4" s="508"/>
      <c r="BP4" s="508"/>
      <c r="BQ4" s="508"/>
      <c r="BR4" s="508"/>
      <c r="BS4" s="508"/>
      <c r="BT4" s="508"/>
      <c r="BU4" s="508"/>
      <c r="BV4" s="508"/>
      <c r="BW4" s="508"/>
      <c r="BX4" s="508"/>
      <c r="BY4" s="508"/>
      <c r="BZ4" s="508"/>
      <c r="CA4" s="509"/>
      <c r="CB4" s="510" t="s">
        <v>40</v>
      </c>
      <c r="CC4" s="511"/>
      <c r="CD4" s="511"/>
      <c r="CE4" s="511"/>
      <c r="CF4" s="511"/>
      <c r="CG4" s="511"/>
      <c r="CH4" s="511"/>
      <c r="CI4" s="511"/>
      <c r="CJ4" s="511"/>
      <c r="CK4" s="511"/>
      <c r="CL4" s="512"/>
      <c r="CM4" s="510" t="s">
        <v>41</v>
      </c>
      <c r="CN4" s="511"/>
      <c r="CO4" s="511"/>
      <c r="CP4" s="511"/>
      <c r="CQ4" s="511"/>
      <c r="CR4" s="511"/>
      <c r="CS4" s="511"/>
      <c r="CT4" s="511"/>
      <c r="CU4" s="511"/>
      <c r="CV4" s="511"/>
      <c r="CW4" s="512"/>
      <c r="CX4" s="507" t="s">
        <v>39</v>
      </c>
      <c r="CY4" s="508"/>
      <c r="CZ4" s="508"/>
      <c r="DA4" s="508"/>
      <c r="DB4" s="508"/>
      <c r="DC4" s="508"/>
      <c r="DD4" s="508"/>
      <c r="DE4" s="508"/>
      <c r="DF4" s="508"/>
      <c r="DG4" s="508"/>
      <c r="DH4" s="508"/>
      <c r="DI4" s="508"/>
      <c r="DJ4" s="508"/>
      <c r="DK4" s="508"/>
      <c r="DL4" s="508"/>
      <c r="DM4" s="508"/>
      <c r="DN4" s="508"/>
      <c r="DO4" s="508"/>
      <c r="DP4" s="508"/>
      <c r="DQ4" s="508"/>
      <c r="DR4" s="508"/>
      <c r="DS4" s="508"/>
      <c r="DT4" s="508"/>
      <c r="DU4" s="508"/>
      <c r="DV4" s="508"/>
      <c r="DW4" s="508"/>
      <c r="DX4" s="508"/>
      <c r="DY4" s="508"/>
      <c r="DZ4" s="508"/>
      <c r="EA4" s="508"/>
      <c r="EB4" s="508"/>
      <c r="EC4" s="508"/>
      <c r="ED4" s="508"/>
      <c r="EE4" s="508"/>
      <c r="EF4" s="508"/>
      <c r="EG4" s="508"/>
      <c r="EH4" s="508"/>
      <c r="EI4" s="508"/>
      <c r="EJ4" s="508"/>
      <c r="EK4" s="508"/>
      <c r="EL4" s="508"/>
      <c r="EM4" s="508"/>
      <c r="EN4" s="508"/>
      <c r="EO4" s="508"/>
      <c r="EP4" s="508"/>
      <c r="EQ4" s="508"/>
      <c r="ER4" s="508"/>
      <c r="ES4" s="508"/>
      <c r="ET4" s="508"/>
      <c r="EU4" s="508"/>
      <c r="EV4" s="508"/>
      <c r="EW4" s="508"/>
      <c r="EX4" s="508"/>
      <c r="EY4" s="508"/>
      <c r="EZ4" s="508"/>
      <c r="FA4" s="508"/>
      <c r="FB4" s="508"/>
      <c r="FC4" s="508"/>
      <c r="FD4" s="508"/>
      <c r="FE4" s="508"/>
      <c r="FF4" s="508"/>
      <c r="FG4" s="508"/>
      <c r="FH4" s="508"/>
      <c r="FI4" s="508"/>
      <c r="FJ4" s="508"/>
      <c r="FK4" s="508"/>
      <c r="FL4" s="508"/>
      <c r="FM4" s="508"/>
      <c r="FN4" s="508"/>
      <c r="FO4" s="508"/>
      <c r="FP4" s="508"/>
      <c r="FQ4" s="508"/>
      <c r="FR4" s="508"/>
      <c r="FS4" s="508"/>
      <c r="FT4" s="508"/>
      <c r="FU4" s="508"/>
      <c r="FV4" s="509"/>
      <c r="FW4" s="510" t="s">
        <v>40</v>
      </c>
      <c r="FX4" s="511"/>
      <c r="FY4" s="511"/>
      <c r="FZ4" s="511"/>
      <c r="GA4" s="511"/>
      <c r="GB4" s="511"/>
      <c r="GC4" s="511"/>
      <c r="GD4" s="511"/>
      <c r="GE4" s="511"/>
      <c r="GF4" s="511"/>
      <c r="GG4" s="512"/>
      <c r="GH4" s="510" t="s">
        <v>41</v>
      </c>
      <c r="GI4" s="511"/>
      <c r="GJ4" s="511"/>
      <c r="GK4" s="511"/>
      <c r="GL4" s="511"/>
      <c r="GM4" s="511"/>
      <c r="GN4" s="511"/>
      <c r="GO4" s="511"/>
      <c r="GP4" s="511"/>
      <c r="GQ4" s="511"/>
      <c r="GR4" s="512"/>
      <c r="GS4" s="507" t="s">
        <v>39</v>
      </c>
      <c r="GT4" s="508"/>
      <c r="GU4" s="508"/>
      <c r="GV4" s="508"/>
      <c r="GW4" s="508"/>
      <c r="GX4" s="508"/>
      <c r="GY4" s="508"/>
      <c r="GZ4" s="508"/>
      <c r="HA4" s="508"/>
      <c r="HB4" s="508"/>
      <c r="HC4" s="508"/>
      <c r="HD4" s="508"/>
      <c r="HE4" s="508"/>
      <c r="HF4" s="508"/>
      <c r="HG4" s="508"/>
      <c r="HH4" s="508"/>
      <c r="HI4" s="508"/>
      <c r="HJ4" s="508"/>
      <c r="HK4" s="508"/>
      <c r="HL4" s="508"/>
      <c r="HM4" s="508"/>
      <c r="HN4" s="508"/>
      <c r="HO4" s="508"/>
      <c r="HP4" s="508"/>
      <c r="HQ4" s="508"/>
      <c r="HR4" s="508"/>
      <c r="HS4" s="508"/>
      <c r="HT4" s="508"/>
      <c r="HU4" s="508"/>
      <c r="HV4" s="508"/>
      <c r="HW4" s="508"/>
      <c r="HX4" s="508"/>
      <c r="HY4" s="508"/>
      <c r="HZ4" s="508"/>
      <c r="IA4" s="508"/>
      <c r="IB4" s="508"/>
      <c r="IC4" s="508"/>
      <c r="ID4" s="508"/>
      <c r="IE4" s="508"/>
      <c r="IF4" s="508"/>
      <c r="IG4" s="508"/>
      <c r="IH4" s="508"/>
      <c r="II4" s="508"/>
      <c r="IJ4" s="508"/>
      <c r="IK4" s="508"/>
      <c r="IL4" s="508"/>
      <c r="IM4" s="508"/>
      <c r="IN4" s="508"/>
      <c r="IO4" s="508"/>
      <c r="IP4" s="508"/>
      <c r="IQ4" s="508"/>
      <c r="IR4" s="508"/>
      <c r="IS4" s="508"/>
      <c r="IT4" s="508"/>
      <c r="IU4" s="508"/>
      <c r="IV4" s="508"/>
      <c r="IW4" s="508"/>
      <c r="IX4" s="508"/>
      <c r="IY4" s="508"/>
      <c r="IZ4" s="508"/>
      <c r="JA4" s="508"/>
      <c r="JB4" s="508"/>
      <c r="JC4" s="508"/>
      <c r="JD4" s="508"/>
      <c r="JE4" s="508"/>
      <c r="JF4" s="508"/>
      <c r="JG4" s="508"/>
      <c r="JH4" s="508"/>
      <c r="JI4" s="508"/>
      <c r="JJ4" s="508"/>
      <c r="JK4" s="508"/>
      <c r="JL4" s="508"/>
      <c r="JM4" s="508"/>
      <c r="JN4" s="508"/>
      <c r="JO4" s="508"/>
      <c r="JP4" s="508"/>
      <c r="JQ4" s="509"/>
      <c r="JR4" s="510" t="s">
        <v>40</v>
      </c>
      <c r="JS4" s="511"/>
      <c r="JT4" s="511"/>
      <c r="JU4" s="511"/>
      <c r="JV4" s="511"/>
      <c r="JW4" s="511"/>
      <c r="JX4" s="511"/>
      <c r="JY4" s="511"/>
      <c r="JZ4" s="511"/>
      <c r="KA4" s="511"/>
      <c r="KB4" s="512"/>
      <c r="KC4" s="510" t="s">
        <v>41</v>
      </c>
      <c r="KD4" s="511"/>
      <c r="KE4" s="511"/>
      <c r="KF4" s="511"/>
      <c r="KG4" s="511"/>
      <c r="KH4" s="511"/>
      <c r="KI4" s="511"/>
      <c r="KJ4" s="511"/>
      <c r="KK4" s="511"/>
      <c r="KL4" s="511"/>
      <c r="KM4" s="512"/>
    </row>
    <row r="5" spans="2:299" ht="27.75" customHeight="1" thickBot="1" x14ac:dyDescent="0.25">
      <c r="B5" s="516"/>
      <c r="C5" s="516"/>
      <c r="D5" s="517"/>
      <c r="E5" s="517"/>
      <c r="F5" s="517"/>
      <c r="G5" s="517"/>
      <c r="H5" s="517"/>
      <c r="I5" s="517"/>
      <c r="J5" s="517"/>
      <c r="K5" s="517"/>
      <c r="L5" s="517"/>
      <c r="M5" s="518"/>
      <c r="N5" s="519" t="s">
        <v>97</v>
      </c>
      <c r="O5" s="520"/>
      <c r="P5" s="520"/>
      <c r="Q5" s="520"/>
      <c r="R5" s="520"/>
      <c r="S5" s="520"/>
      <c r="T5" s="520"/>
      <c r="U5" s="520"/>
      <c r="V5" s="520"/>
      <c r="W5" s="520"/>
      <c r="X5" s="521"/>
      <c r="Y5" s="519" t="s">
        <v>98</v>
      </c>
      <c r="Z5" s="520"/>
      <c r="AA5" s="520"/>
      <c r="AB5" s="520"/>
      <c r="AC5" s="520"/>
      <c r="AD5" s="520"/>
      <c r="AE5" s="520"/>
      <c r="AF5" s="520"/>
      <c r="AG5" s="520"/>
      <c r="AH5" s="520"/>
      <c r="AI5" s="521"/>
      <c r="AJ5" s="519" t="s">
        <v>99</v>
      </c>
      <c r="AK5" s="520"/>
      <c r="AL5" s="520"/>
      <c r="AM5" s="520"/>
      <c r="AN5" s="520"/>
      <c r="AO5" s="520"/>
      <c r="AP5" s="520"/>
      <c r="AQ5" s="520"/>
      <c r="AR5" s="520"/>
      <c r="AS5" s="520"/>
      <c r="AT5" s="521"/>
      <c r="AU5" s="519" t="s">
        <v>100</v>
      </c>
      <c r="AV5" s="520"/>
      <c r="AW5" s="520"/>
      <c r="AX5" s="520"/>
      <c r="AY5" s="520"/>
      <c r="AZ5" s="520"/>
      <c r="BA5" s="520"/>
      <c r="BB5" s="520"/>
      <c r="BC5" s="520"/>
      <c r="BD5" s="520"/>
      <c r="BE5" s="521"/>
      <c r="BF5" s="519" t="s">
        <v>101</v>
      </c>
      <c r="BG5" s="520"/>
      <c r="BH5" s="520"/>
      <c r="BI5" s="520"/>
      <c r="BJ5" s="520"/>
      <c r="BK5" s="520"/>
      <c r="BL5" s="520"/>
      <c r="BM5" s="520"/>
      <c r="BN5" s="520"/>
      <c r="BO5" s="520"/>
      <c r="BP5" s="521"/>
      <c r="BQ5" s="519" t="s">
        <v>102</v>
      </c>
      <c r="BR5" s="520"/>
      <c r="BS5" s="520"/>
      <c r="BT5" s="520"/>
      <c r="BU5" s="520"/>
      <c r="BV5" s="520"/>
      <c r="BW5" s="520"/>
      <c r="BX5" s="520"/>
      <c r="BY5" s="520"/>
      <c r="BZ5" s="520"/>
      <c r="CA5" s="521"/>
      <c r="CB5" s="513"/>
      <c r="CC5" s="514"/>
      <c r="CD5" s="514"/>
      <c r="CE5" s="514"/>
      <c r="CF5" s="514"/>
      <c r="CG5" s="514"/>
      <c r="CH5" s="514"/>
      <c r="CI5" s="514"/>
      <c r="CJ5" s="514"/>
      <c r="CK5" s="514"/>
      <c r="CL5" s="515"/>
      <c r="CM5" s="513"/>
      <c r="CN5" s="514"/>
      <c r="CO5" s="514"/>
      <c r="CP5" s="514"/>
      <c r="CQ5" s="514"/>
      <c r="CR5" s="514"/>
      <c r="CS5" s="514"/>
      <c r="CT5" s="514"/>
      <c r="CU5" s="514"/>
      <c r="CV5" s="514"/>
      <c r="CW5" s="515"/>
      <c r="CX5" s="516"/>
      <c r="CY5" s="517"/>
      <c r="CZ5" s="517"/>
      <c r="DA5" s="517"/>
      <c r="DB5" s="517"/>
      <c r="DC5" s="517"/>
      <c r="DD5" s="517"/>
      <c r="DE5" s="517"/>
      <c r="DF5" s="517"/>
      <c r="DG5" s="517"/>
      <c r="DH5" s="518"/>
      <c r="DI5" s="519" t="s">
        <v>97</v>
      </c>
      <c r="DJ5" s="520"/>
      <c r="DK5" s="520"/>
      <c r="DL5" s="520"/>
      <c r="DM5" s="520"/>
      <c r="DN5" s="520"/>
      <c r="DO5" s="520"/>
      <c r="DP5" s="520"/>
      <c r="DQ5" s="520"/>
      <c r="DR5" s="520"/>
      <c r="DS5" s="521"/>
      <c r="DT5" s="519" t="s">
        <v>98</v>
      </c>
      <c r="DU5" s="520"/>
      <c r="DV5" s="520"/>
      <c r="DW5" s="520"/>
      <c r="DX5" s="520"/>
      <c r="DY5" s="520"/>
      <c r="DZ5" s="520"/>
      <c r="EA5" s="520"/>
      <c r="EB5" s="520"/>
      <c r="EC5" s="520"/>
      <c r="ED5" s="521"/>
      <c r="EE5" s="519" t="s">
        <v>99</v>
      </c>
      <c r="EF5" s="520"/>
      <c r="EG5" s="520"/>
      <c r="EH5" s="520"/>
      <c r="EI5" s="520"/>
      <c r="EJ5" s="520"/>
      <c r="EK5" s="520"/>
      <c r="EL5" s="520"/>
      <c r="EM5" s="520"/>
      <c r="EN5" s="520"/>
      <c r="EO5" s="521"/>
      <c r="EP5" s="519" t="s">
        <v>100</v>
      </c>
      <c r="EQ5" s="520"/>
      <c r="ER5" s="520"/>
      <c r="ES5" s="520"/>
      <c r="ET5" s="520"/>
      <c r="EU5" s="520"/>
      <c r="EV5" s="520"/>
      <c r="EW5" s="520"/>
      <c r="EX5" s="520"/>
      <c r="EY5" s="520"/>
      <c r="EZ5" s="521"/>
      <c r="FA5" s="519" t="s">
        <v>101</v>
      </c>
      <c r="FB5" s="520"/>
      <c r="FC5" s="520"/>
      <c r="FD5" s="520"/>
      <c r="FE5" s="520"/>
      <c r="FF5" s="520"/>
      <c r="FG5" s="520"/>
      <c r="FH5" s="520"/>
      <c r="FI5" s="520"/>
      <c r="FJ5" s="520"/>
      <c r="FK5" s="521"/>
      <c r="FL5" s="519" t="s">
        <v>102</v>
      </c>
      <c r="FM5" s="520"/>
      <c r="FN5" s="520"/>
      <c r="FO5" s="520"/>
      <c r="FP5" s="520"/>
      <c r="FQ5" s="520"/>
      <c r="FR5" s="520"/>
      <c r="FS5" s="520"/>
      <c r="FT5" s="520"/>
      <c r="FU5" s="520"/>
      <c r="FV5" s="521"/>
      <c r="FW5" s="513"/>
      <c r="FX5" s="514"/>
      <c r="FY5" s="514"/>
      <c r="FZ5" s="514"/>
      <c r="GA5" s="514"/>
      <c r="GB5" s="514"/>
      <c r="GC5" s="514"/>
      <c r="GD5" s="514"/>
      <c r="GE5" s="514"/>
      <c r="GF5" s="514"/>
      <c r="GG5" s="515"/>
      <c r="GH5" s="513"/>
      <c r="GI5" s="514"/>
      <c r="GJ5" s="514"/>
      <c r="GK5" s="514"/>
      <c r="GL5" s="514"/>
      <c r="GM5" s="514"/>
      <c r="GN5" s="514"/>
      <c r="GO5" s="514"/>
      <c r="GP5" s="514"/>
      <c r="GQ5" s="514"/>
      <c r="GR5" s="515"/>
      <c r="GS5" s="516"/>
      <c r="GT5" s="517"/>
      <c r="GU5" s="517"/>
      <c r="GV5" s="517"/>
      <c r="GW5" s="517"/>
      <c r="GX5" s="517"/>
      <c r="GY5" s="517"/>
      <c r="GZ5" s="517"/>
      <c r="HA5" s="517"/>
      <c r="HB5" s="517"/>
      <c r="HC5" s="518"/>
      <c r="HD5" s="519" t="s">
        <v>97</v>
      </c>
      <c r="HE5" s="520"/>
      <c r="HF5" s="520"/>
      <c r="HG5" s="520"/>
      <c r="HH5" s="520"/>
      <c r="HI5" s="520"/>
      <c r="HJ5" s="520"/>
      <c r="HK5" s="520"/>
      <c r="HL5" s="520"/>
      <c r="HM5" s="520"/>
      <c r="HN5" s="521"/>
      <c r="HO5" s="519" t="s">
        <v>98</v>
      </c>
      <c r="HP5" s="520"/>
      <c r="HQ5" s="520"/>
      <c r="HR5" s="520"/>
      <c r="HS5" s="520"/>
      <c r="HT5" s="520"/>
      <c r="HU5" s="520"/>
      <c r="HV5" s="520"/>
      <c r="HW5" s="520"/>
      <c r="HX5" s="520"/>
      <c r="HY5" s="521"/>
      <c r="HZ5" s="519" t="s">
        <v>99</v>
      </c>
      <c r="IA5" s="520"/>
      <c r="IB5" s="520"/>
      <c r="IC5" s="520"/>
      <c r="ID5" s="520"/>
      <c r="IE5" s="520"/>
      <c r="IF5" s="520"/>
      <c r="IG5" s="520"/>
      <c r="IH5" s="520"/>
      <c r="II5" s="520"/>
      <c r="IJ5" s="521"/>
      <c r="IK5" s="519" t="s">
        <v>100</v>
      </c>
      <c r="IL5" s="520"/>
      <c r="IM5" s="520"/>
      <c r="IN5" s="520"/>
      <c r="IO5" s="520"/>
      <c r="IP5" s="520"/>
      <c r="IQ5" s="520"/>
      <c r="IR5" s="520"/>
      <c r="IS5" s="520"/>
      <c r="IT5" s="520"/>
      <c r="IU5" s="521"/>
      <c r="IV5" s="519" t="s">
        <v>101</v>
      </c>
      <c r="IW5" s="520"/>
      <c r="IX5" s="520"/>
      <c r="IY5" s="520"/>
      <c r="IZ5" s="520"/>
      <c r="JA5" s="520"/>
      <c r="JB5" s="520"/>
      <c r="JC5" s="520"/>
      <c r="JD5" s="520"/>
      <c r="JE5" s="520"/>
      <c r="JF5" s="521"/>
      <c r="JG5" s="519" t="s">
        <v>102</v>
      </c>
      <c r="JH5" s="520"/>
      <c r="JI5" s="520"/>
      <c r="JJ5" s="520"/>
      <c r="JK5" s="520"/>
      <c r="JL5" s="520"/>
      <c r="JM5" s="520"/>
      <c r="JN5" s="520"/>
      <c r="JO5" s="520"/>
      <c r="JP5" s="520"/>
      <c r="JQ5" s="521"/>
      <c r="JR5" s="513"/>
      <c r="JS5" s="514"/>
      <c r="JT5" s="514"/>
      <c r="JU5" s="514"/>
      <c r="JV5" s="514"/>
      <c r="JW5" s="514"/>
      <c r="JX5" s="514"/>
      <c r="JY5" s="514"/>
      <c r="JZ5" s="514"/>
      <c r="KA5" s="514"/>
      <c r="KB5" s="515"/>
      <c r="KC5" s="513"/>
      <c r="KD5" s="514"/>
      <c r="KE5" s="514"/>
      <c r="KF5" s="514"/>
      <c r="KG5" s="514"/>
      <c r="KH5" s="514"/>
      <c r="KI5" s="514"/>
      <c r="KJ5" s="514"/>
      <c r="KK5" s="514"/>
      <c r="KL5" s="514"/>
      <c r="KM5" s="515"/>
    </row>
    <row r="6" spans="2:299" ht="44.25" customHeight="1" thickBot="1" x14ac:dyDescent="0.25">
      <c r="B6" s="318" t="s">
        <v>42</v>
      </c>
      <c r="C6" s="51" t="s">
        <v>43</v>
      </c>
      <c r="D6" s="47" t="s">
        <v>44</v>
      </c>
      <c r="E6" s="48" t="s">
        <v>45</v>
      </c>
      <c r="F6" s="52" t="s">
        <v>46</v>
      </c>
      <c r="G6" s="47" t="s">
        <v>47</v>
      </c>
      <c r="H6" s="47" t="s">
        <v>48</v>
      </c>
      <c r="I6" s="47" t="s">
        <v>49</v>
      </c>
      <c r="J6" s="47" t="s">
        <v>50</v>
      </c>
      <c r="K6" s="47" t="s">
        <v>51</v>
      </c>
      <c r="L6" s="48" t="s">
        <v>45</v>
      </c>
      <c r="M6" s="53" t="s">
        <v>52</v>
      </c>
      <c r="N6" s="357" t="s">
        <v>43</v>
      </c>
      <c r="O6" s="358" t="s">
        <v>44</v>
      </c>
      <c r="P6" s="359" t="s">
        <v>45</v>
      </c>
      <c r="Q6" s="360" t="s">
        <v>46</v>
      </c>
      <c r="R6" s="358" t="s">
        <v>47</v>
      </c>
      <c r="S6" s="358" t="s">
        <v>48</v>
      </c>
      <c r="T6" s="358" t="s">
        <v>49</v>
      </c>
      <c r="U6" s="358" t="s">
        <v>50</v>
      </c>
      <c r="V6" s="358" t="s">
        <v>51</v>
      </c>
      <c r="W6" s="359" t="s">
        <v>45</v>
      </c>
      <c r="X6" s="356" t="s">
        <v>52</v>
      </c>
      <c r="Y6" s="357" t="s">
        <v>43</v>
      </c>
      <c r="Z6" s="358" t="s">
        <v>44</v>
      </c>
      <c r="AA6" s="359" t="s">
        <v>45</v>
      </c>
      <c r="AB6" s="360" t="s">
        <v>46</v>
      </c>
      <c r="AC6" s="358" t="s">
        <v>47</v>
      </c>
      <c r="AD6" s="358" t="s">
        <v>48</v>
      </c>
      <c r="AE6" s="358" t="s">
        <v>49</v>
      </c>
      <c r="AF6" s="358" t="s">
        <v>50</v>
      </c>
      <c r="AG6" s="358" t="s">
        <v>51</v>
      </c>
      <c r="AH6" s="359" t="s">
        <v>45</v>
      </c>
      <c r="AI6" s="361" t="s">
        <v>52</v>
      </c>
      <c r="AJ6" s="357" t="s">
        <v>43</v>
      </c>
      <c r="AK6" s="358" t="s">
        <v>44</v>
      </c>
      <c r="AL6" s="359" t="s">
        <v>45</v>
      </c>
      <c r="AM6" s="360" t="s">
        <v>46</v>
      </c>
      <c r="AN6" s="358" t="s">
        <v>47</v>
      </c>
      <c r="AO6" s="358" t="s">
        <v>48</v>
      </c>
      <c r="AP6" s="358" t="s">
        <v>49</v>
      </c>
      <c r="AQ6" s="358" t="s">
        <v>50</v>
      </c>
      <c r="AR6" s="358" t="s">
        <v>51</v>
      </c>
      <c r="AS6" s="359" t="s">
        <v>45</v>
      </c>
      <c r="AT6" s="361" t="s">
        <v>52</v>
      </c>
      <c r="AU6" s="357" t="s">
        <v>43</v>
      </c>
      <c r="AV6" s="358" t="s">
        <v>44</v>
      </c>
      <c r="AW6" s="359" t="s">
        <v>45</v>
      </c>
      <c r="AX6" s="360" t="s">
        <v>46</v>
      </c>
      <c r="AY6" s="358" t="s">
        <v>47</v>
      </c>
      <c r="AZ6" s="358" t="s">
        <v>48</v>
      </c>
      <c r="BA6" s="358" t="s">
        <v>49</v>
      </c>
      <c r="BB6" s="358" t="s">
        <v>50</v>
      </c>
      <c r="BC6" s="358" t="s">
        <v>51</v>
      </c>
      <c r="BD6" s="359" t="s">
        <v>45</v>
      </c>
      <c r="BE6" s="361" t="s">
        <v>52</v>
      </c>
      <c r="BF6" s="357" t="s">
        <v>43</v>
      </c>
      <c r="BG6" s="358" t="s">
        <v>44</v>
      </c>
      <c r="BH6" s="359" t="s">
        <v>45</v>
      </c>
      <c r="BI6" s="360" t="s">
        <v>46</v>
      </c>
      <c r="BJ6" s="358" t="s">
        <v>47</v>
      </c>
      <c r="BK6" s="358" t="s">
        <v>48</v>
      </c>
      <c r="BL6" s="358" t="s">
        <v>49</v>
      </c>
      <c r="BM6" s="358" t="s">
        <v>50</v>
      </c>
      <c r="BN6" s="358" t="s">
        <v>51</v>
      </c>
      <c r="BO6" s="359" t="s">
        <v>45</v>
      </c>
      <c r="BP6" s="361" t="s">
        <v>52</v>
      </c>
      <c r="BQ6" s="357" t="s">
        <v>43</v>
      </c>
      <c r="BR6" s="358" t="s">
        <v>44</v>
      </c>
      <c r="BS6" s="359" t="s">
        <v>45</v>
      </c>
      <c r="BT6" s="360" t="s">
        <v>46</v>
      </c>
      <c r="BU6" s="358" t="s">
        <v>47</v>
      </c>
      <c r="BV6" s="358" t="s">
        <v>48</v>
      </c>
      <c r="BW6" s="358" t="s">
        <v>49</v>
      </c>
      <c r="BX6" s="358" t="s">
        <v>50</v>
      </c>
      <c r="BY6" s="358" t="s">
        <v>51</v>
      </c>
      <c r="BZ6" s="359" t="s">
        <v>45</v>
      </c>
      <c r="CA6" s="361" t="s">
        <v>52</v>
      </c>
      <c r="CB6" s="357" t="s">
        <v>43</v>
      </c>
      <c r="CC6" s="358" t="s">
        <v>44</v>
      </c>
      <c r="CD6" s="359" t="s">
        <v>45</v>
      </c>
      <c r="CE6" s="360" t="s">
        <v>46</v>
      </c>
      <c r="CF6" s="358" t="s">
        <v>47</v>
      </c>
      <c r="CG6" s="358" t="s">
        <v>48</v>
      </c>
      <c r="CH6" s="358" t="s">
        <v>49</v>
      </c>
      <c r="CI6" s="358" t="s">
        <v>50</v>
      </c>
      <c r="CJ6" s="358" t="s">
        <v>51</v>
      </c>
      <c r="CK6" s="359" t="s">
        <v>45</v>
      </c>
      <c r="CL6" s="361" t="s">
        <v>52</v>
      </c>
      <c r="CM6" s="357" t="s">
        <v>43</v>
      </c>
      <c r="CN6" s="358" t="s">
        <v>44</v>
      </c>
      <c r="CO6" s="359" t="s">
        <v>45</v>
      </c>
      <c r="CP6" s="360" t="s">
        <v>46</v>
      </c>
      <c r="CQ6" s="358" t="s">
        <v>47</v>
      </c>
      <c r="CR6" s="358" t="s">
        <v>48</v>
      </c>
      <c r="CS6" s="358" t="s">
        <v>49</v>
      </c>
      <c r="CT6" s="358" t="s">
        <v>50</v>
      </c>
      <c r="CU6" s="358" t="s">
        <v>51</v>
      </c>
      <c r="CV6" s="359" t="s">
        <v>45</v>
      </c>
      <c r="CW6" s="361" t="s">
        <v>52</v>
      </c>
      <c r="CX6" s="51" t="s">
        <v>43</v>
      </c>
      <c r="CY6" s="47" t="s">
        <v>44</v>
      </c>
      <c r="CZ6" s="48" t="s">
        <v>45</v>
      </c>
      <c r="DA6" s="52" t="s">
        <v>46</v>
      </c>
      <c r="DB6" s="47" t="s">
        <v>47</v>
      </c>
      <c r="DC6" s="47" t="s">
        <v>48</v>
      </c>
      <c r="DD6" s="47" t="s">
        <v>49</v>
      </c>
      <c r="DE6" s="47" t="s">
        <v>50</v>
      </c>
      <c r="DF6" s="47" t="s">
        <v>51</v>
      </c>
      <c r="DG6" s="48" t="s">
        <v>45</v>
      </c>
      <c r="DH6" s="53" t="s">
        <v>52</v>
      </c>
      <c r="DI6" s="357" t="s">
        <v>43</v>
      </c>
      <c r="DJ6" s="358" t="s">
        <v>44</v>
      </c>
      <c r="DK6" s="359" t="s">
        <v>45</v>
      </c>
      <c r="DL6" s="360" t="s">
        <v>46</v>
      </c>
      <c r="DM6" s="358" t="s">
        <v>47</v>
      </c>
      <c r="DN6" s="358" t="s">
        <v>48</v>
      </c>
      <c r="DO6" s="358" t="s">
        <v>49</v>
      </c>
      <c r="DP6" s="358" t="s">
        <v>50</v>
      </c>
      <c r="DQ6" s="358" t="s">
        <v>51</v>
      </c>
      <c r="DR6" s="359" t="s">
        <v>45</v>
      </c>
      <c r="DS6" s="361" t="s">
        <v>52</v>
      </c>
      <c r="DT6" s="357" t="s">
        <v>43</v>
      </c>
      <c r="DU6" s="358" t="s">
        <v>44</v>
      </c>
      <c r="DV6" s="359" t="s">
        <v>45</v>
      </c>
      <c r="DW6" s="360" t="s">
        <v>46</v>
      </c>
      <c r="DX6" s="358" t="s">
        <v>47</v>
      </c>
      <c r="DY6" s="358" t="s">
        <v>48</v>
      </c>
      <c r="DZ6" s="358" t="s">
        <v>49</v>
      </c>
      <c r="EA6" s="358" t="s">
        <v>50</v>
      </c>
      <c r="EB6" s="358" t="s">
        <v>51</v>
      </c>
      <c r="EC6" s="359" t="s">
        <v>45</v>
      </c>
      <c r="ED6" s="361" t="s">
        <v>52</v>
      </c>
      <c r="EE6" s="357" t="s">
        <v>43</v>
      </c>
      <c r="EF6" s="358" t="s">
        <v>44</v>
      </c>
      <c r="EG6" s="359" t="s">
        <v>45</v>
      </c>
      <c r="EH6" s="360" t="s">
        <v>46</v>
      </c>
      <c r="EI6" s="358" t="s">
        <v>47</v>
      </c>
      <c r="EJ6" s="358" t="s">
        <v>48</v>
      </c>
      <c r="EK6" s="358" t="s">
        <v>49</v>
      </c>
      <c r="EL6" s="358" t="s">
        <v>50</v>
      </c>
      <c r="EM6" s="358" t="s">
        <v>51</v>
      </c>
      <c r="EN6" s="359" t="s">
        <v>45</v>
      </c>
      <c r="EO6" s="361" t="s">
        <v>52</v>
      </c>
      <c r="EP6" s="357" t="s">
        <v>43</v>
      </c>
      <c r="EQ6" s="358" t="s">
        <v>44</v>
      </c>
      <c r="ER6" s="359" t="s">
        <v>45</v>
      </c>
      <c r="ES6" s="360" t="s">
        <v>46</v>
      </c>
      <c r="ET6" s="358" t="s">
        <v>47</v>
      </c>
      <c r="EU6" s="358" t="s">
        <v>48</v>
      </c>
      <c r="EV6" s="358" t="s">
        <v>49</v>
      </c>
      <c r="EW6" s="358" t="s">
        <v>50</v>
      </c>
      <c r="EX6" s="358" t="s">
        <v>51</v>
      </c>
      <c r="EY6" s="359" t="s">
        <v>45</v>
      </c>
      <c r="EZ6" s="361" t="s">
        <v>52</v>
      </c>
      <c r="FA6" s="357" t="s">
        <v>43</v>
      </c>
      <c r="FB6" s="358" t="s">
        <v>44</v>
      </c>
      <c r="FC6" s="359" t="s">
        <v>45</v>
      </c>
      <c r="FD6" s="360" t="s">
        <v>46</v>
      </c>
      <c r="FE6" s="358" t="s">
        <v>47</v>
      </c>
      <c r="FF6" s="358" t="s">
        <v>48</v>
      </c>
      <c r="FG6" s="358" t="s">
        <v>49</v>
      </c>
      <c r="FH6" s="358" t="s">
        <v>50</v>
      </c>
      <c r="FI6" s="358" t="s">
        <v>51</v>
      </c>
      <c r="FJ6" s="359" t="s">
        <v>45</v>
      </c>
      <c r="FK6" s="361" t="s">
        <v>52</v>
      </c>
      <c r="FL6" s="357" t="s">
        <v>43</v>
      </c>
      <c r="FM6" s="358" t="s">
        <v>44</v>
      </c>
      <c r="FN6" s="359" t="s">
        <v>45</v>
      </c>
      <c r="FO6" s="360" t="s">
        <v>46</v>
      </c>
      <c r="FP6" s="358" t="s">
        <v>47</v>
      </c>
      <c r="FQ6" s="358" t="s">
        <v>48</v>
      </c>
      <c r="FR6" s="358" t="s">
        <v>49</v>
      </c>
      <c r="FS6" s="358" t="s">
        <v>50</v>
      </c>
      <c r="FT6" s="358" t="s">
        <v>51</v>
      </c>
      <c r="FU6" s="359" t="s">
        <v>45</v>
      </c>
      <c r="FV6" s="361" t="s">
        <v>52</v>
      </c>
      <c r="FW6" s="357" t="s">
        <v>43</v>
      </c>
      <c r="FX6" s="358" t="s">
        <v>44</v>
      </c>
      <c r="FY6" s="359" t="s">
        <v>45</v>
      </c>
      <c r="FZ6" s="360" t="s">
        <v>46</v>
      </c>
      <c r="GA6" s="358" t="s">
        <v>47</v>
      </c>
      <c r="GB6" s="358" t="s">
        <v>48</v>
      </c>
      <c r="GC6" s="358" t="s">
        <v>49</v>
      </c>
      <c r="GD6" s="358" t="s">
        <v>50</v>
      </c>
      <c r="GE6" s="358" t="s">
        <v>51</v>
      </c>
      <c r="GF6" s="359" t="s">
        <v>45</v>
      </c>
      <c r="GG6" s="361" t="s">
        <v>52</v>
      </c>
      <c r="GH6" s="357" t="s">
        <v>43</v>
      </c>
      <c r="GI6" s="358" t="s">
        <v>44</v>
      </c>
      <c r="GJ6" s="359" t="s">
        <v>45</v>
      </c>
      <c r="GK6" s="360" t="s">
        <v>46</v>
      </c>
      <c r="GL6" s="358" t="s">
        <v>47</v>
      </c>
      <c r="GM6" s="358" t="s">
        <v>48</v>
      </c>
      <c r="GN6" s="358" t="s">
        <v>49</v>
      </c>
      <c r="GO6" s="358" t="s">
        <v>50</v>
      </c>
      <c r="GP6" s="358" t="s">
        <v>51</v>
      </c>
      <c r="GQ6" s="359" t="s">
        <v>45</v>
      </c>
      <c r="GR6" s="361" t="s">
        <v>52</v>
      </c>
      <c r="GS6" s="51" t="s">
        <v>43</v>
      </c>
      <c r="GT6" s="47" t="s">
        <v>44</v>
      </c>
      <c r="GU6" s="48" t="s">
        <v>45</v>
      </c>
      <c r="GV6" s="52" t="s">
        <v>46</v>
      </c>
      <c r="GW6" s="47" t="s">
        <v>47</v>
      </c>
      <c r="GX6" s="47" t="s">
        <v>48</v>
      </c>
      <c r="GY6" s="47" t="s">
        <v>49</v>
      </c>
      <c r="GZ6" s="47" t="s">
        <v>50</v>
      </c>
      <c r="HA6" s="47" t="s">
        <v>51</v>
      </c>
      <c r="HB6" s="48" t="s">
        <v>45</v>
      </c>
      <c r="HC6" s="53" t="s">
        <v>52</v>
      </c>
      <c r="HD6" s="357" t="s">
        <v>43</v>
      </c>
      <c r="HE6" s="358" t="s">
        <v>44</v>
      </c>
      <c r="HF6" s="359" t="s">
        <v>45</v>
      </c>
      <c r="HG6" s="360" t="s">
        <v>46</v>
      </c>
      <c r="HH6" s="358" t="s">
        <v>47</v>
      </c>
      <c r="HI6" s="358" t="s">
        <v>48</v>
      </c>
      <c r="HJ6" s="358" t="s">
        <v>49</v>
      </c>
      <c r="HK6" s="358" t="s">
        <v>50</v>
      </c>
      <c r="HL6" s="358" t="s">
        <v>51</v>
      </c>
      <c r="HM6" s="359" t="s">
        <v>45</v>
      </c>
      <c r="HN6" s="361" t="s">
        <v>52</v>
      </c>
      <c r="HO6" s="357" t="s">
        <v>43</v>
      </c>
      <c r="HP6" s="358" t="s">
        <v>44</v>
      </c>
      <c r="HQ6" s="359" t="s">
        <v>45</v>
      </c>
      <c r="HR6" s="360" t="s">
        <v>46</v>
      </c>
      <c r="HS6" s="358" t="s">
        <v>47</v>
      </c>
      <c r="HT6" s="358" t="s">
        <v>48</v>
      </c>
      <c r="HU6" s="358" t="s">
        <v>49</v>
      </c>
      <c r="HV6" s="358" t="s">
        <v>50</v>
      </c>
      <c r="HW6" s="358" t="s">
        <v>51</v>
      </c>
      <c r="HX6" s="359" t="s">
        <v>45</v>
      </c>
      <c r="HY6" s="361" t="s">
        <v>52</v>
      </c>
      <c r="HZ6" s="357" t="s">
        <v>43</v>
      </c>
      <c r="IA6" s="358" t="s">
        <v>44</v>
      </c>
      <c r="IB6" s="359" t="s">
        <v>45</v>
      </c>
      <c r="IC6" s="360" t="s">
        <v>46</v>
      </c>
      <c r="ID6" s="358" t="s">
        <v>47</v>
      </c>
      <c r="IE6" s="358" t="s">
        <v>48</v>
      </c>
      <c r="IF6" s="358" t="s">
        <v>49</v>
      </c>
      <c r="IG6" s="358" t="s">
        <v>50</v>
      </c>
      <c r="IH6" s="358" t="s">
        <v>51</v>
      </c>
      <c r="II6" s="359" t="s">
        <v>45</v>
      </c>
      <c r="IJ6" s="361" t="s">
        <v>52</v>
      </c>
      <c r="IK6" s="357" t="s">
        <v>43</v>
      </c>
      <c r="IL6" s="358" t="s">
        <v>44</v>
      </c>
      <c r="IM6" s="359" t="s">
        <v>45</v>
      </c>
      <c r="IN6" s="360" t="s">
        <v>46</v>
      </c>
      <c r="IO6" s="358" t="s">
        <v>47</v>
      </c>
      <c r="IP6" s="358" t="s">
        <v>48</v>
      </c>
      <c r="IQ6" s="358" t="s">
        <v>49</v>
      </c>
      <c r="IR6" s="358" t="s">
        <v>50</v>
      </c>
      <c r="IS6" s="358" t="s">
        <v>51</v>
      </c>
      <c r="IT6" s="359" t="s">
        <v>45</v>
      </c>
      <c r="IU6" s="361" t="s">
        <v>52</v>
      </c>
      <c r="IV6" s="357" t="s">
        <v>43</v>
      </c>
      <c r="IW6" s="358" t="s">
        <v>44</v>
      </c>
      <c r="IX6" s="359" t="s">
        <v>45</v>
      </c>
      <c r="IY6" s="360" t="s">
        <v>46</v>
      </c>
      <c r="IZ6" s="358" t="s">
        <v>47</v>
      </c>
      <c r="JA6" s="358" t="s">
        <v>48</v>
      </c>
      <c r="JB6" s="358" t="s">
        <v>49</v>
      </c>
      <c r="JC6" s="358" t="s">
        <v>50</v>
      </c>
      <c r="JD6" s="358" t="s">
        <v>51</v>
      </c>
      <c r="JE6" s="359" t="s">
        <v>45</v>
      </c>
      <c r="JF6" s="361" t="s">
        <v>52</v>
      </c>
      <c r="JG6" s="357" t="s">
        <v>43</v>
      </c>
      <c r="JH6" s="358" t="s">
        <v>44</v>
      </c>
      <c r="JI6" s="359" t="s">
        <v>45</v>
      </c>
      <c r="JJ6" s="360" t="s">
        <v>46</v>
      </c>
      <c r="JK6" s="358" t="s">
        <v>47</v>
      </c>
      <c r="JL6" s="358" t="s">
        <v>48</v>
      </c>
      <c r="JM6" s="358" t="s">
        <v>49</v>
      </c>
      <c r="JN6" s="358" t="s">
        <v>50</v>
      </c>
      <c r="JO6" s="358" t="s">
        <v>51</v>
      </c>
      <c r="JP6" s="359" t="s">
        <v>45</v>
      </c>
      <c r="JQ6" s="361" t="s">
        <v>52</v>
      </c>
      <c r="JR6" s="357" t="s">
        <v>43</v>
      </c>
      <c r="JS6" s="358" t="s">
        <v>44</v>
      </c>
      <c r="JT6" s="359" t="s">
        <v>45</v>
      </c>
      <c r="JU6" s="360" t="s">
        <v>46</v>
      </c>
      <c r="JV6" s="358" t="s">
        <v>47</v>
      </c>
      <c r="JW6" s="358" t="s">
        <v>48</v>
      </c>
      <c r="JX6" s="358" t="s">
        <v>49</v>
      </c>
      <c r="JY6" s="358" t="s">
        <v>50</v>
      </c>
      <c r="JZ6" s="358" t="s">
        <v>51</v>
      </c>
      <c r="KA6" s="359" t="s">
        <v>45</v>
      </c>
      <c r="KB6" s="361" t="s">
        <v>52</v>
      </c>
      <c r="KC6" s="357" t="s">
        <v>43</v>
      </c>
      <c r="KD6" s="358" t="s">
        <v>44</v>
      </c>
      <c r="KE6" s="359" t="s">
        <v>45</v>
      </c>
      <c r="KF6" s="360" t="s">
        <v>46</v>
      </c>
      <c r="KG6" s="358" t="s">
        <v>47</v>
      </c>
      <c r="KH6" s="358" t="s">
        <v>48</v>
      </c>
      <c r="KI6" s="358" t="s">
        <v>49</v>
      </c>
      <c r="KJ6" s="358" t="s">
        <v>50</v>
      </c>
      <c r="KK6" s="358" t="s">
        <v>51</v>
      </c>
      <c r="KL6" s="359" t="s">
        <v>45</v>
      </c>
      <c r="KM6" s="361" t="s">
        <v>52</v>
      </c>
    </row>
    <row r="7" spans="2:299" ht="19.5" customHeight="1" x14ac:dyDescent="0.2">
      <c r="B7" s="125" t="s">
        <v>4</v>
      </c>
      <c r="C7" s="315">
        <v>19741</v>
      </c>
      <c r="D7" s="78">
        <v>19708</v>
      </c>
      <c r="E7" s="79">
        <v>39449</v>
      </c>
      <c r="F7" s="240"/>
      <c r="G7" s="78">
        <v>29976</v>
      </c>
      <c r="H7" s="78">
        <v>28994</v>
      </c>
      <c r="I7" s="78">
        <v>20419</v>
      </c>
      <c r="J7" s="78">
        <v>17009</v>
      </c>
      <c r="K7" s="78">
        <v>10535</v>
      </c>
      <c r="L7" s="80">
        <v>106933</v>
      </c>
      <c r="M7" s="81">
        <v>146382</v>
      </c>
      <c r="N7" s="66">
        <v>811</v>
      </c>
      <c r="O7" s="67">
        <v>1051</v>
      </c>
      <c r="P7" s="68">
        <v>1862</v>
      </c>
      <c r="Q7" s="243"/>
      <c r="R7" s="67">
        <v>1346</v>
      </c>
      <c r="S7" s="67">
        <v>1643</v>
      </c>
      <c r="T7" s="67">
        <v>996</v>
      </c>
      <c r="U7" s="67">
        <v>987</v>
      </c>
      <c r="V7" s="67">
        <v>760</v>
      </c>
      <c r="W7" s="68">
        <v>5732</v>
      </c>
      <c r="X7" s="69">
        <v>7594</v>
      </c>
      <c r="Y7" s="66">
        <v>2093</v>
      </c>
      <c r="Z7" s="67">
        <v>2371</v>
      </c>
      <c r="AA7" s="68">
        <v>4464</v>
      </c>
      <c r="AB7" s="243"/>
      <c r="AC7" s="67">
        <v>3122</v>
      </c>
      <c r="AD7" s="67">
        <v>3498</v>
      </c>
      <c r="AE7" s="67">
        <v>2540</v>
      </c>
      <c r="AF7" s="67">
        <v>2107</v>
      </c>
      <c r="AG7" s="67">
        <v>1556</v>
      </c>
      <c r="AH7" s="68">
        <v>12823</v>
      </c>
      <c r="AI7" s="69">
        <v>17287</v>
      </c>
      <c r="AJ7" s="66">
        <v>2982</v>
      </c>
      <c r="AK7" s="67">
        <v>3262</v>
      </c>
      <c r="AL7" s="68">
        <v>6244</v>
      </c>
      <c r="AM7" s="243"/>
      <c r="AN7" s="67">
        <v>4797</v>
      </c>
      <c r="AO7" s="67">
        <v>4737</v>
      </c>
      <c r="AP7" s="67">
        <v>3235</v>
      </c>
      <c r="AQ7" s="67">
        <v>2748</v>
      </c>
      <c r="AR7" s="67">
        <v>1881</v>
      </c>
      <c r="AS7" s="68">
        <v>17398</v>
      </c>
      <c r="AT7" s="69">
        <v>23642</v>
      </c>
      <c r="AU7" s="66">
        <v>5109</v>
      </c>
      <c r="AV7" s="67">
        <v>4815</v>
      </c>
      <c r="AW7" s="68">
        <v>9924</v>
      </c>
      <c r="AX7" s="243"/>
      <c r="AY7" s="67">
        <v>7485</v>
      </c>
      <c r="AZ7" s="67">
        <v>6728</v>
      </c>
      <c r="BA7" s="67">
        <v>4728</v>
      </c>
      <c r="BB7" s="67">
        <v>3826</v>
      </c>
      <c r="BC7" s="67">
        <v>2460</v>
      </c>
      <c r="BD7" s="68">
        <v>25227</v>
      </c>
      <c r="BE7" s="69">
        <v>35151</v>
      </c>
      <c r="BF7" s="66">
        <v>5522</v>
      </c>
      <c r="BG7" s="67">
        <v>5038</v>
      </c>
      <c r="BH7" s="68">
        <v>10560</v>
      </c>
      <c r="BI7" s="243"/>
      <c r="BJ7" s="67">
        <v>7959</v>
      </c>
      <c r="BK7" s="67">
        <v>7059</v>
      </c>
      <c r="BL7" s="67">
        <v>4956</v>
      </c>
      <c r="BM7" s="67">
        <v>4041</v>
      </c>
      <c r="BN7" s="67">
        <v>2218</v>
      </c>
      <c r="BO7" s="68">
        <v>26233</v>
      </c>
      <c r="BP7" s="69">
        <v>36793</v>
      </c>
      <c r="BQ7" s="66">
        <v>3224</v>
      </c>
      <c r="BR7" s="67">
        <v>3171</v>
      </c>
      <c r="BS7" s="68">
        <v>6395</v>
      </c>
      <c r="BT7" s="243"/>
      <c r="BU7" s="67">
        <v>5267</v>
      </c>
      <c r="BV7" s="67">
        <v>5329</v>
      </c>
      <c r="BW7" s="67">
        <v>3964</v>
      </c>
      <c r="BX7" s="67">
        <v>3300</v>
      </c>
      <c r="BY7" s="67">
        <v>1660</v>
      </c>
      <c r="BZ7" s="68">
        <v>19520</v>
      </c>
      <c r="CA7" s="69">
        <v>25915</v>
      </c>
      <c r="CB7" s="66">
        <v>471</v>
      </c>
      <c r="CC7" s="67">
        <v>750</v>
      </c>
      <c r="CD7" s="68">
        <v>1221</v>
      </c>
      <c r="CE7" s="243"/>
      <c r="CF7" s="67">
        <v>904</v>
      </c>
      <c r="CG7" s="67">
        <v>1283</v>
      </c>
      <c r="CH7" s="67">
        <v>869</v>
      </c>
      <c r="CI7" s="67">
        <v>740</v>
      </c>
      <c r="CJ7" s="67">
        <v>719</v>
      </c>
      <c r="CK7" s="68">
        <v>4515</v>
      </c>
      <c r="CL7" s="69">
        <v>5736</v>
      </c>
      <c r="CM7" s="66">
        <v>20212</v>
      </c>
      <c r="CN7" s="67">
        <v>20458</v>
      </c>
      <c r="CO7" s="68">
        <v>40670</v>
      </c>
      <c r="CP7" s="243"/>
      <c r="CQ7" s="67">
        <v>30880</v>
      </c>
      <c r="CR7" s="67">
        <v>30277</v>
      </c>
      <c r="CS7" s="67">
        <v>21288</v>
      </c>
      <c r="CT7" s="67">
        <v>17749</v>
      </c>
      <c r="CU7" s="67">
        <v>11254</v>
      </c>
      <c r="CV7" s="68">
        <v>111448</v>
      </c>
      <c r="CW7" s="69">
        <v>152118</v>
      </c>
      <c r="CX7" s="122">
        <v>37610</v>
      </c>
      <c r="CY7" s="78">
        <v>43277</v>
      </c>
      <c r="CZ7" s="79">
        <v>80887</v>
      </c>
      <c r="DA7" s="240"/>
      <c r="DB7" s="78">
        <v>55042</v>
      </c>
      <c r="DC7" s="78">
        <v>51420</v>
      </c>
      <c r="DD7" s="78">
        <v>38221</v>
      </c>
      <c r="DE7" s="78">
        <v>38023</v>
      </c>
      <c r="DF7" s="78">
        <v>25489</v>
      </c>
      <c r="DG7" s="80">
        <v>208195</v>
      </c>
      <c r="DH7" s="81">
        <v>289082</v>
      </c>
      <c r="DI7" s="66">
        <v>878</v>
      </c>
      <c r="DJ7" s="67">
        <v>1028</v>
      </c>
      <c r="DK7" s="68">
        <v>1906</v>
      </c>
      <c r="DL7" s="243"/>
      <c r="DM7" s="67">
        <v>1038</v>
      </c>
      <c r="DN7" s="67">
        <v>1151</v>
      </c>
      <c r="DO7" s="67">
        <v>744</v>
      </c>
      <c r="DP7" s="67">
        <v>696</v>
      </c>
      <c r="DQ7" s="67">
        <v>605</v>
      </c>
      <c r="DR7" s="68">
        <v>4234</v>
      </c>
      <c r="DS7" s="69">
        <v>6140</v>
      </c>
      <c r="DT7" s="66">
        <v>2741</v>
      </c>
      <c r="DU7" s="67">
        <v>3284</v>
      </c>
      <c r="DV7" s="68">
        <v>6025</v>
      </c>
      <c r="DW7" s="243"/>
      <c r="DX7" s="67">
        <v>3123</v>
      </c>
      <c r="DY7" s="67">
        <v>3115</v>
      </c>
      <c r="DZ7" s="67">
        <v>1948</v>
      </c>
      <c r="EA7" s="67">
        <v>1886</v>
      </c>
      <c r="EB7" s="67">
        <v>1555</v>
      </c>
      <c r="EC7" s="68">
        <v>11627</v>
      </c>
      <c r="ED7" s="69">
        <v>17652</v>
      </c>
      <c r="EE7" s="66">
        <v>6074</v>
      </c>
      <c r="EF7" s="67">
        <v>6364</v>
      </c>
      <c r="EG7" s="68">
        <v>12438</v>
      </c>
      <c r="EH7" s="243"/>
      <c r="EI7" s="67">
        <v>6809</v>
      </c>
      <c r="EJ7" s="67">
        <v>5645</v>
      </c>
      <c r="EK7" s="67">
        <v>3595</v>
      </c>
      <c r="EL7" s="67">
        <v>3367</v>
      </c>
      <c r="EM7" s="67">
        <v>2646</v>
      </c>
      <c r="EN7" s="68">
        <v>22062</v>
      </c>
      <c r="EO7" s="69">
        <v>34500</v>
      </c>
      <c r="EP7" s="66">
        <v>11166</v>
      </c>
      <c r="EQ7" s="67">
        <v>11530</v>
      </c>
      <c r="ER7" s="68">
        <v>22696</v>
      </c>
      <c r="ES7" s="243"/>
      <c r="ET7" s="67">
        <v>13317</v>
      </c>
      <c r="EU7" s="67">
        <v>10786</v>
      </c>
      <c r="EV7" s="67">
        <v>6972</v>
      </c>
      <c r="EW7" s="67">
        <v>6490</v>
      </c>
      <c r="EX7" s="67">
        <v>4453</v>
      </c>
      <c r="EY7" s="68">
        <v>42018</v>
      </c>
      <c r="EZ7" s="69">
        <v>64714</v>
      </c>
      <c r="FA7" s="66">
        <v>11131</v>
      </c>
      <c r="FB7" s="67">
        <v>12832</v>
      </c>
      <c r="FC7" s="68">
        <v>23963</v>
      </c>
      <c r="FD7" s="243"/>
      <c r="FE7" s="67">
        <v>16876</v>
      </c>
      <c r="FF7" s="67">
        <v>14737</v>
      </c>
      <c r="FG7" s="67">
        <v>10541</v>
      </c>
      <c r="FH7" s="67">
        <v>9916</v>
      </c>
      <c r="FI7" s="67">
        <v>6596</v>
      </c>
      <c r="FJ7" s="68">
        <v>58666</v>
      </c>
      <c r="FK7" s="69">
        <v>82629</v>
      </c>
      <c r="FL7" s="66">
        <v>5620</v>
      </c>
      <c r="FM7" s="67">
        <v>8239</v>
      </c>
      <c r="FN7" s="68">
        <v>13859</v>
      </c>
      <c r="FO7" s="243"/>
      <c r="FP7" s="67">
        <v>13879</v>
      </c>
      <c r="FQ7" s="67">
        <v>15986</v>
      </c>
      <c r="FR7" s="67">
        <v>14421</v>
      </c>
      <c r="FS7" s="67">
        <v>15668</v>
      </c>
      <c r="FT7" s="67">
        <v>9634</v>
      </c>
      <c r="FU7" s="68">
        <v>69588</v>
      </c>
      <c r="FV7" s="69">
        <v>83447</v>
      </c>
      <c r="FW7" s="66">
        <v>383</v>
      </c>
      <c r="FX7" s="67">
        <v>697</v>
      </c>
      <c r="FY7" s="68">
        <v>1080</v>
      </c>
      <c r="FZ7" s="243"/>
      <c r="GA7" s="67">
        <v>667</v>
      </c>
      <c r="GB7" s="67">
        <v>1003</v>
      </c>
      <c r="GC7" s="67">
        <v>617</v>
      </c>
      <c r="GD7" s="67">
        <v>602</v>
      </c>
      <c r="GE7" s="67">
        <v>606</v>
      </c>
      <c r="GF7" s="68">
        <v>3495</v>
      </c>
      <c r="GG7" s="69">
        <v>4575</v>
      </c>
      <c r="GH7" s="66">
        <v>37993</v>
      </c>
      <c r="GI7" s="67">
        <v>43974</v>
      </c>
      <c r="GJ7" s="68">
        <v>81967</v>
      </c>
      <c r="GK7" s="243"/>
      <c r="GL7" s="67">
        <v>55709</v>
      </c>
      <c r="GM7" s="67">
        <v>52423</v>
      </c>
      <c r="GN7" s="67">
        <v>38838</v>
      </c>
      <c r="GO7" s="67">
        <v>38625</v>
      </c>
      <c r="GP7" s="67">
        <v>26095</v>
      </c>
      <c r="GQ7" s="68">
        <v>211690</v>
      </c>
      <c r="GR7" s="69">
        <v>293657</v>
      </c>
      <c r="GS7" s="122">
        <v>57351</v>
      </c>
      <c r="GT7" s="78">
        <v>62985</v>
      </c>
      <c r="GU7" s="79">
        <v>120336</v>
      </c>
      <c r="GV7" s="240"/>
      <c r="GW7" s="78">
        <v>85018</v>
      </c>
      <c r="GX7" s="78">
        <v>80414</v>
      </c>
      <c r="GY7" s="78">
        <v>58640</v>
      </c>
      <c r="GZ7" s="78">
        <v>55032</v>
      </c>
      <c r="HA7" s="78">
        <v>36024</v>
      </c>
      <c r="HB7" s="80">
        <v>315128</v>
      </c>
      <c r="HC7" s="81">
        <v>435464</v>
      </c>
      <c r="HD7" s="66">
        <v>1689</v>
      </c>
      <c r="HE7" s="67">
        <v>2079</v>
      </c>
      <c r="HF7" s="68">
        <v>3768</v>
      </c>
      <c r="HG7" s="243"/>
      <c r="HH7" s="67">
        <v>2384</v>
      </c>
      <c r="HI7" s="67">
        <v>2794</v>
      </c>
      <c r="HJ7" s="67">
        <v>1740</v>
      </c>
      <c r="HK7" s="67">
        <v>1683</v>
      </c>
      <c r="HL7" s="67">
        <v>1365</v>
      </c>
      <c r="HM7" s="68">
        <v>9966</v>
      </c>
      <c r="HN7" s="69">
        <v>13734</v>
      </c>
      <c r="HO7" s="66">
        <v>4834</v>
      </c>
      <c r="HP7" s="67">
        <v>5655</v>
      </c>
      <c r="HQ7" s="68">
        <v>10489</v>
      </c>
      <c r="HR7" s="243"/>
      <c r="HS7" s="67">
        <v>6245</v>
      </c>
      <c r="HT7" s="67">
        <v>6613</v>
      </c>
      <c r="HU7" s="67">
        <v>4488</v>
      </c>
      <c r="HV7" s="67">
        <v>3993</v>
      </c>
      <c r="HW7" s="67">
        <v>3111</v>
      </c>
      <c r="HX7" s="68">
        <v>24450</v>
      </c>
      <c r="HY7" s="69">
        <v>34939</v>
      </c>
      <c r="HZ7" s="66">
        <v>9056</v>
      </c>
      <c r="IA7" s="67">
        <v>9626</v>
      </c>
      <c r="IB7" s="68">
        <v>18682</v>
      </c>
      <c r="IC7" s="243"/>
      <c r="ID7" s="67">
        <v>11606</v>
      </c>
      <c r="IE7" s="67">
        <v>10382</v>
      </c>
      <c r="IF7" s="67">
        <v>6830</v>
      </c>
      <c r="IG7" s="67">
        <v>6115</v>
      </c>
      <c r="IH7" s="67">
        <v>4527</v>
      </c>
      <c r="II7" s="68">
        <v>39460</v>
      </c>
      <c r="IJ7" s="69">
        <v>58142</v>
      </c>
      <c r="IK7" s="66">
        <v>16275</v>
      </c>
      <c r="IL7" s="67">
        <v>16345</v>
      </c>
      <c r="IM7" s="68">
        <v>32620</v>
      </c>
      <c r="IN7" s="243"/>
      <c r="IO7" s="67">
        <v>20802</v>
      </c>
      <c r="IP7" s="67">
        <v>17514</v>
      </c>
      <c r="IQ7" s="67">
        <v>11700</v>
      </c>
      <c r="IR7" s="67">
        <v>10316</v>
      </c>
      <c r="IS7" s="67">
        <v>6913</v>
      </c>
      <c r="IT7" s="68">
        <v>67245</v>
      </c>
      <c r="IU7" s="69">
        <v>99865</v>
      </c>
      <c r="IV7" s="66">
        <v>16653</v>
      </c>
      <c r="IW7" s="67">
        <v>17870</v>
      </c>
      <c r="IX7" s="68">
        <v>34523</v>
      </c>
      <c r="IY7" s="243"/>
      <c r="IZ7" s="67">
        <v>24835</v>
      </c>
      <c r="JA7" s="67">
        <v>21796</v>
      </c>
      <c r="JB7" s="67">
        <v>15497</v>
      </c>
      <c r="JC7" s="67">
        <v>13957</v>
      </c>
      <c r="JD7" s="67">
        <v>8814</v>
      </c>
      <c r="JE7" s="68">
        <v>84899</v>
      </c>
      <c r="JF7" s="69">
        <v>119422</v>
      </c>
      <c r="JG7" s="66">
        <v>8844</v>
      </c>
      <c r="JH7" s="67">
        <v>11410</v>
      </c>
      <c r="JI7" s="68">
        <v>20254</v>
      </c>
      <c r="JJ7" s="243">
        <v>0</v>
      </c>
      <c r="JK7" s="67">
        <v>19146</v>
      </c>
      <c r="JL7" s="67">
        <v>21315</v>
      </c>
      <c r="JM7" s="67">
        <v>18385</v>
      </c>
      <c r="JN7" s="67">
        <v>18968</v>
      </c>
      <c r="JO7" s="67">
        <v>11294</v>
      </c>
      <c r="JP7" s="68">
        <v>89108</v>
      </c>
      <c r="JQ7" s="69">
        <v>109362</v>
      </c>
      <c r="JR7" s="66">
        <v>854</v>
      </c>
      <c r="JS7" s="67">
        <v>1447</v>
      </c>
      <c r="JT7" s="68">
        <v>2301</v>
      </c>
      <c r="JU7" s="243"/>
      <c r="JV7" s="67">
        <v>1571</v>
      </c>
      <c r="JW7" s="67">
        <v>2286</v>
      </c>
      <c r="JX7" s="67">
        <v>1486</v>
      </c>
      <c r="JY7" s="67">
        <v>1342</v>
      </c>
      <c r="JZ7" s="67">
        <v>1325</v>
      </c>
      <c r="KA7" s="68">
        <v>8010</v>
      </c>
      <c r="KB7" s="69">
        <v>10311</v>
      </c>
      <c r="KC7" s="66">
        <v>58205</v>
      </c>
      <c r="KD7" s="67">
        <v>64432</v>
      </c>
      <c r="KE7" s="68">
        <v>122637</v>
      </c>
      <c r="KF7" s="243"/>
      <c r="KG7" s="67">
        <v>86589</v>
      </c>
      <c r="KH7" s="67">
        <v>82700</v>
      </c>
      <c r="KI7" s="67">
        <v>60126</v>
      </c>
      <c r="KJ7" s="67">
        <v>56374</v>
      </c>
      <c r="KK7" s="67">
        <v>37349</v>
      </c>
      <c r="KL7" s="68">
        <v>323138</v>
      </c>
      <c r="KM7" s="69">
        <v>445775</v>
      </c>
    </row>
    <row r="8" spans="2:299" ht="19.5" customHeight="1" x14ac:dyDescent="0.2">
      <c r="B8" s="126" t="s">
        <v>5</v>
      </c>
      <c r="C8" s="316">
        <v>8042</v>
      </c>
      <c r="D8" s="82">
        <v>9310</v>
      </c>
      <c r="E8" s="83">
        <v>17352</v>
      </c>
      <c r="F8" s="241"/>
      <c r="G8" s="82">
        <v>9978</v>
      </c>
      <c r="H8" s="82">
        <v>12844</v>
      </c>
      <c r="I8" s="82">
        <v>8517</v>
      </c>
      <c r="J8" s="82">
        <v>7036</v>
      </c>
      <c r="K8" s="82">
        <v>4404</v>
      </c>
      <c r="L8" s="84">
        <v>42779</v>
      </c>
      <c r="M8" s="85">
        <v>60131</v>
      </c>
      <c r="N8" s="70">
        <v>307</v>
      </c>
      <c r="O8" s="71">
        <v>492</v>
      </c>
      <c r="P8" s="72">
        <v>799</v>
      </c>
      <c r="Q8" s="244"/>
      <c r="R8" s="71">
        <v>413</v>
      </c>
      <c r="S8" s="71">
        <v>743</v>
      </c>
      <c r="T8" s="71">
        <v>386</v>
      </c>
      <c r="U8" s="71">
        <v>411</v>
      </c>
      <c r="V8" s="71">
        <v>318</v>
      </c>
      <c r="W8" s="72">
        <v>2271</v>
      </c>
      <c r="X8" s="73">
        <v>3070</v>
      </c>
      <c r="Y8" s="70">
        <v>800</v>
      </c>
      <c r="Z8" s="71">
        <v>1076</v>
      </c>
      <c r="AA8" s="72">
        <v>1876</v>
      </c>
      <c r="AB8" s="244"/>
      <c r="AC8" s="71">
        <v>972</v>
      </c>
      <c r="AD8" s="71">
        <v>1515</v>
      </c>
      <c r="AE8" s="71">
        <v>1084</v>
      </c>
      <c r="AF8" s="71">
        <v>866</v>
      </c>
      <c r="AG8" s="71">
        <v>671</v>
      </c>
      <c r="AH8" s="72">
        <v>5108</v>
      </c>
      <c r="AI8" s="73">
        <v>6984</v>
      </c>
      <c r="AJ8" s="70">
        <v>1144</v>
      </c>
      <c r="AK8" s="71">
        <v>1507</v>
      </c>
      <c r="AL8" s="72">
        <v>2651</v>
      </c>
      <c r="AM8" s="244"/>
      <c r="AN8" s="71">
        <v>1500</v>
      </c>
      <c r="AO8" s="71">
        <v>2078</v>
      </c>
      <c r="AP8" s="71">
        <v>1304</v>
      </c>
      <c r="AQ8" s="71">
        <v>1147</v>
      </c>
      <c r="AR8" s="71">
        <v>752</v>
      </c>
      <c r="AS8" s="72">
        <v>6781</v>
      </c>
      <c r="AT8" s="73">
        <v>9432</v>
      </c>
      <c r="AU8" s="70">
        <v>2105</v>
      </c>
      <c r="AV8" s="71">
        <v>2280</v>
      </c>
      <c r="AW8" s="72">
        <v>4385</v>
      </c>
      <c r="AX8" s="244"/>
      <c r="AY8" s="71">
        <v>2481</v>
      </c>
      <c r="AZ8" s="71">
        <v>2860</v>
      </c>
      <c r="BA8" s="71">
        <v>1916</v>
      </c>
      <c r="BB8" s="71">
        <v>1537</v>
      </c>
      <c r="BC8" s="71">
        <v>1017</v>
      </c>
      <c r="BD8" s="72">
        <v>9811</v>
      </c>
      <c r="BE8" s="73">
        <v>14196</v>
      </c>
      <c r="BF8" s="70">
        <v>2318</v>
      </c>
      <c r="BG8" s="71">
        <v>2410</v>
      </c>
      <c r="BH8" s="72">
        <v>4728</v>
      </c>
      <c r="BI8" s="244"/>
      <c r="BJ8" s="71">
        <v>2785</v>
      </c>
      <c r="BK8" s="71">
        <v>3143</v>
      </c>
      <c r="BL8" s="71">
        <v>2055</v>
      </c>
      <c r="BM8" s="71">
        <v>1675</v>
      </c>
      <c r="BN8" s="71">
        <v>937</v>
      </c>
      <c r="BO8" s="72">
        <v>10595</v>
      </c>
      <c r="BP8" s="73">
        <v>15323</v>
      </c>
      <c r="BQ8" s="70">
        <v>1368</v>
      </c>
      <c r="BR8" s="71">
        <v>1545</v>
      </c>
      <c r="BS8" s="72">
        <v>2913</v>
      </c>
      <c r="BT8" s="244"/>
      <c r="BU8" s="71">
        <v>1827</v>
      </c>
      <c r="BV8" s="71">
        <v>2505</v>
      </c>
      <c r="BW8" s="71">
        <v>1772</v>
      </c>
      <c r="BX8" s="71">
        <v>1400</v>
      </c>
      <c r="BY8" s="71">
        <v>709</v>
      </c>
      <c r="BZ8" s="72">
        <v>8213</v>
      </c>
      <c r="CA8" s="73">
        <v>11126</v>
      </c>
      <c r="CB8" s="70">
        <v>180</v>
      </c>
      <c r="CC8" s="71">
        <v>317</v>
      </c>
      <c r="CD8" s="72">
        <v>497</v>
      </c>
      <c r="CE8" s="244"/>
      <c r="CF8" s="71">
        <v>259</v>
      </c>
      <c r="CG8" s="71">
        <v>590</v>
      </c>
      <c r="CH8" s="71">
        <v>388</v>
      </c>
      <c r="CI8" s="71">
        <v>326</v>
      </c>
      <c r="CJ8" s="71">
        <v>329</v>
      </c>
      <c r="CK8" s="72">
        <v>1892</v>
      </c>
      <c r="CL8" s="73">
        <v>2389</v>
      </c>
      <c r="CM8" s="70">
        <v>8222</v>
      </c>
      <c r="CN8" s="71">
        <v>9627</v>
      </c>
      <c r="CO8" s="72">
        <v>17849</v>
      </c>
      <c r="CP8" s="244"/>
      <c r="CQ8" s="71">
        <v>10237</v>
      </c>
      <c r="CR8" s="71">
        <v>13434</v>
      </c>
      <c r="CS8" s="71">
        <v>8905</v>
      </c>
      <c r="CT8" s="71">
        <v>7362</v>
      </c>
      <c r="CU8" s="71">
        <v>4733</v>
      </c>
      <c r="CV8" s="72">
        <v>44671</v>
      </c>
      <c r="CW8" s="73">
        <v>62520</v>
      </c>
      <c r="CX8" s="123">
        <v>14849</v>
      </c>
      <c r="CY8" s="82">
        <v>19390</v>
      </c>
      <c r="CZ8" s="83">
        <v>34239</v>
      </c>
      <c r="DA8" s="241"/>
      <c r="DB8" s="82">
        <v>19050</v>
      </c>
      <c r="DC8" s="82">
        <v>23359</v>
      </c>
      <c r="DD8" s="82">
        <v>15850</v>
      </c>
      <c r="DE8" s="82">
        <v>15553</v>
      </c>
      <c r="DF8" s="82">
        <v>10633</v>
      </c>
      <c r="DG8" s="84">
        <v>84445</v>
      </c>
      <c r="DH8" s="85">
        <v>118684</v>
      </c>
      <c r="DI8" s="70">
        <v>332</v>
      </c>
      <c r="DJ8" s="71">
        <v>439</v>
      </c>
      <c r="DK8" s="72">
        <v>771</v>
      </c>
      <c r="DL8" s="244"/>
      <c r="DM8" s="71">
        <v>321</v>
      </c>
      <c r="DN8" s="71">
        <v>511</v>
      </c>
      <c r="DO8" s="71">
        <v>297</v>
      </c>
      <c r="DP8" s="71">
        <v>270</v>
      </c>
      <c r="DQ8" s="71">
        <v>253</v>
      </c>
      <c r="DR8" s="72">
        <v>1652</v>
      </c>
      <c r="DS8" s="73">
        <v>2423</v>
      </c>
      <c r="DT8" s="70">
        <v>1038</v>
      </c>
      <c r="DU8" s="71">
        <v>1430</v>
      </c>
      <c r="DV8" s="72">
        <v>2468</v>
      </c>
      <c r="DW8" s="244"/>
      <c r="DX8" s="71">
        <v>958</v>
      </c>
      <c r="DY8" s="71">
        <v>1360</v>
      </c>
      <c r="DZ8" s="71">
        <v>796</v>
      </c>
      <c r="EA8" s="71">
        <v>753</v>
      </c>
      <c r="EB8" s="71">
        <v>655</v>
      </c>
      <c r="EC8" s="72">
        <v>4522</v>
      </c>
      <c r="ED8" s="73">
        <v>6990</v>
      </c>
      <c r="EE8" s="70">
        <v>2418</v>
      </c>
      <c r="EF8" s="71">
        <v>2780</v>
      </c>
      <c r="EG8" s="72">
        <v>5198</v>
      </c>
      <c r="EH8" s="244"/>
      <c r="EI8" s="71">
        <v>2242</v>
      </c>
      <c r="EJ8" s="71">
        <v>2456</v>
      </c>
      <c r="EK8" s="71">
        <v>1437</v>
      </c>
      <c r="EL8" s="71">
        <v>1281</v>
      </c>
      <c r="EM8" s="71">
        <v>1073</v>
      </c>
      <c r="EN8" s="72">
        <v>8489</v>
      </c>
      <c r="EO8" s="73">
        <v>13687</v>
      </c>
      <c r="EP8" s="70">
        <v>4349</v>
      </c>
      <c r="EQ8" s="71">
        <v>5094</v>
      </c>
      <c r="ER8" s="72">
        <v>9443</v>
      </c>
      <c r="ES8" s="244"/>
      <c r="ET8" s="71">
        <v>4590</v>
      </c>
      <c r="EU8" s="71">
        <v>4866</v>
      </c>
      <c r="EV8" s="71">
        <v>2881</v>
      </c>
      <c r="EW8" s="71">
        <v>2629</v>
      </c>
      <c r="EX8" s="71">
        <v>1804</v>
      </c>
      <c r="EY8" s="72">
        <v>16770</v>
      </c>
      <c r="EZ8" s="73">
        <v>26213</v>
      </c>
      <c r="FA8" s="70">
        <v>4520</v>
      </c>
      <c r="FB8" s="71">
        <v>5872</v>
      </c>
      <c r="FC8" s="72">
        <v>10392</v>
      </c>
      <c r="FD8" s="244"/>
      <c r="FE8" s="71">
        <v>6079</v>
      </c>
      <c r="FF8" s="71">
        <v>6937</v>
      </c>
      <c r="FG8" s="71">
        <v>4423</v>
      </c>
      <c r="FH8" s="71">
        <v>4184</v>
      </c>
      <c r="FI8" s="71">
        <v>2749</v>
      </c>
      <c r="FJ8" s="72">
        <v>24372</v>
      </c>
      <c r="FK8" s="73">
        <v>34764</v>
      </c>
      <c r="FL8" s="70">
        <v>2192</v>
      </c>
      <c r="FM8" s="71">
        <v>3775</v>
      </c>
      <c r="FN8" s="72">
        <v>5967</v>
      </c>
      <c r="FO8" s="244"/>
      <c r="FP8" s="71">
        <v>4860</v>
      </c>
      <c r="FQ8" s="71">
        <v>7229</v>
      </c>
      <c r="FR8" s="71">
        <v>6016</v>
      </c>
      <c r="FS8" s="71">
        <v>6436</v>
      </c>
      <c r="FT8" s="71">
        <v>4099</v>
      </c>
      <c r="FU8" s="72">
        <v>28640</v>
      </c>
      <c r="FV8" s="73">
        <v>34607</v>
      </c>
      <c r="FW8" s="70">
        <v>168</v>
      </c>
      <c r="FX8" s="71">
        <v>293</v>
      </c>
      <c r="FY8" s="72">
        <v>461</v>
      </c>
      <c r="FZ8" s="244"/>
      <c r="GA8" s="71">
        <v>181</v>
      </c>
      <c r="GB8" s="71">
        <v>454</v>
      </c>
      <c r="GC8" s="71">
        <v>260</v>
      </c>
      <c r="GD8" s="71">
        <v>256</v>
      </c>
      <c r="GE8" s="71">
        <v>249</v>
      </c>
      <c r="GF8" s="72">
        <v>1400</v>
      </c>
      <c r="GG8" s="73">
        <v>1861</v>
      </c>
      <c r="GH8" s="70">
        <v>15017</v>
      </c>
      <c r="GI8" s="71">
        <v>19683</v>
      </c>
      <c r="GJ8" s="72">
        <v>34700</v>
      </c>
      <c r="GK8" s="244"/>
      <c r="GL8" s="71">
        <v>19231</v>
      </c>
      <c r="GM8" s="71">
        <v>23813</v>
      </c>
      <c r="GN8" s="71">
        <v>16110</v>
      </c>
      <c r="GO8" s="71">
        <v>15809</v>
      </c>
      <c r="GP8" s="71">
        <v>10882</v>
      </c>
      <c r="GQ8" s="72">
        <v>85845</v>
      </c>
      <c r="GR8" s="73">
        <v>120545</v>
      </c>
      <c r="GS8" s="123">
        <v>22891</v>
      </c>
      <c r="GT8" s="82">
        <v>28700</v>
      </c>
      <c r="GU8" s="83">
        <v>51591</v>
      </c>
      <c r="GV8" s="241"/>
      <c r="GW8" s="82">
        <v>29028</v>
      </c>
      <c r="GX8" s="82">
        <v>36203</v>
      </c>
      <c r="GY8" s="82">
        <v>24367</v>
      </c>
      <c r="GZ8" s="82">
        <v>22589</v>
      </c>
      <c r="HA8" s="82">
        <v>15037</v>
      </c>
      <c r="HB8" s="84">
        <v>127224</v>
      </c>
      <c r="HC8" s="85">
        <v>178815</v>
      </c>
      <c r="HD8" s="70">
        <v>639</v>
      </c>
      <c r="HE8" s="71">
        <v>931</v>
      </c>
      <c r="HF8" s="72">
        <v>1570</v>
      </c>
      <c r="HG8" s="244"/>
      <c r="HH8" s="71">
        <v>734</v>
      </c>
      <c r="HI8" s="71">
        <v>1254</v>
      </c>
      <c r="HJ8" s="71">
        <v>683</v>
      </c>
      <c r="HK8" s="71">
        <v>681</v>
      </c>
      <c r="HL8" s="71">
        <v>571</v>
      </c>
      <c r="HM8" s="72">
        <v>3923</v>
      </c>
      <c r="HN8" s="73">
        <v>5493</v>
      </c>
      <c r="HO8" s="70">
        <v>1838</v>
      </c>
      <c r="HP8" s="71">
        <v>2506</v>
      </c>
      <c r="HQ8" s="72">
        <v>4344</v>
      </c>
      <c r="HR8" s="244"/>
      <c r="HS8" s="71">
        <v>1930</v>
      </c>
      <c r="HT8" s="71">
        <v>2875</v>
      </c>
      <c r="HU8" s="71">
        <v>1880</v>
      </c>
      <c r="HV8" s="71">
        <v>1619</v>
      </c>
      <c r="HW8" s="71">
        <v>1326</v>
      </c>
      <c r="HX8" s="72">
        <v>9630</v>
      </c>
      <c r="HY8" s="73">
        <v>13974</v>
      </c>
      <c r="HZ8" s="70">
        <v>3562</v>
      </c>
      <c r="IA8" s="71">
        <v>4287</v>
      </c>
      <c r="IB8" s="72">
        <v>7849</v>
      </c>
      <c r="IC8" s="244"/>
      <c r="ID8" s="71">
        <v>3742</v>
      </c>
      <c r="IE8" s="71">
        <v>4534</v>
      </c>
      <c r="IF8" s="71">
        <v>2741</v>
      </c>
      <c r="IG8" s="71">
        <v>2428</v>
      </c>
      <c r="IH8" s="71">
        <v>1825</v>
      </c>
      <c r="II8" s="72">
        <v>15270</v>
      </c>
      <c r="IJ8" s="73">
        <v>23119</v>
      </c>
      <c r="IK8" s="70">
        <v>6454</v>
      </c>
      <c r="IL8" s="71">
        <v>7374</v>
      </c>
      <c r="IM8" s="72">
        <v>13828</v>
      </c>
      <c r="IN8" s="244"/>
      <c r="IO8" s="71">
        <v>7071</v>
      </c>
      <c r="IP8" s="71">
        <v>7726</v>
      </c>
      <c r="IQ8" s="71">
        <v>4797</v>
      </c>
      <c r="IR8" s="71">
        <v>4166</v>
      </c>
      <c r="IS8" s="71">
        <v>2821</v>
      </c>
      <c r="IT8" s="72">
        <v>26581</v>
      </c>
      <c r="IU8" s="73">
        <v>40409</v>
      </c>
      <c r="IV8" s="70">
        <v>6838</v>
      </c>
      <c r="IW8" s="71">
        <v>8282</v>
      </c>
      <c r="IX8" s="72">
        <v>15120</v>
      </c>
      <c r="IY8" s="244"/>
      <c r="IZ8" s="71">
        <v>8864</v>
      </c>
      <c r="JA8" s="71">
        <v>10080</v>
      </c>
      <c r="JB8" s="71">
        <v>6478</v>
      </c>
      <c r="JC8" s="71">
        <v>5859</v>
      </c>
      <c r="JD8" s="71">
        <v>3686</v>
      </c>
      <c r="JE8" s="72">
        <v>34967</v>
      </c>
      <c r="JF8" s="73">
        <v>50087</v>
      </c>
      <c r="JG8" s="70">
        <v>3560</v>
      </c>
      <c r="JH8" s="71">
        <v>5320</v>
      </c>
      <c r="JI8" s="72">
        <v>8880</v>
      </c>
      <c r="JJ8" s="244">
        <v>0</v>
      </c>
      <c r="JK8" s="71">
        <v>6687</v>
      </c>
      <c r="JL8" s="71">
        <v>9734</v>
      </c>
      <c r="JM8" s="71">
        <v>7788</v>
      </c>
      <c r="JN8" s="71">
        <v>7836</v>
      </c>
      <c r="JO8" s="71">
        <v>4808</v>
      </c>
      <c r="JP8" s="72">
        <v>36853</v>
      </c>
      <c r="JQ8" s="73">
        <v>45733</v>
      </c>
      <c r="JR8" s="70">
        <v>348</v>
      </c>
      <c r="JS8" s="71">
        <v>610</v>
      </c>
      <c r="JT8" s="72">
        <v>958</v>
      </c>
      <c r="JU8" s="244"/>
      <c r="JV8" s="71">
        <v>440</v>
      </c>
      <c r="JW8" s="71">
        <v>1044</v>
      </c>
      <c r="JX8" s="71">
        <v>648</v>
      </c>
      <c r="JY8" s="71">
        <v>582</v>
      </c>
      <c r="JZ8" s="71">
        <v>578</v>
      </c>
      <c r="KA8" s="72">
        <v>3292</v>
      </c>
      <c r="KB8" s="73">
        <v>4250</v>
      </c>
      <c r="KC8" s="70">
        <v>23239</v>
      </c>
      <c r="KD8" s="71">
        <v>29310</v>
      </c>
      <c r="KE8" s="72">
        <v>52549</v>
      </c>
      <c r="KF8" s="244"/>
      <c r="KG8" s="71">
        <v>29468</v>
      </c>
      <c r="KH8" s="71">
        <v>37247</v>
      </c>
      <c r="KI8" s="71">
        <v>25015</v>
      </c>
      <c r="KJ8" s="71">
        <v>23171</v>
      </c>
      <c r="KK8" s="71">
        <v>15615</v>
      </c>
      <c r="KL8" s="72">
        <v>130516</v>
      </c>
      <c r="KM8" s="73">
        <v>183065</v>
      </c>
    </row>
    <row r="9" spans="2:299" ht="19.5" customHeight="1" x14ac:dyDescent="0.2">
      <c r="B9" s="126" t="s">
        <v>6</v>
      </c>
      <c r="C9" s="316">
        <v>2652</v>
      </c>
      <c r="D9" s="82">
        <v>2310</v>
      </c>
      <c r="E9" s="83">
        <v>4962</v>
      </c>
      <c r="F9" s="241"/>
      <c r="G9" s="82">
        <v>4913</v>
      </c>
      <c r="H9" s="82">
        <v>3675</v>
      </c>
      <c r="I9" s="82">
        <v>2856</v>
      </c>
      <c r="J9" s="82">
        <v>2514</v>
      </c>
      <c r="K9" s="82">
        <v>1688</v>
      </c>
      <c r="L9" s="84">
        <v>15646</v>
      </c>
      <c r="M9" s="85">
        <v>20608</v>
      </c>
      <c r="N9" s="70">
        <v>122</v>
      </c>
      <c r="O9" s="71">
        <v>139</v>
      </c>
      <c r="P9" s="72">
        <v>261</v>
      </c>
      <c r="Q9" s="244"/>
      <c r="R9" s="71">
        <v>282</v>
      </c>
      <c r="S9" s="71">
        <v>230</v>
      </c>
      <c r="T9" s="71">
        <v>150</v>
      </c>
      <c r="U9" s="71">
        <v>167</v>
      </c>
      <c r="V9" s="71">
        <v>137</v>
      </c>
      <c r="W9" s="72">
        <v>966</v>
      </c>
      <c r="X9" s="73">
        <v>1227</v>
      </c>
      <c r="Y9" s="70">
        <v>320</v>
      </c>
      <c r="Z9" s="71">
        <v>299</v>
      </c>
      <c r="AA9" s="72">
        <v>619</v>
      </c>
      <c r="AB9" s="244"/>
      <c r="AC9" s="71">
        <v>586</v>
      </c>
      <c r="AD9" s="71">
        <v>517</v>
      </c>
      <c r="AE9" s="71">
        <v>380</v>
      </c>
      <c r="AF9" s="71">
        <v>333</v>
      </c>
      <c r="AG9" s="71">
        <v>255</v>
      </c>
      <c r="AH9" s="72">
        <v>2071</v>
      </c>
      <c r="AI9" s="73">
        <v>2690</v>
      </c>
      <c r="AJ9" s="70">
        <v>396</v>
      </c>
      <c r="AK9" s="71">
        <v>418</v>
      </c>
      <c r="AL9" s="72">
        <v>814</v>
      </c>
      <c r="AM9" s="244"/>
      <c r="AN9" s="71">
        <v>802</v>
      </c>
      <c r="AO9" s="71">
        <v>622</v>
      </c>
      <c r="AP9" s="71">
        <v>458</v>
      </c>
      <c r="AQ9" s="71">
        <v>411</v>
      </c>
      <c r="AR9" s="71">
        <v>311</v>
      </c>
      <c r="AS9" s="72">
        <v>2604</v>
      </c>
      <c r="AT9" s="73">
        <v>3418</v>
      </c>
      <c r="AU9" s="70">
        <v>642</v>
      </c>
      <c r="AV9" s="71">
        <v>493</v>
      </c>
      <c r="AW9" s="72">
        <v>1135</v>
      </c>
      <c r="AX9" s="244"/>
      <c r="AY9" s="71">
        <v>1208</v>
      </c>
      <c r="AZ9" s="71">
        <v>840</v>
      </c>
      <c r="BA9" s="71">
        <v>698</v>
      </c>
      <c r="BB9" s="71">
        <v>560</v>
      </c>
      <c r="BC9" s="71">
        <v>347</v>
      </c>
      <c r="BD9" s="72">
        <v>3653</v>
      </c>
      <c r="BE9" s="73">
        <v>4788</v>
      </c>
      <c r="BF9" s="70">
        <v>717</v>
      </c>
      <c r="BG9" s="71">
        <v>615</v>
      </c>
      <c r="BH9" s="72">
        <v>1332</v>
      </c>
      <c r="BI9" s="244"/>
      <c r="BJ9" s="71">
        <v>1208</v>
      </c>
      <c r="BK9" s="71">
        <v>835</v>
      </c>
      <c r="BL9" s="71">
        <v>677</v>
      </c>
      <c r="BM9" s="71">
        <v>583</v>
      </c>
      <c r="BN9" s="71">
        <v>379</v>
      </c>
      <c r="BO9" s="72">
        <v>3682</v>
      </c>
      <c r="BP9" s="73">
        <v>5014</v>
      </c>
      <c r="BQ9" s="70">
        <v>455</v>
      </c>
      <c r="BR9" s="71">
        <v>346</v>
      </c>
      <c r="BS9" s="72">
        <v>801</v>
      </c>
      <c r="BT9" s="244"/>
      <c r="BU9" s="71">
        <v>827</v>
      </c>
      <c r="BV9" s="71">
        <v>631</v>
      </c>
      <c r="BW9" s="71">
        <v>493</v>
      </c>
      <c r="BX9" s="71">
        <v>460</v>
      </c>
      <c r="BY9" s="71">
        <v>259</v>
      </c>
      <c r="BZ9" s="72">
        <v>2670</v>
      </c>
      <c r="CA9" s="73">
        <v>3471</v>
      </c>
      <c r="CB9" s="70">
        <v>82</v>
      </c>
      <c r="CC9" s="71">
        <v>97</v>
      </c>
      <c r="CD9" s="72">
        <v>179</v>
      </c>
      <c r="CE9" s="244"/>
      <c r="CF9" s="71">
        <v>186</v>
      </c>
      <c r="CG9" s="71">
        <v>177</v>
      </c>
      <c r="CH9" s="71">
        <v>130</v>
      </c>
      <c r="CI9" s="71">
        <v>129</v>
      </c>
      <c r="CJ9" s="71">
        <v>119</v>
      </c>
      <c r="CK9" s="72">
        <v>741</v>
      </c>
      <c r="CL9" s="73">
        <v>920</v>
      </c>
      <c r="CM9" s="70">
        <v>2734</v>
      </c>
      <c r="CN9" s="71">
        <v>2407</v>
      </c>
      <c r="CO9" s="72">
        <v>5141</v>
      </c>
      <c r="CP9" s="244"/>
      <c r="CQ9" s="71">
        <v>5099</v>
      </c>
      <c r="CR9" s="71">
        <v>3852</v>
      </c>
      <c r="CS9" s="71">
        <v>2986</v>
      </c>
      <c r="CT9" s="71">
        <v>2643</v>
      </c>
      <c r="CU9" s="71">
        <v>1807</v>
      </c>
      <c r="CV9" s="72">
        <v>16387</v>
      </c>
      <c r="CW9" s="73">
        <v>21528</v>
      </c>
      <c r="CX9" s="123">
        <v>5159</v>
      </c>
      <c r="CY9" s="82">
        <v>5241</v>
      </c>
      <c r="CZ9" s="83">
        <v>10400</v>
      </c>
      <c r="DA9" s="241"/>
      <c r="DB9" s="82">
        <v>8798</v>
      </c>
      <c r="DC9" s="82">
        <v>6491</v>
      </c>
      <c r="DD9" s="82">
        <v>5280</v>
      </c>
      <c r="DE9" s="82">
        <v>5518</v>
      </c>
      <c r="DF9" s="82">
        <v>3602</v>
      </c>
      <c r="DG9" s="84">
        <v>29689</v>
      </c>
      <c r="DH9" s="85">
        <v>40089</v>
      </c>
      <c r="DI9" s="70">
        <v>131</v>
      </c>
      <c r="DJ9" s="71">
        <v>108</v>
      </c>
      <c r="DK9" s="72">
        <v>239</v>
      </c>
      <c r="DL9" s="244"/>
      <c r="DM9" s="71">
        <v>193</v>
      </c>
      <c r="DN9" s="71">
        <v>148</v>
      </c>
      <c r="DO9" s="71">
        <v>109</v>
      </c>
      <c r="DP9" s="71">
        <v>109</v>
      </c>
      <c r="DQ9" s="71">
        <v>81</v>
      </c>
      <c r="DR9" s="72">
        <v>640</v>
      </c>
      <c r="DS9" s="73">
        <v>879</v>
      </c>
      <c r="DT9" s="70">
        <v>357</v>
      </c>
      <c r="DU9" s="71">
        <v>384</v>
      </c>
      <c r="DV9" s="72">
        <v>741</v>
      </c>
      <c r="DW9" s="244"/>
      <c r="DX9" s="71">
        <v>513</v>
      </c>
      <c r="DY9" s="71">
        <v>385</v>
      </c>
      <c r="DZ9" s="71">
        <v>266</v>
      </c>
      <c r="EA9" s="71">
        <v>292</v>
      </c>
      <c r="EB9" s="71">
        <v>208</v>
      </c>
      <c r="EC9" s="72">
        <v>1664</v>
      </c>
      <c r="ED9" s="73">
        <v>2405</v>
      </c>
      <c r="EE9" s="70">
        <v>824</v>
      </c>
      <c r="EF9" s="71">
        <v>787</v>
      </c>
      <c r="EG9" s="72">
        <v>1611</v>
      </c>
      <c r="EH9" s="244"/>
      <c r="EI9" s="71">
        <v>1117</v>
      </c>
      <c r="EJ9" s="71">
        <v>690</v>
      </c>
      <c r="EK9" s="71">
        <v>500</v>
      </c>
      <c r="EL9" s="71">
        <v>508</v>
      </c>
      <c r="EM9" s="71">
        <v>337</v>
      </c>
      <c r="EN9" s="72">
        <v>3152</v>
      </c>
      <c r="EO9" s="73">
        <v>4763</v>
      </c>
      <c r="EP9" s="70">
        <v>1545</v>
      </c>
      <c r="EQ9" s="71">
        <v>1388</v>
      </c>
      <c r="ER9" s="72">
        <v>2933</v>
      </c>
      <c r="ES9" s="244"/>
      <c r="ET9" s="71">
        <v>2183</v>
      </c>
      <c r="EU9" s="71">
        <v>1370</v>
      </c>
      <c r="EV9" s="71">
        <v>982</v>
      </c>
      <c r="EW9" s="71">
        <v>922</v>
      </c>
      <c r="EX9" s="71">
        <v>613</v>
      </c>
      <c r="EY9" s="72">
        <v>6070</v>
      </c>
      <c r="EZ9" s="73">
        <v>9003</v>
      </c>
      <c r="FA9" s="70">
        <v>1538</v>
      </c>
      <c r="FB9" s="71">
        <v>1585</v>
      </c>
      <c r="FC9" s="72">
        <v>3123</v>
      </c>
      <c r="FD9" s="244"/>
      <c r="FE9" s="71">
        <v>2633</v>
      </c>
      <c r="FF9" s="71">
        <v>1865</v>
      </c>
      <c r="FG9" s="71">
        <v>1475</v>
      </c>
      <c r="FH9" s="71">
        <v>1436</v>
      </c>
      <c r="FI9" s="71">
        <v>1004</v>
      </c>
      <c r="FJ9" s="72">
        <v>8413</v>
      </c>
      <c r="FK9" s="73">
        <v>11536</v>
      </c>
      <c r="FL9" s="70">
        <v>764</v>
      </c>
      <c r="FM9" s="71">
        <v>989</v>
      </c>
      <c r="FN9" s="72">
        <v>1753</v>
      </c>
      <c r="FO9" s="244"/>
      <c r="FP9" s="71">
        <v>2159</v>
      </c>
      <c r="FQ9" s="71">
        <v>2033</v>
      </c>
      <c r="FR9" s="71">
        <v>1948</v>
      </c>
      <c r="FS9" s="71">
        <v>2251</v>
      </c>
      <c r="FT9" s="71">
        <v>1359</v>
      </c>
      <c r="FU9" s="72">
        <v>9750</v>
      </c>
      <c r="FV9" s="73">
        <v>11503</v>
      </c>
      <c r="FW9" s="70">
        <v>52</v>
      </c>
      <c r="FX9" s="71">
        <v>92</v>
      </c>
      <c r="FY9" s="72">
        <v>144</v>
      </c>
      <c r="FZ9" s="244"/>
      <c r="GA9" s="71">
        <v>134</v>
      </c>
      <c r="GB9" s="71">
        <v>117</v>
      </c>
      <c r="GC9" s="71">
        <v>108</v>
      </c>
      <c r="GD9" s="71">
        <v>103</v>
      </c>
      <c r="GE9" s="71">
        <v>94</v>
      </c>
      <c r="GF9" s="72">
        <v>556</v>
      </c>
      <c r="GG9" s="73">
        <v>700</v>
      </c>
      <c r="GH9" s="70">
        <v>5211</v>
      </c>
      <c r="GI9" s="71">
        <v>5333</v>
      </c>
      <c r="GJ9" s="72">
        <v>10544</v>
      </c>
      <c r="GK9" s="244"/>
      <c r="GL9" s="71">
        <v>8932</v>
      </c>
      <c r="GM9" s="71">
        <v>6608</v>
      </c>
      <c r="GN9" s="71">
        <v>5388</v>
      </c>
      <c r="GO9" s="71">
        <v>5621</v>
      </c>
      <c r="GP9" s="71">
        <v>3696</v>
      </c>
      <c r="GQ9" s="72">
        <v>30245</v>
      </c>
      <c r="GR9" s="73">
        <v>40789</v>
      </c>
      <c r="GS9" s="123">
        <v>7811</v>
      </c>
      <c r="GT9" s="82">
        <v>7551</v>
      </c>
      <c r="GU9" s="83">
        <v>15362</v>
      </c>
      <c r="GV9" s="241"/>
      <c r="GW9" s="82">
        <v>13711</v>
      </c>
      <c r="GX9" s="82">
        <v>10166</v>
      </c>
      <c r="GY9" s="82">
        <v>8136</v>
      </c>
      <c r="GZ9" s="82">
        <v>8032</v>
      </c>
      <c r="HA9" s="82">
        <v>5290</v>
      </c>
      <c r="HB9" s="84">
        <v>45335</v>
      </c>
      <c r="HC9" s="85">
        <v>60697</v>
      </c>
      <c r="HD9" s="70">
        <v>253</v>
      </c>
      <c r="HE9" s="71">
        <v>247</v>
      </c>
      <c r="HF9" s="72">
        <v>500</v>
      </c>
      <c r="HG9" s="244"/>
      <c r="HH9" s="71">
        <v>475</v>
      </c>
      <c r="HI9" s="71">
        <v>378</v>
      </c>
      <c r="HJ9" s="71">
        <v>259</v>
      </c>
      <c r="HK9" s="71">
        <v>276</v>
      </c>
      <c r="HL9" s="71">
        <v>218</v>
      </c>
      <c r="HM9" s="72">
        <v>1606</v>
      </c>
      <c r="HN9" s="73">
        <v>2106</v>
      </c>
      <c r="HO9" s="70">
        <v>677</v>
      </c>
      <c r="HP9" s="71">
        <v>683</v>
      </c>
      <c r="HQ9" s="72">
        <v>1360</v>
      </c>
      <c r="HR9" s="244"/>
      <c r="HS9" s="71">
        <v>1099</v>
      </c>
      <c r="HT9" s="71">
        <v>902</v>
      </c>
      <c r="HU9" s="71">
        <v>646</v>
      </c>
      <c r="HV9" s="71">
        <v>625</v>
      </c>
      <c r="HW9" s="71">
        <v>463</v>
      </c>
      <c r="HX9" s="72">
        <v>3735</v>
      </c>
      <c r="HY9" s="73">
        <v>5095</v>
      </c>
      <c r="HZ9" s="70">
        <v>1220</v>
      </c>
      <c r="IA9" s="71">
        <v>1205</v>
      </c>
      <c r="IB9" s="72">
        <v>2425</v>
      </c>
      <c r="IC9" s="244"/>
      <c r="ID9" s="71">
        <v>1919</v>
      </c>
      <c r="IE9" s="71">
        <v>1312</v>
      </c>
      <c r="IF9" s="71">
        <v>958</v>
      </c>
      <c r="IG9" s="71">
        <v>919</v>
      </c>
      <c r="IH9" s="71">
        <v>648</v>
      </c>
      <c r="II9" s="72">
        <v>5756</v>
      </c>
      <c r="IJ9" s="73">
        <v>8181</v>
      </c>
      <c r="IK9" s="70">
        <v>2187</v>
      </c>
      <c r="IL9" s="71">
        <v>1881</v>
      </c>
      <c r="IM9" s="72">
        <v>4068</v>
      </c>
      <c r="IN9" s="244"/>
      <c r="IO9" s="71">
        <v>3391</v>
      </c>
      <c r="IP9" s="71">
        <v>2210</v>
      </c>
      <c r="IQ9" s="71">
        <v>1680</v>
      </c>
      <c r="IR9" s="71">
        <v>1482</v>
      </c>
      <c r="IS9" s="71">
        <v>960</v>
      </c>
      <c r="IT9" s="72">
        <v>9723</v>
      </c>
      <c r="IU9" s="73">
        <v>13791</v>
      </c>
      <c r="IV9" s="70">
        <v>2255</v>
      </c>
      <c r="IW9" s="71">
        <v>2200</v>
      </c>
      <c r="IX9" s="72">
        <v>4455</v>
      </c>
      <c r="IY9" s="244"/>
      <c r="IZ9" s="71">
        <v>3841</v>
      </c>
      <c r="JA9" s="71">
        <v>2700</v>
      </c>
      <c r="JB9" s="71">
        <v>2152</v>
      </c>
      <c r="JC9" s="71">
        <v>2019</v>
      </c>
      <c r="JD9" s="71">
        <v>1383</v>
      </c>
      <c r="JE9" s="72">
        <v>12095</v>
      </c>
      <c r="JF9" s="73">
        <v>16550</v>
      </c>
      <c r="JG9" s="70">
        <v>1219</v>
      </c>
      <c r="JH9" s="71">
        <v>1335</v>
      </c>
      <c r="JI9" s="72">
        <v>2554</v>
      </c>
      <c r="JJ9" s="244">
        <v>0</v>
      </c>
      <c r="JK9" s="71">
        <v>2986</v>
      </c>
      <c r="JL9" s="71">
        <v>2664</v>
      </c>
      <c r="JM9" s="71">
        <v>2441</v>
      </c>
      <c r="JN9" s="71">
        <v>2711</v>
      </c>
      <c r="JO9" s="71">
        <v>1618</v>
      </c>
      <c r="JP9" s="72">
        <v>12420</v>
      </c>
      <c r="JQ9" s="73">
        <v>14974</v>
      </c>
      <c r="JR9" s="70">
        <v>134</v>
      </c>
      <c r="JS9" s="71">
        <v>189</v>
      </c>
      <c r="JT9" s="72">
        <v>323</v>
      </c>
      <c r="JU9" s="244"/>
      <c r="JV9" s="71">
        <v>320</v>
      </c>
      <c r="JW9" s="71">
        <v>294</v>
      </c>
      <c r="JX9" s="71">
        <v>238</v>
      </c>
      <c r="JY9" s="71">
        <v>232</v>
      </c>
      <c r="JZ9" s="71">
        <v>213</v>
      </c>
      <c r="KA9" s="72">
        <v>1297</v>
      </c>
      <c r="KB9" s="73">
        <v>1620</v>
      </c>
      <c r="KC9" s="70">
        <v>7945</v>
      </c>
      <c r="KD9" s="71">
        <v>7740</v>
      </c>
      <c r="KE9" s="72">
        <v>15685</v>
      </c>
      <c r="KF9" s="244"/>
      <c r="KG9" s="71">
        <v>14031</v>
      </c>
      <c r="KH9" s="71">
        <v>10460</v>
      </c>
      <c r="KI9" s="71">
        <v>8374</v>
      </c>
      <c r="KJ9" s="71">
        <v>8264</v>
      </c>
      <c r="KK9" s="71">
        <v>5503</v>
      </c>
      <c r="KL9" s="72">
        <v>46632</v>
      </c>
      <c r="KM9" s="73">
        <v>62317</v>
      </c>
    </row>
    <row r="10" spans="2:299" ht="19.5" customHeight="1" x14ac:dyDescent="0.2">
      <c r="B10" s="126" t="s">
        <v>14</v>
      </c>
      <c r="C10" s="316">
        <v>1487</v>
      </c>
      <c r="D10" s="82">
        <v>1813</v>
      </c>
      <c r="E10" s="83">
        <v>3300</v>
      </c>
      <c r="F10" s="241"/>
      <c r="G10" s="82">
        <v>2220</v>
      </c>
      <c r="H10" s="82">
        <v>2398</v>
      </c>
      <c r="I10" s="82">
        <v>1852</v>
      </c>
      <c r="J10" s="82">
        <v>1416</v>
      </c>
      <c r="K10" s="82">
        <v>925</v>
      </c>
      <c r="L10" s="84">
        <v>8811</v>
      </c>
      <c r="M10" s="85">
        <v>12111</v>
      </c>
      <c r="N10" s="70">
        <v>78</v>
      </c>
      <c r="O10" s="71">
        <v>90</v>
      </c>
      <c r="P10" s="72">
        <v>168</v>
      </c>
      <c r="Q10" s="244"/>
      <c r="R10" s="71">
        <v>101</v>
      </c>
      <c r="S10" s="71">
        <v>130</v>
      </c>
      <c r="T10" s="71">
        <v>102</v>
      </c>
      <c r="U10" s="71">
        <v>81</v>
      </c>
      <c r="V10" s="71">
        <v>77</v>
      </c>
      <c r="W10" s="72">
        <v>491</v>
      </c>
      <c r="X10" s="73">
        <v>659</v>
      </c>
      <c r="Y10" s="70">
        <v>184</v>
      </c>
      <c r="Z10" s="71">
        <v>259</v>
      </c>
      <c r="AA10" s="72">
        <v>443</v>
      </c>
      <c r="AB10" s="244"/>
      <c r="AC10" s="71">
        <v>211</v>
      </c>
      <c r="AD10" s="71">
        <v>273</v>
      </c>
      <c r="AE10" s="71">
        <v>238</v>
      </c>
      <c r="AF10" s="71">
        <v>189</v>
      </c>
      <c r="AG10" s="71">
        <v>116</v>
      </c>
      <c r="AH10" s="72">
        <v>1027</v>
      </c>
      <c r="AI10" s="73">
        <v>1470</v>
      </c>
      <c r="AJ10" s="70">
        <v>255</v>
      </c>
      <c r="AK10" s="71">
        <v>335</v>
      </c>
      <c r="AL10" s="72">
        <v>590</v>
      </c>
      <c r="AM10" s="244"/>
      <c r="AN10" s="71">
        <v>389</v>
      </c>
      <c r="AO10" s="71">
        <v>391</v>
      </c>
      <c r="AP10" s="71">
        <v>317</v>
      </c>
      <c r="AQ10" s="71">
        <v>228</v>
      </c>
      <c r="AR10" s="71">
        <v>191</v>
      </c>
      <c r="AS10" s="72">
        <v>1516</v>
      </c>
      <c r="AT10" s="73">
        <v>2106</v>
      </c>
      <c r="AU10" s="70">
        <v>404</v>
      </c>
      <c r="AV10" s="71">
        <v>483</v>
      </c>
      <c r="AW10" s="72">
        <v>887</v>
      </c>
      <c r="AX10" s="244"/>
      <c r="AY10" s="71">
        <v>603</v>
      </c>
      <c r="AZ10" s="71">
        <v>593</v>
      </c>
      <c r="BA10" s="71">
        <v>467</v>
      </c>
      <c r="BB10" s="71">
        <v>367</v>
      </c>
      <c r="BC10" s="71">
        <v>230</v>
      </c>
      <c r="BD10" s="72">
        <v>2260</v>
      </c>
      <c r="BE10" s="73">
        <v>3147</v>
      </c>
      <c r="BF10" s="70">
        <v>365</v>
      </c>
      <c r="BG10" s="71">
        <v>397</v>
      </c>
      <c r="BH10" s="72">
        <v>762</v>
      </c>
      <c r="BI10" s="244"/>
      <c r="BJ10" s="71">
        <v>554</v>
      </c>
      <c r="BK10" s="71">
        <v>643</v>
      </c>
      <c r="BL10" s="71">
        <v>437</v>
      </c>
      <c r="BM10" s="71">
        <v>316</v>
      </c>
      <c r="BN10" s="71">
        <v>182</v>
      </c>
      <c r="BO10" s="72">
        <v>2132</v>
      </c>
      <c r="BP10" s="73">
        <v>2894</v>
      </c>
      <c r="BQ10" s="70">
        <v>201</v>
      </c>
      <c r="BR10" s="71">
        <v>249</v>
      </c>
      <c r="BS10" s="72">
        <v>450</v>
      </c>
      <c r="BT10" s="244"/>
      <c r="BU10" s="71">
        <v>362</v>
      </c>
      <c r="BV10" s="71">
        <v>368</v>
      </c>
      <c r="BW10" s="71">
        <v>291</v>
      </c>
      <c r="BX10" s="71">
        <v>235</v>
      </c>
      <c r="BY10" s="71">
        <v>129</v>
      </c>
      <c r="BZ10" s="72">
        <v>1385</v>
      </c>
      <c r="CA10" s="73">
        <v>1835</v>
      </c>
      <c r="CB10" s="70">
        <v>36</v>
      </c>
      <c r="CC10" s="71">
        <v>79</v>
      </c>
      <c r="CD10" s="72">
        <v>115</v>
      </c>
      <c r="CE10" s="244"/>
      <c r="CF10" s="71">
        <v>49</v>
      </c>
      <c r="CG10" s="71">
        <v>96</v>
      </c>
      <c r="CH10" s="71">
        <v>55</v>
      </c>
      <c r="CI10" s="71">
        <v>65</v>
      </c>
      <c r="CJ10" s="71">
        <v>49</v>
      </c>
      <c r="CK10" s="72">
        <v>314</v>
      </c>
      <c r="CL10" s="73">
        <v>429</v>
      </c>
      <c r="CM10" s="70">
        <v>1523</v>
      </c>
      <c r="CN10" s="71">
        <v>1892</v>
      </c>
      <c r="CO10" s="72">
        <v>3415</v>
      </c>
      <c r="CP10" s="244"/>
      <c r="CQ10" s="71">
        <v>2269</v>
      </c>
      <c r="CR10" s="71">
        <v>2494</v>
      </c>
      <c r="CS10" s="71">
        <v>1907</v>
      </c>
      <c r="CT10" s="71">
        <v>1481</v>
      </c>
      <c r="CU10" s="71">
        <v>974</v>
      </c>
      <c r="CV10" s="72">
        <v>9125</v>
      </c>
      <c r="CW10" s="73">
        <v>12540</v>
      </c>
      <c r="CX10" s="123">
        <v>2811</v>
      </c>
      <c r="CY10" s="82">
        <v>3978</v>
      </c>
      <c r="CZ10" s="83">
        <v>6789</v>
      </c>
      <c r="DA10" s="241"/>
      <c r="DB10" s="82">
        <v>3659</v>
      </c>
      <c r="DC10" s="82">
        <v>3870</v>
      </c>
      <c r="DD10" s="82">
        <v>2980</v>
      </c>
      <c r="DE10" s="82">
        <v>3063</v>
      </c>
      <c r="DF10" s="82">
        <v>1885</v>
      </c>
      <c r="DG10" s="84">
        <v>15457</v>
      </c>
      <c r="DH10" s="85">
        <v>22246</v>
      </c>
      <c r="DI10" s="70">
        <v>76</v>
      </c>
      <c r="DJ10" s="71">
        <v>103</v>
      </c>
      <c r="DK10" s="72">
        <v>179</v>
      </c>
      <c r="DL10" s="244"/>
      <c r="DM10" s="71">
        <v>58</v>
      </c>
      <c r="DN10" s="71">
        <v>92</v>
      </c>
      <c r="DO10" s="71">
        <v>69</v>
      </c>
      <c r="DP10" s="71">
        <v>64</v>
      </c>
      <c r="DQ10" s="71">
        <v>45</v>
      </c>
      <c r="DR10" s="72">
        <v>328</v>
      </c>
      <c r="DS10" s="73">
        <v>507</v>
      </c>
      <c r="DT10" s="70">
        <v>270</v>
      </c>
      <c r="DU10" s="71">
        <v>365</v>
      </c>
      <c r="DV10" s="72">
        <v>635</v>
      </c>
      <c r="DW10" s="244"/>
      <c r="DX10" s="71">
        <v>232</v>
      </c>
      <c r="DY10" s="71">
        <v>305</v>
      </c>
      <c r="DZ10" s="71">
        <v>168</v>
      </c>
      <c r="EA10" s="71">
        <v>158</v>
      </c>
      <c r="EB10" s="71">
        <v>143</v>
      </c>
      <c r="EC10" s="72">
        <v>1006</v>
      </c>
      <c r="ED10" s="73">
        <v>1641</v>
      </c>
      <c r="EE10" s="70">
        <v>513</v>
      </c>
      <c r="EF10" s="71">
        <v>650</v>
      </c>
      <c r="EG10" s="72">
        <v>1163</v>
      </c>
      <c r="EH10" s="244"/>
      <c r="EI10" s="71">
        <v>523</v>
      </c>
      <c r="EJ10" s="71">
        <v>517</v>
      </c>
      <c r="EK10" s="71">
        <v>321</v>
      </c>
      <c r="EL10" s="71">
        <v>351</v>
      </c>
      <c r="EM10" s="71">
        <v>245</v>
      </c>
      <c r="EN10" s="72">
        <v>1957</v>
      </c>
      <c r="EO10" s="73">
        <v>3120</v>
      </c>
      <c r="EP10" s="70">
        <v>854</v>
      </c>
      <c r="EQ10" s="71">
        <v>1157</v>
      </c>
      <c r="ER10" s="72">
        <v>2011</v>
      </c>
      <c r="ES10" s="244"/>
      <c r="ET10" s="71">
        <v>989</v>
      </c>
      <c r="EU10" s="71">
        <v>892</v>
      </c>
      <c r="EV10" s="71">
        <v>602</v>
      </c>
      <c r="EW10" s="71">
        <v>541</v>
      </c>
      <c r="EX10" s="71">
        <v>357</v>
      </c>
      <c r="EY10" s="72">
        <v>3381</v>
      </c>
      <c r="EZ10" s="73">
        <v>5392</v>
      </c>
      <c r="FA10" s="70">
        <v>732</v>
      </c>
      <c r="FB10" s="71">
        <v>1089</v>
      </c>
      <c r="FC10" s="72">
        <v>1821</v>
      </c>
      <c r="FD10" s="244"/>
      <c r="FE10" s="71">
        <v>1066</v>
      </c>
      <c r="FF10" s="71">
        <v>1026</v>
      </c>
      <c r="FG10" s="71">
        <v>766</v>
      </c>
      <c r="FH10" s="71">
        <v>803</v>
      </c>
      <c r="FI10" s="71">
        <v>460</v>
      </c>
      <c r="FJ10" s="72">
        <v>4121</v>
      </c>
      <c r="FK10" s="73">
        <v>5942</v>
      </c>
      <c r="FL10" s="70">
        <v>366</v>
      </c>
      <c r="FM10" s="71">
        <v>614</v>
      </c>
      <c r="FN10" s="72">
        <v>980</v>
      </c>
      <c r="FO10" s="244"/>
      <c r="FP10" s="71">
        <v>791</v>
      </c>
      <c r="FQ10" s="71">
        <v>1038</v>
      </c>
      <c r="FR10" s="71">
        <v>1054</v>
      </c>
      <c r="FS10" s="71">
        <v>1146</v>
      </c>
      <c r="FT10" s="71">
        <v>635</v>
      </c>
      <c r="FU10" s="72">
        <v>4664</v>
      </c>
      <c r="FV10" s="73">
        <v>5644</v>
      </c>
      <c r="FW10" s="70">
        <v>21</v>
      </c>
      <c r="FX10" s="71">
        <v>76</v>
      </c>
      <c r="FY10" s="72">
        <v>97</v>
      </c>
      <c r="FZ10" s="244"/>
      <c r="GA10" s="71">
        <v>41</v>
      </c>
      <c r="GB10" s="71">
        <v>81</v>
      </c>
      <c r="GC10" s="71">
        <v>41</v>
      </c>
      <c r="GD10" s="71">
        <v>48</v>
      </c>
      <c r="GE10" s="71">
        <v>51</v>
      </c>
      <c r="GF10" s="72">
        <v>262</v>
      </c>
      <c r="GG10" s="73">
        <v>359</v>
      </c>
      <c r="GH10" s="70">
        <v>2832</v>
      </c>
      <c r="GI10" s="71">
        <v>4054</v>
      </c>
      <c r="GJ10" s="72">
        <v>6886</v>
      </c>
      <c r="GK10" s="244"/>
      <c r="GL10" s="71">
        <v>3700</v>
      </c>
      <c r="GM10" s="71">
        <v>3951</v>
      </c>
      <c r="GN10" s="71">
        <v>3021</v>
      </c>
      <c r="GO10" s="71">
        <v>3111</v>
      </c>
      <c r="GP10" s="71">
        <v>1936</v>
      </c>
      <c r="GQ10" s="72">
        <v>15719</v>
      </c>
      <c r="GR10" s="73">
        <v>22605</v>
      </c>
      <c r="GS10" s="123">
        <v>4298</v>
      </c>
      <c r="GT10" s="82">
        <v>5791</v>
      </c>
      <c r="GU10" s="83">
        <v>10089</v>
      </c>
      <c r="GV10" s="241"/>
      <c r="GW10" s="82">
        <v>5879</v>
      </c>
      <c r="GX10" s="82">
        <v>6268</v>
      </c>
      <c r="GY10" s="82">
        <v>4832</v>
      </c>
      <c r="GZ10" s="82">
        <v>4479</v>
      </c>
      <c r="HA10" s="82">
        <v>2810</v>
      </c>
      <c r="HB10" s="84">
        <v>24268</v>
      </c>
      <c r="HC10" s="85">
        <v>34357</v>
      </c>
      <c r="HD10" s="70">
        <v>154</v>
      </c>
      <c r="HE10" s="71">
        <v>193</v>
      </c>
      <c r="HF10" s="72">
        <v>347</v>
      </c>
      <c r="HG10" s="244"/>
      <c r="HH10" s="71">
        <v>159</v>
      </c>
      <c r="HI10" s="71">
        <v>222</v>
      </c>
      <c r="HJ10" s="71">
        <v>171</v>
      </c>
      <c r="HK10" s="71">
        <v>145</v>
      </c>
      <c r="HL10" s="71">
        <v>122</v>
      </c>
      <c r="HM10" s="72">
        <v>819</v>
      </c>
      <c r="HN10" s="73">
        <v>1166</v>
      </c>
      <c r="HO10" s="70">
        <v>454</v>
      </c>
      <c r="HP10" s="71">
        <v>624</v>
      </c>
      <c r="HQ10" s="72">
        <v>1078</v>
      </c>
      <c r="HR10" s="244"/>
      <c r="HS10" s="71">
        <v>443</v>
      </c>
      <c r="HT10" s="71">
        <v>578</v>
      </c>
      <c r="HU10" s="71">
        <v>406</v>
      </c>
      <c r="HV10" s="71">
        <v>347</v>
      </c>
      <c r="HW10" s="71">
        <v>259</v>
      </c>
      <c r="HX10" s="72">
        <v>2033</v>
      </c>
      <c r="HY10" s="73">
        <v>3111</v>
      </c>
      <c r="HZ10" s="70">
        <v>768</v>
      </c>
      <c r="IA10" s="71">
        <v>985</v>
      </c>
      <c r="IB10" s="72">
        <v>1753</v>
      </c>
      <c r="IC10" s="244"/>
      <c r="ID10" s="71">
        <v>912</v>
      </c>
      <c r="IE10" s="71">
        <v>908</v>
      </c>
      <c r="IF10" s="71">
        <v>638</v>
      </c>
      <c r="IG10" s="71">
        <v>579</v>
      </c>
      <c r="IH10" s="71">
        <v>436</v>
      </c>
      <c r="II10" s="72">
        <v>3473</v>
      </c>
      <c r="IJ10" s="73">
        <v>5226</v>
      </c>
      <c r="IK10" s="70">
        <v>1258</v>
      </c>
      <c r="IL10" s="71">
        <v>1640</v>
      </c>
      <c r="IM10" s="72">
        <v>2898</v>
      </c>
      <c r="IN10" s="244"/>
      <c r="IO10" s="71">
        <v>1592</v>
      </c>
      <c r="IP10" s="71">
        <v>1485</v>
      </c>
      <c r="IQ10" s="71">
        <v>1069</v>
      </c>
      <c r="IR10" s="71">
        <v>908</v>
      </c>
      <c r="IS10" s="71">
        <v>587</v>
      </c>
      <c r="IT10" s="72">
        <v>5641</v>
      </c>
      <c r="IU10" s="73">
        <v>8539</v>
      </c>
      <c r="IV10" s="70">
        <v>1097</v>
      </c>
      <c r="IW10" s="71">
        <v>1486</v>
      </c>
      <c r="IX10" s="72">
        <v>2583</v>
      </c>
      <c r="IY10" s="244"/>
      <c r="IZ10" s="71">
        <v>1620</v>
      </c>
      <c r="JA10" s="71">
        <v>1669</v>
      </c>
      <c r="JB10" s="71">
        <v>1203</v>
      </c>
      <c r="JC10" s="71">
        <v>1119</v>
      </c>
      <c r="JD10" s="71">
        <v>642</v>
      </c>
      <c r="JE10" s="72">
        <v>6253</v>
      </c>
      <c r="JF10" s="73">
        <v>8836</v>
      </c>
      <c r="JG10" s="70">
        <v>567</v>
      </c>
      <c r="JH10" s="71">
        <v>863</v>
      </c>
      <c r="JI10" s="72">
        <v>1430</v>
      </c>
      <c r="JJ10" s="244">
        <v>0</v>
      </c>
      <c r="JK10" s="71">
        <v>1153</v>
      </c>
      <c r="JL10" s="71">
        <v>1406</v>
      </c>
      <c r="JM10" s="71">
        <v>1345</v>
      </c>
      <c r="JN10" s="71">
        <v>1381</v>
      </c>
      <c r="JO10" s="71">
        <v>764</v>
      </c>
      <c r="JP10" s="72">
        <v>6049</v>
      </c>
      <c r="JQ10" s="73">
        <v>7479</v>
      </c>
      <c r="JR10" s="70">
        <v>57</v>
      </c>
      <c r="JS10" s="71">
        <v>155</v>
      </c>
      <c r="JT10" s="72">
        <v>212</v>
      </c>
      <c r="JU10" s="244"/>
      <c r="JV10" s="71">
        <v>90</v>
      </c>
      <c r="JW10" s="71">
        <v>177</v>
      </c>
      <c r="JX10" s="71">
        <v>96</v>
      </c>
      <c r="JY10" s="71">
        <v>113</v>
      </c>
      <c r="JZ10" s="71">
        <v>100</v>
      </c>
      <c r="KA10" s="72">
        <v>576</v>
      </c>
      <c r="KB10" s="73">
        <v>788</v>
      </c>
      <c r="KC10" s="70">
        <v>4355</v>
      </c>
      <c r="KD10" s="71">
        <v>5946</v>
      </c>
      <c r="KE10" s="72">
        <v>10301</v>
      </c>
      <c r="KF10" s="244"/>
      <c r="KG10" s="71">
        <v>5969</v>
      </c>
      <c r="KH10" s="71">
        <v>6445</v>
      </c>
      <c r="KI10" s="71">
        <v>4928</v>
      </c>
      <c r="KJ10" s="71">
        <v>4592</v>
      </c>
      <c r="KK10" s="71">
        <v>2910</v>
      </c>
      <c r="KL10" s="72">
        <v>24844</v>
      </c>
      <c r="KM10" s="73">
        <v>35145</v>
      </c>
    </row>
    <row r="11" spans="2:299" ht="19.5" customHeight="1" x14ac:dyDescent="0.2">
      <c r="B11" s="126" t="s">
        <v>7</v>
      </c>
      <c r="C11" s="316">
        <v>976</v>
      </c>
      <c r="D11" s="82">
        <v>706</v>
      </c>
      <c r="E11" s="83">
        <v>1682</v>
      </c>
      <c r="F11" s="241"/>
      <c r="G11" s="82">
        <v>2304</v>
      </c>
      <c r="H11" s="82">
        <v>1532</v>
      </c>
      <c r="I11" s="82">
        <v>973</v>
      </c>
      <c r="J11" s="82">
        <v>842</v>
      </c>
      <c r="K11" s="82">
        <v>492</v>
      </c>
      <c r="L11" s="84">
        <v>6143</v>
      </c>
      <c r="M11" s="85">
        <v>7825</v>
      </c>
      <c r="N11" s="70">
        <v>36</v>
      </c>
      <c r="O11" s="71">
        <v>29</v>
      </c>
      <c r="P11" s="72">
        <v>65</v>
      </c>
      <c r="Q11" s="244"/>
      <c r="R11" s="71">
        <v>85</v>
      </c>
      <c r="S11" s="71">
        <v>84</v>
      </c>
      <c r="T11" s="71">
        <v>48</v>
      </c>
      <c r="U11" s="71">
        <v>47</v>
      </c>
      <c r="V11" s="71">
        <v>29</v>
      </c>
      <c r="W11" s="72">
        <v>293</v>
      </c>
      <c r="X11" s="73">
        <v>358</v>
      </c>
      <c r="Y11" s="70">
        <v>100</v>
      </c>
      <c r="Z11" s="71">
        <v>73</v>
      </c>
      <c r="AA11" s="72">
        <v>173</v>
      </c>
      <c r="AB11" s="244"/>
      <c r="AC11" s="71">
        <v>255</v>
      </c>
      <c r="AD11" s="71">
        <v>186</v>
      </c>
      <c r="AE11" s="71">
        <v>122</v>
      </c>
      <c r="AF11" s="71">
        <v>88</v>
      </c>
      <c r="AG11" s="71">
        <v>72</v>
      </c>
      <c r="AH11" s="72">
        <v>723</v>
      </c>
      <c r="AI11" s="73">
        <v>896</v>
      </c>
      <c r="AJ11" s="70">
        <v>155</v>
      </c>
      <c r="AK11" s="71">
        <v>112</v>
      </c>
      <c r="AL11" s="72">
        <v>267</v>
      </c>
      <c r="AM11" s="244"/>
      <c r="AN11" s="71">
        <v>395</v>
      </c>
      <c r="AO11" s="71">
        <v>240</v>
      </c>
      <c r="AP11" s="71">
        <v>149</v>
      </c>
      <c r="AQ11" s="71">
        <v>134</v>
      </c>
      <c r="AR11" s="71">
        <v>80</v>
      </c>
      <c r="AS11" s="72">
        <v>998</v>
      </c>
      <c r="AT11" s="73">
        <v>1265</v>
      </c>
      <c r="AU11" s="70">
        <v>259</v>
      </c>
      <c r="AV11" s="71">
        <v>176</v>
      </c>
      <c r="AW11" s="72">
        <v>435</v>
      </c>
      <c r="AX11" s="244"/>
      <c r="AY11" s="71">
        <v>551</v>
      </c>
      <c r="AZ11" s="71">
        <v>398</v>
      </c>
      <c r="BA11" s="71">
        <v>229</v>
      </c>
      <c r="BB11" s="71">
        <v>178</v>
      </c>
      <c r="BC11" s="71">
        <v>118</v>
      </c>
      <c r="BD11" s="72">
        <v>1474</v>
      </c>
      <c r="BE11" s="73">
        <v>1909</v>
      </c>
      <c r="BF11" s="70">
        <v>273</v>
      </c>
      <c r="BG11" s="71">
        <v>208</v>
      </c>
      <c r="BH11" s="72">
        <v>481</v>
      </c>
      <c r="BI11" s="244"/>
      <c r="BJ11" s="71">
        <v>593</v>
      </c>
      <c r="BK11" s="71">
        <v>354</v>
      </c>
      <c r="BL11" s="71">
        <v>254</v>
      </c>
      <c r="BM11" s="71">
        <v>201</v>
      </c>
      <c r="BN11" s="71">
        <v>117</v>
      </c>
      <c r="BO11" s="72">
        <v>1519</v>
      </c>
      <c r="BP11" s="73">
        <v>2000</v>
      </c>
      <c r="BQ11" s="70">
        <v>153</v>
      </c>
      <c r="BR11" s="71">
        <v>108</v>
      </c>
      <c r="BS11" s="72">
        <v>261</v>
      </c>
      <c r="BT11" s="244"/>
      <c r="BU11" s="71">
        <v>425</v>
      </c>
      <c r="BV11" s="71">
        <v>270</v>
      </c>
      <c r="BW11" s="71">
        <v>171</v>
      </c>
      <c r="BX11" s="71">
        <v>194</v>
      </c>
      <c r="BY11" s="71">
        <v>76</v>
      </c>
      <c r="BZ11" s="72">
        <v>1136</v>
      </c>
      <c r="CA11" s="73">
        <v>1397</v>
      </c>
      <c r="CB11" s="70">
        <v>14</v>
      </c>
      <c r="CC11" s="71">
        <v>16</v>
      </c>
      <c r="CD11" s="72">
        <v>30</v>
      </c>
      <c r="CE11" s="244"/>
      <c r="CF11" s="71">
        <v>69</v>
      </c>
      <c r="CG11" s="71">
        <v>62</v>
      </c>
      <c r="CH11" s="71">
        <v>41</v>
      </c>
      <c r="CI11" s="71">
        <v>26</v>
      </c>
      <c r="CJ11" s="71">
        <v>27</v>
      </c>
      <c r="CK11" s="72">
        <v>225</v>
      </c>
      <c r="CL11" s="73">
        <v>255</v>
      </c>
      <c r="CM11" s="70">
        <v>990</v>
      </c>
      <c r="CN11" s="71">
        <v>722</v>
      </c>
      <c r="CO11" s="72">
        <v>1712</v>
      </c>
      <c r="CP11" s="244"/>
      <c r="CQ11" s="71">
        <v>2373</v>
      </c>
      <c r="CR11" s="71">
        <v>1594</v>
      </c>
      <c r="CS11" s="71">
        <v>1014</v>
      </c>
      <c r="CT11" s="71">
        <v>868</v>
      </c>
      <c r="CU11" s="71">
        <v>519</v>
      </c>
      <c r="CV11" s="72">
        <v>6368</v>
      </c>
      <c r="CW11" s="73">
        <v>8080</v>
      </c>
      <c r="CX11" s="123">
        <v>1775</v>
      </c>
      <c r="CY11" s="82">
        <v>1929</v>
      </c>
      <c r="CZ11" s="83">
        <v>3704</v>
      </c>
      <c r="DA11" s="241"/>
      <c r="DB11" s="82">
        <v>4300</v>
      </c>
      <c r="DC11" s="82">
        <v>2630</v>
      </c>
      <c r="DD11" s="82">
        <v>1989</v>
      </c>
      <c r="DE11" s="82">
        <v>2059</v>
      </c>
      <c r="DF11" s="82">
        <v>1165</v>
      </c>
      <c r="DG11" s="84">
        <v>12143</v>
      </c>
      <c r="DH11" s="85">
        <v>15847</v>
      </c>
      <c r="DI11" s="70">
        <v>39</v>
      </c>
      <c r="DJ11" s="71">
        <v>39</v>
      </c>
      <c r="DK11" s="72">
        <v>78</v>
      </c>
      <c r="DL11" s="244"/>
      <c r="DM11" s="71">
        <v>88</v>
      </c>
      <c r="DN11" s="71">
        <v>45</v>
      </c>
      <c r="DO11" s="71">
        <v>34</v>
      </c>
      <c r="DP11" s="71">
        <v>44</v>
      </c>
      <c r="DQ11" s="71">
        <v>33</v>
      </c>
      <c r="DR11" s="72">
        <v>244</v>
      </c>
      <c r="DS11" s="73">
        <v>322</v>
      </c>
      <c r="DT11" s="70">
        <v>120</v>
      </c>
      <c r="DU11" s="71">
        <v>122</v>
      </c>
      <c r="DV11" s="72">
        <v>242</v>
      </c>
      <c r="DW11" s="244"/>
      <c r="DX11" s="71">
        <v>284</v>
      </c>
      <c r="DY11" s="71">
        <v>196</v>
      </c>
      <c r="DZ11" s="71">
        <v>103</v>
      </c>
      <c r="EA11" s="71">
        <v>103</v>
      </c>
      <c r="EB11" s="71">
        <v>61</v>
      </c>
      <c r="EC11" s="72">
        <v>747</v>
      </c>
      <c r="ED11" s="73">
        <v>989</v>
      </c>
      <c r="EE11" s="70">
        <v>283</v>
      </c>
      <c r="EF11" s="71">
        <v>263</v>
      </c>
      <c r="EG11" s="72">
        <v>546</v>
      </c>
      <c r="EH11" s="244"/>
      <c r="EI11" s="71">
        <v>536</v>
      </c>
      <c r="EJ11" s="71">
        <v>279</v>
      </c>
      <c r="EK11" s="71">
        <v>170</v>
      </c>
      <c r="EL11" s="71">
        <v>182</v>
      </c>
      <c r="EM11" s="71">
        <v>133</v>
      </c>
      <c r="EN11" s="72">
        <v>1300</v>
      </c>
      <c r="EO11" s="73">
        <v>1846</v>
      </c>
      <c r="EP11" s="70">
        <v>546</v>
      </c>
      <c r="EQ11" s="71">
        <v>525</v>
      </c>
      <c r="ER11" s="72">
        <v>1071</v>
      </c>
      <c r="ES11" s="244"/>
      <c r="ET11" s="71">
        <v>1018</v>
      </c>
      <c r="EU11" s="71">
        <v>529</v>
      </c>
      <c r="EV11" s="71">
        <v>335</v>
      </c>
      <c r="EW11" s="71">
        <v>369</v>
      </c>
      <c r="EX11" s="71">
        <v>202</v>
      </c>
      <c r="EY11" s="72">
        <v>2453</v>
      </c>
      <c r="EZ11" s="73">
        <v>3524</v>
      </c>
      <c r="FA11" s="70">
        <v>518</v>
      </c>
      <c r="FB11" s="71">
        <v>591</v>
      </c>
      <c r="FC11" s="72">
        <v>1109</v>
      </c>
      <c r="FD11" s="244"/>
      <c r="FE11" s="71">
        <v>1258</v>
      </c>
      <c r="FF11" s="71">
        <v>710</v>
      </c>
      <c r="FG11" s="71">
        <v>567</v>
      </c>
      <c r="FH11" s="71">
        <v>532</v>
      </c>
      <c r="FI11" s="71">
        <v>299</v>
      </c>
      <c r="FJ11" s="72">
        <v>3366</v>
      </c>
      <c r="FK11" s="73">
        <v>4475</v>
      </c>
      <c r="FL11" s="70">
        <v>269</v>
      </c>
      <c r="FM11" s="71">
        <v>389</v>
      </c>
      <c r="FN11" s="72">
        <v>658</v>
      </c>
      <c r="FO11" s="244"/>
      <c r="FP11" s="71">
        <v>1116</v>
      </c>
      <c r="FQ11" s="71">
        <v>871</v>
      </c>
      <c r="FR11" s="71">
        <v>780</v>
      </c>
      <c r="FS11" s="71">
        <v>829</v>
      </c>
      <c r="FT11" s="71">
        <v>437</v>
      </c>
      <c r="FU11" s="72">
        <v>4033</v>
      </c>
      <c r="FV11" s="73">
        <v>4691</v>
      </c>
      <c r="FW11" s="70">
        <v>14</v>
      </c>
      <c r="FX11" s="71">
        <v>15</v>
      </c>
      <c r="FY11" s="72">
        <v>29</v>
      </c>
      <c r="FZ11" s="244"/>
      <c r="GA11" s="71">
        <v>64</v>
      </c>
      <c r="GB11" s="71">
        <v>60</v>
      </c>
      <c r="GC11" s="71">
        <v>37</v>
      </c>
      <c r="GD11" s="71">
        <v>24</v>
      </c>
      <c r="GE11" s="71">
        <v>32</v>
      </c>
      <c r="GF11" s="72">
        <v>217</v>
      </c>
      <c r="GG11" s="73">
        <v>246</v>
      </c>
      <c r="GH11" s="70">
        <v>1789</v>
      </c>
      <c r="GI11" s="71">
        <v>1944</v>
      </c>
      <c r="GJ11" s="72">
        <v>3733</v>
      </c>
      <c r="GK11" s="244"/>
      <c r="GL11" s="71">
        <v>4364</v>
      </c>
      <c r="GM11" s="71">
        <v>2690</v>
      </c>
      <c r="GN11" s="71">
        <v>2026</v>
      </c>
      <c r="GO11" s="71">
        <v>2083</v>
      </c>
      <c r="GP11" s="71">
        <v>1197</v>
      </c>
      <c r="GQ11" s="72">
        <v>12360</v>
      </c>
      <c r="GR11" s="73">
        <v>16093</v>
      </c>
      <c r="GS11" s="123">
        <v>2751</v>
      </c>
      <c r="GT11" s="82">
        <v>2635</v>
      </c>
      <c r="GU11" s="83">
        <v>5386</v>
      </c>
      <c r="GV11" s="241"/>
      <c r="GW11" s="82">
        <v>6604</v>
      </c>
      <c r="GX11" s="82">
        <v>4162</v>
      </c>
      <c r="GY11" s="82">
        <v>2962</v>
      </c>
      <c r="GZ11" s="82">
        <v>2901</v>
      </c>
      <c r="HA11" s="82">
        <v>1657</v>
      </c>
      <c r="HB11" s="84">
        <v>18286</v>
      </c>
      <c r="HC11" s="85">
        <v>23672</v>
      </c>
      <c r="HD11" s="70">
        <v>75</v>
      </c>
      <c r="HE11" s="71">
        <v>68</v>
      </c>
      <c r="HF11" s="72">
        <v>143</v>
      </c>
      <c r="HG11" s="244"/>
      <c r="HH11" s="71">
        <v>173</v>
      </c>
      <c r="HI11" s="71">
        <v>129</v>
      </c>
      <c r="HJ11" s="71">
        <v>82</v>
      </c>
      <c r="HK11" s="71">
        <v>91</v>
      </c>
      <c r="HL11" s="71">
        <v>62</v>
      </c>
      <c r="HM11" s="72">
        <v>537</v>
      </c>
      <c r="HN11" s="73">
        <v>680</v>
      </c>
      <c r="HO11" s="70">
        <v>220</v>
      </c>
      <c r="HP11" s="71">
        <v>195</v>
      </c>
      <c r="HQ11" s="72">
        <v>415</v>
      </c>
      <c r="HR11" s="244"/>
      <c r="HS11" s="71">
        <v>539</v>
      </c>
      <c r="HT11" s="71">
        <v>382</v>
      </c>
      <c r="HU11" s="71">
        <v>225</v>
      </c>
      <c r="HV11" s="71">
        <v>191</v>
      </c>
      <c r="HW11" s="71">
        <v>133</v>
      </c>
      <c r="HX11" s="72">
        <v>1470</v>
      </c>
      <c r="HY11" s="73">
        <v>1885</v>
      </c>
      <c r="HZ11" s="70">
        <v>438</v>
      </c>
      <c r="IA11" s="71">
        <v>375</v>
      </c>
      <c r="IB11" s="72">
        <v>813</v>
      </c>
      <c r="IC11" s="244"/>
      <c r="ID11" s="71">
        <v>931</v>
      </c>
      <c r="IE11" s="71">
        <v>519</v>
      </c>
      <c r="IF11" s="71">
        <v>319</v>
      </c>
      <c r="IG11" s="71">
        <v>316</v>
      </c>
      <c r="IH11" s="71">
        <v>213</v>
      </c>
      <c r="II11" s="72">
        <v>2298</v>
      </c>
      <c r="IJ11" s="73">
        <v>3111</v>
      </c>
      <c r="IK11" s="70">
        <v>805</v>
      </c>
      <c r="IL11" s="71">
        <v>701</v>
      </c>
      <c r="IM11" s="72">
        <v>1506</v>
      </c>
      <c r="IN11" s="244"/>
      <c r="IO11" s="71">
        <v>1569</v>
      </c>
      <c r="IP11" s="71">
        <v>927</v>
      </c>
      <c r="IQ11" s="71">
        <v>564</v>
      </c>
      <c r="IR11" s="71">
        <v>547</v>
      </c>
      <c r="IS11" s="71">
        <v>320</v>
      </c>
      <c r="IT11" s="72">
        <v>3927</v>
      </c>
      <c r="IU11" s="73">
        <v>5433</v>
      </c>
      <c r="IV11" s="70">
        <v>791</v>
      </c>
      <c r="IW11" s="71">
        <v>799</v>
      </c>
      <c r="IX11" s="72">
        <v>1590</v>
      </c>
      <c r="IY11" s="244"/>
      <c r="IZ11" s="71">
        <v>1851</v>
      </c>
      <c r="JA11" s="71">
        <v>1064</v>
      </c>
      <c r="JB11" s="71">
        <v>821</v>
      </c>
      <c r="JC11" s="71">
        <v>733</v>
      </c>
      <c r="JD11" s="71">
        <v>416</v>
      </c>
      <c r="JE11" s="72">
        <v>4885</v>
      </c>
      <c r="JF11" s="73">
        <v>6475</v>
      </c>
      <c r="JG11" s="70">
        <v>422</v>
      </c>
      <c r="JH11" s="71">
        <v>497</v>
      </c>
      <c r="JI11" s="72">
        <v>919</v>
      </c>
      <c r="JJ11" s="244">
        <v>0</v>
      </c>
      <c r="JK11" s="71">
        <v>1541</v>
      </c>
      <c r="JL11" s="71">
        <v>1141</v>
      </c>
      <c r="JM11" s="71">
        <v>951</v>
      </c>
      <c r="JN11" s="71">
        <v>1023</v>
      </c>
      <c r="JO11" s="71">
        <v>513</v>
      </c>
      <c r="JP11" s="72">
        <v>5169</v>
      </c>
      <c r="JQ11" s="73">
        <v>6088</v>
      </c>
      <c r="JR11" s="70">
        <v>28</v>
      </c>
      <c r="JS11" s="71">
        <v>31</v>
      </c>
      <c r="JT11" s="72">
        <v>59</v>
      </c>
      <c r="JU11" s="244"/>
      <c r="JV11" s="71">
        <v>133</v>
      </c>
      <c r="JW11" s="71">
        <v>122</v>
      </c>
      <c r="JX11" s="71">
        <v>78</v>
      </c>
      <c r="JY11" s="71">
        <v>50</v>
      </c>
      <c r="JZ11" s="71">
        <v>59</v>
      </c>
      <c r="KA11" s="72">
        <v>442</v>
      </c>
      <c r="KB11" s="73">
        <v>501</v>
      </c>
      <c r="KC11" s="70">
        <v>2779</v>
      </c>
      <c r="KD11" s="71">
        <v>2666</v>
      </c>
      <c r="KE11" s="72">
        <v>5445</v>
      </c>
      <c r="KF11" s="244"/>
      <c r="KG11" s="71">
        <v>6737</v>
      </c>
      <c r="KH11" s="71">
        <v>4284</v>
      </c>
      <c r="KI11" s="71">
        <v>3040</v>
      </c>
      <c r="KJ11" s="71">
        <v>2951</v>
      </c>
      <c r="KK11" s="71">
        <v>1716</v>
      </c>
      <c r="KL11" s="72">
        <v>18728</v>
      </c>
      <c r="KM11" s="73">
        <v>24173</v>
      </c>
    </row>
    <row r="12" spans="2:299" ht="19.5" customHeight="1" x14ac:dyDescent="0.2">
      <c r="B12" s="126" t="s">
        <v>8</v>
      </c>
      <c r="C12" s="316">
        <v>560</v>
      </c>
      <c r="D12" s="82">
        <v>364</v>
      </c>
      <c r="E12" s="83">
        <v>924</v>
      </c>
      <c r="F12" s="241"/>
      <c r="G12" s="82">
        <v>931</v>
      </c>
      <c r="H12" s="82">
        <v>876</v>
      </c>
      <c r="I12" s="82">
        <v>618</v>
      </c>
      <c r="J12" s="82">
        <v>469</v>
      </c>
      <c r="K12" s="82">
        <v>277</v>
      </c>
      <c r="L12" s="84">
        <v>3171</v>
      </c>
      <c r="M12" s="85">
        <v>4095</v>
      </c>
      <c r="N12" s="70">
        <v>29</v>
      </c>
      <c r="O12" s="71">
        <v>28</v>
      </c>
      <c r="P12" s="72">
        <v>57</v>
      </c>
      <c r="Q12" s="244"/>
      <c r="R12" s="71">
        <v>36</v>
      </c>
      <c r="S12" s="71">
        <v>47</v>
      </c>
      <c r="T12" s="71">
        <v>29</v>
      </c>
      <c r="U12" s="71">
        <v>27</v>
      </c>
      <c r="V12" s="71">
        <v>14</v>
      </c>
      <c r="W12" s="72">
        <v>153</v>
      </c>
      <c r="X12" s="73">
        <v>210</v>
      </c>
      <c r="Y12" s="70">
        <v>64</v>
      </c>
      <c r="Z12" s="71">
        <v>42</v>
      </c>
      <c r="AA12" s="72">
        <v>106</v>
      </c>
      <c r="AB12" s="244"/>
      <c r="AC12" s="71">
        <v>118</v>
      </c>
      <c r="AD12" s="71">
        <v>120</v>
      </c>
      <c r="AE12" s="71">
        <v>81</v>
      </c>
      <c r="AF12" s="71">
        <v>63</v>
      </c>
      <c r="AG12" s="71">
        <v>46</v>
      </c>
      <c r="AH12" s="72">
        <v>428</v>
      </c>
      <c r="AI12" s="73">
        <v>534</v>
      </c>
      <c r="AJ12" s="70">
        <v>89</v>
      </c>
      <c r="AK12" s="71">
        <v>54</v>
      </c>
      <c r="AL12" s="72">
        <v>143</v>
      </c>
      <c r="AM12" s="244"/>
      <c r="AN12" s="71">
        <v>162</v>
      </c>
      <c r="AO12" s="71">
        <v>138</v>
      </c>
      <c r="AP12" s="71">
        <v>111</v>
      </c>
      <c r="AQ12" s="71">
        <v>70</v>
      </c>
      <c r="AR12" s="71">
        <v>47</v>
      </c>
      <c r="AS12" s="72">
        <v>528</v>
      </c>
      <c r="AT12" s="73">
        <v>671</v>
      </c>
      <c r="AU12" s="70">
        <v>148</v>
      </c>
      <c r="AV12" s="71">
        <v>84</v>
      </c>
      <c r="AW12" s="72">
        <v>232</v>
      </c>
      <c r="AX12" s="244"/>
      <c r="AY12" s="71">
        <v>215</v>
      </c>
      <c r="AZ12" s="71">
        <v>216</v>
      </c>
      <c r="BA12" s="71">
        <v>127</v>
      </c>
      <c r="BB12" s="71">
        <v>110</v>
      </c>
      <c r="BC12" s="71">
        <v>63</v>
      </c>
      <c r="BD12" s="72">
        <v>731</v>
      </c>
      <c r="BE12" s="73">
        <v>963</v>
      </c>
      <c r="BF12" s="70">
        <v>151</v>
      </c>
      <c r="BG12" s="71">
        <v>85</v>
      </c>
      <c r="BH12" s="72">
        <v>236</v>
      </c>
      <c r="BI12" s="244"/>
      <c r="BJ12" s="71">
        <v>249</v>
      </c>
      <c r="BK12" s="71">
        <v>202</v>
      </c>
      <c r="BL12" s="71">
        <v>144</v>
      </c>
      <c r="BM12" s="71">
        <v>103</v>
      </c>
      <c r="BN12" s="71">
        <v>57</v>
      </c>
      <c r="BO12" s="72">
        <v>755</v>
      </c>
      <c r="BP12" s="73">
        <v>991</v>
      </c>
      <c r="BQ12" s="70">
        <v>79</v>
      </c>
      <c r="BR12" s="71">
        <v>71</v>
      </c>
      <c r="BS12" s="72">
        <v>150</v>
      </c>
      <c r="BT12" s="244"/>
      <c r="BU12" s="71">
        <v>151</v>
      </c>
      <c r="BV12" s="71">
        <v>153</v>
      </c>
      <c r="BW12" s="71">
        <v>126</v>
      </c>
      <c r="BX12" s="71">
        <v>96</v>
      </c>
      <c r="BY12" s="71">
        <v>50</v>
      </c>
      <c r="BZ12" s="72">
        <v>576</v>
      </c>
      <c r="CA12" s="73">
        <v>726</v>
      </c>
      <c r="CB12" s="70">
        <v>16</v>
      </c>
      <c r="CC12" s="71">
        <v>19</v>
      </c>
      <c r="CD12" s="72">
        <v>35</v>
      </c>
      <c r="CE12" s="244"/>
      <c r="CF12" s="71">
        <v>29</v>
      </c>
      <c r="CG12" s="71">
        <v>40</v>
      </c>
      <c r="CH12" s="71">
        <v>26</v>
      </c>
      <c r="CI12" s="71">
        <v>21</v>
      </c>
      <c r="CJ12" s="71">
        <v>17</v>
      </c>
      <c r="CK12" s="72">
        <v>133</v>
      </c>
      <c r="CL12" s="73">
        <v>168</v>
      </c>
      <c r="CM12" s="70">
        <v>576</v>
      </c>
      <c r="CN12" s="71">
        <v>383</v>
      </c>
      <c r="CO12" s="72">
        <v>959</v>
      </c>
      <c r="CP12" s="244"/>
      <c r="CQ12" s="71">
        <v>960</v>
      </c>
      <c r="CR12" s="71">
        <v>916</v>
      </c>
      <c r="CS12" s="71">
        <v>644</v>
      </c>
      <c r="CT12" s="71">
        <v>490</v>
      </c>
      <c r="CU12" s="71">
        <v>294</v>
      </c>
      <c r="CV12" s="72">
        <v>3304</v>
      </c>
      <c r="CW12" s="73">
        <v>4263</v>
      </c>
      <c r="CX12" s="123">
        <v>1013</v>
      </c>
      <c r="CY12" s="82">
        <v>916</v>
      </c>
      <c r="CZ12" s="83">
        <v>1929</v>
      </c>
      <c r="DA12" s="241"/>
      <c r="DB12" s="82">
        <v>1682</v>
      </c>
      <c r="DC12" s="82">
        <v>1573</v>
      </c>
      <c r="DD12" s="82">
        <v>1277</v>
      </c>
      <c r="DE12" s="82">
        <v>1030</v>
      </c>
      <c r="DF12" s="82">
        <v>658</v>
      </c>
      <c r="DG12" s="84">
        <v>6220</v>
      </c>
      <c r="DH12" s="85">
        <v>8149</v>
      </c>
      <c r="DI12" s="70">
        <v>23</v>
      </c>
      <c r="DJ12" s="71">
        <v>21</v>
      </c>
      <c r="DK12" s="72">
        <v>44</v>
      </c>
      <c r="DL12" s="244"/>
      <c r="DM12" s="71">
        <v>46</v>
      </c>
      <c r="DN12" s="71">
        <v>34</v>
      </c>
      <c r="DO12" s="71">
        <v>18</v>
      </c>
      <c r="DP12" s="71">
        <v>24</v>
      </c>
      <c r="DQ12" s="71">
        <v>14</v>
      </c>
      <c r="DR12" s="72">
        <v>136</v>
      </c>
      <c r="DS12" s="73">
        <v>180</v>
      </c>
      <c r="DT12" s="70">
        <v>80</v>
      </c>
      <c r="DU12" s="71">
        <v>72</v>
      </c>
      <c r="DV12" s="72">
        <v>152</v>
      </c>
      <c r="DW12" s="244"/>
      <c r="DX12" s="71">
        <v>101</v>
      </c>
      <c r="DY12" s="71">
        <v>88</v>
      </c>
      <c r="DZ12" s="71">
        <v>62</v>
      </c>
      <c r="EA12" s="71">
        <v>59</v>
      </c>
      <c r="EB12" s="71">
        <v>40</v>
      </c>
      <c r="EC12" s="72">
        <v>350</v>
      </c>
      <c r="ED12" s="73">
        <v>502</v>
      </c>
      <c r="EE12" s="70">
        <v>150</v>
      </c>
      <c r="EF12" s="71">
        <v>142</v>
      </c>
      <c r="EG12" s="72">
        <v>292</v>
      </c>
      <c r="EH12" s="244"/>
      <c r="EI12" s="71">
        <v>216</v>
      </c>
      <c r="EJ12" s="71">
        <v>194</v>
      </c>
      <c r="EK12" s="71">
        <v>116</v>
      </c>
      <c r="EL12" s="71">
        <v>96</v>
      </c>
      <c r="EM12" s="71">
        <v>67</v>
      </c>
      <c r="EN12" s="72">
        <v>689</v>
      </c>
      <c r="EO12" s="73">
        <v>981</v>
      </c>
      <c r="EP12" s="70">
        <v>333</v>
      </c>
      <c r="EQ12" s="71">
        <v>252</v>
      </c>
      <c r="ER12" s="72">
        <v>585</v>
      </c>
      <c r="ES12" s="244"/>
      <c r="ET12" s="71">
        <v>397</v>
      </c>
      <c r="EU12" s="71">
        <v>320</v>
      </c>
      <c r="EV12" s="71">
        <v>256</v>
      </c>
      <c r="EW12" s="71">
        <v>174</v>
      </c>
      <c r="EX12" s="71">
        <v>114</v>
      </c>
      <c r="EY12" s="72">
        <v>1261</v>
      </c>
      <c r="EZ12" s="73">
        <v>1846</v>
      </c>
      <c r="FA12" s="70">
        <v>291</v>
      </c>
      <c r="FB12" s="71">
        <v>267</v>
      </c>
      <c r="FC12" s="72">
        <v>558</v>
      </c>
      <c r="FD12" s="244"/>
      <c r="FE12" s="71">
        <v>487</v>
      </c>
      <c r="FF12" s="71">
        <v>442</v>
      </c>
      <c r="FG12" s="71">
        <v>341</v>
      </c>
      <c r="FH12" s="71">
        <v>256</v>
      </c>
      <c r="FI12" s="71">
        <v>163</v>
      </c>
      <c r="FJ12" s="72">
        <v>1689</v>
      </c>
      <c r="FK12" s="73">
        <v>2247</v>
      </c>
      <c r="FL12" s="70">
        <v>136</v>
      </c>
      <c r="FM12" s="71">
        <v>162</v>
      </c>
      <c r="FN12" s="72">
        <v>298</v>
      </c>
      <c r="FO12" s="244"/>
      <c r="FP12" s="71">
        <v>435</v>
      </c>
      <c r="FQ12" s="71">
        <v>495</v>
      </c>
      <c r="FR12" s="71">
        <v>484</v>
      </c>
      <c r="FS12" s="71">
        <v>421</v>
      </c>
      <c r="FT12" s="71">
        <v>260</v>
      </c>
      <c r="FU12" s="72">
        <v>2095</v>
      </c>
      <c r="FV12" s="73">
        <v>2393</v>
      </c>
      <c r="FW12" s="70">
        <v>7</v>
      </c>
      <c r="FX12" s="71">
        <v>24</v>
      </c>
      <c r="FY12" s="72">
        <v>31</v>
      </c>
      <c r="FZ12" s="244"/>
      <c r="GA12" s="71">
        <v>18</v>
      </c>
      <c r="GB12" s="71">
        <v>33</v>
      </c>
      <c r="GC12" s="71">
        <v>20</v>
      </c>
      <c r="GD12" s="71">
        <v>16</v>
      </c>
      <c r="GE12" s="71">
        <v>17</v>
      </c>
      <c r="GF12" s="72">
        <v>104</v>
      </c>
      <c r="GG12" s="73">
        <v>135</v>
      </c>
      <c r="GH12" s="70">
        <v>1020</v>
      </c>
      <c r="GI12" s="71">
        <v>940</v>
      </c>
      <c r="GJ12" s="72">
        <v>1960</v>
      </c>
      <c r="GK12" s="244"/>
      <c r="GL12" s="71">
        <v>1700</v>
      </c>
      <c r="GM12" s="71">
        <v>1606</v>
      </c>
      <c r="GN12" s="71">
        <v>1297</v>
      </c>
      <c r="GO12" s="71">
        <v>1046</v>
      </c>
      <c r="GP12" s="71">
        <v>675</v>
      </c>
      <c r="GQ12" s="72">
        <v>6324</v>
      </c>
      <c r="GR12" s="73">
        <v>8284</v>
      </c>
      <c r="GS12" s="123">
        <v>1573</v>
      </c>
      <c r="GT12" s="82">
        <v>1280</v>
      </c>
      <c r="GU12" s="83">
        <v>2853</v>
      </c>
      <c r="GV12" s="241"/>
      <c r="GW12" s="82">
        <v>2613</v>
      </c>
      <c r="GX12" s="82">
        <v>2449</v>
      </c>
      <c r="GY12" s="82">
        <v>1895</v>
      </c>
      <c r="GZ12" s="82">
        <v>1499</v>
      </c>
      <c r="HA12" s="82">
        <v>935</v>
      </c>
      <c r="HB12" s="84">
        <v>9391</v>
      </c>
      <c r="HC12" s="85">
        <v>12244</v>
      </c>
      <c r="HD12" s="70">
        <v>52</v>
      </c>
      <c r="HE12" s="71">
        <v>49</v>
      </c>
      <c r="HF12" s="72">
        <v>101</v>
      </c>
      <c r="HG12" s="244"/>
      <c r="HH12" s="71">
        <v>82</v>
      </c>
      <c r="HI12" s="71">
        <v>81</v>
      </c>
      <c r="HJ12" s="71">
        <v>47</v>
      </c>
      <c r="HK12" s="71">
        <v>51</v>
      </c>
      <c r="HL12" s="71">
        <v>28</v>
      </c>
      <c r="HM12" s="72">
        <v>289</v>
      </c>
      <c r="HN12" s="73">
        <v>390</v>
      </c>
      <c r="HO12" s="70">
        <v>144</v>
      </c>
      <c r="HP12" s="71">
        <v>114</v>
      </c>
      <c r="HQ12" s="72">
        <v>258</v>
      </c>
      <c r="HR12" s="244"/>
      <c r="HS12" s="71">
        <v>219</v>
      </c>
      <c r="HT12" s="71">
        <v>208</v>
      </c>
      <c r="HU12" s="71">
        <v>143</v>
      </c>
      <c r="HV12" s="71">
        <v>122</v>
      </c>
      <c r="HW12" s="71">
        <v>86</v>
      </c>
      <c r="HX12" s="72">
        <v>778</v>
      </c>
      <c r="HY12" s="73">
        <v>1036</v>
      </c>
      <c r="HZ12" s="70">
        <v>239</v>
      </c>
      <c r="IA12" s="71">
        <v>196</v>
      </c>
      <c r="IB12" s="72">
        <v>435</v>
      </c>
      <c r="IC12" s="244"/>
      <c r="ID12" s="71">
        <v>378</v>
      </c>
      <c r="IE12" s="71">
        <v>332</v>
      </c>
      <c r="IF12" s="71">
        <v>227</v>
      </c>
      <c r="IG12" s="71">
        <v>166</v>
      </c>
      <c r="IH12" s="71">
        <v>114</v>
      </c>
      <c r="II12" s="72">
        <v>1217</v>
      </c>
      <c r="IJ12" s="73">
        <v>1652</v>
      </c>
      <c r="IK12" s="70">
        <v>481</v>
      </c>
      <c r="IL12" s="71">
        <v>336</v>
      </c>
      <c r="IM12" s="72">
        <v>817</v>
      </c>
      <c r="IN12" s="244"/>
      <c r="IO12" s="71">
        <v>612</v>
      </c>
      <c r="IP12" s="71">
        <v>536</v>
      </c>
      <c r="IQ12" s="71">
        <v>383</v>
      </c>
      <c r="IR12" s="71">
        <v>284</v>
      </c>
      <c r="IS12" s="71">
        <v>177</v>
      </c>
      <c r="IT12" s="72">
        <v>1992</v>
      </c>
      <c r="IU12" s="73">
        <v>2809</v>
      </c>
      <c r="IV12" s="70">
        <v>442</v>
      </c>
      <c r="IW12" s="71">
        <v>352</v>
      </c>
      <c r="IX12" s="72">
        <v>794</v>
      </c>
      <c r="IY12" s="244"/>
      <c r="IZ12" s="71">
        <v>736</v>
      </c>
      <c r="JA12" s="71">
        <v>644</v>
      </c>
      <c r="JB12" s="71">
        <v>485</v>
      </c>
      <c r="JC12" s="71">
        <v>359</v>
      </c>
      <c r="JD12" s="71">
        <v>220</v>
      </c>
      <c r="JE12" s="72">
        <v>2444</v>
      </c>
      <c r="JF12" s="73">
        <v>3238</v>
      </c>
      <c r="JG12" s="70">
        <v>215</v>
      </c>
      <c r="JH12" s="71">
        <v>233</v>
      </c>
      <c r="JI12" s="72">
        <v>448</v>
      </c>
      <c r="JJ12" s="244">
        <v>0</v>
      </c>
      <c r="JK12" s="71">
        <v>586</v>
      </c>
      <c r="JL12" s="71">
        <v>648</v>
      </c>
      <c r="JM12" s="71">
        <v>610</v>
      </c>
      <c r="JN12" s="71">
        <v>517</v>
      </c>
      <c r="JO12" s="71">
        <v>310</v>
      </c>
      <c r="JP12" s="72">
        <v>2671</v>
      </c>
      <c r="JQ12" s="73">
        <v>3119</v>
      </c>
      <c r="JR12" s="70">
        <v>23</v>
      </c>
      <c r="JS12" s="71">
        <v>43</v>
      </c>
      <c r="JT12" s="72">
        <v>66</v>
      </c>
      <c r="JU12" s="244"/>
      <c r="JV12" s="71">
        <v>47</v>
      </c>
      <c r="JW12" s="71">
        <v>73</v>
      </c>
      <c r="JX12" s="71">
        <v>46</v>
      </c>
      <c r="JY12" s="71">
        <v>37</v>
      </c>
      <c r="JZ12" s="71">
        <v>34</v>
      </c>
      <c r="KA12" s="72">
        <v>237</v>
      </c>
      <c r="KB12" s="73">
        <v>303</v>
      </c>
      <c r="KC12" s="70">
        <v>1596</v>
      </c>
      <c r="KD12" s="71">
        <v>1323</v>
      </c>
      <c r="KE12" s="72">
        <v>2919</v>
      </c>
      <c r="KF12" s="244"/>
      <c r="KG12" s="71">
        <v>2660</v>
      </c>
      <c r="KH12" s="71">
        <v>2522</v>
      </c>
      <c r="KI12" s="71">
        <v>1941</v>
      </c>
      <c r="KJ12" s="71">
        <v>1536</v>
      </c>
      <c r="KK12" s="71">
        <v>969</v>
      </c>
      <c r="KL12" s="72">
        <v>9628</v>
      </c>
      <c r="KM12" s="73">
        <v>12547</v>
      </c>
    </row>
    <row r="13" spans="2:299" ht="19.5" customHeight="1" x14ac:dyDescent="0.2">
      <c r="B13" s="126" t="s">
        <v>9</v>
      </c>
      <c r="C13" s="316">
        <v>651</v>
      </c>
      <c r="D13" s="82">
        <v>390</v>
      </c>
      <c r="E13" s="83">
        <v>1041</v>
      </c>
      <c r="F13" s="241"/>
      <c r="G13" s="82">
        <v>830</v>
      </c>
      <c r="H13" s="82">
        <v>564</v>
      </c>
      <c r="I13" s="82">
        <v>408</v>
      </c>
      <c r="J13" s="82">
        <v>399</v>
      </c>
      <c r="K13" s="82">
        <v>212</v>
      </c>
      <c r="L13" s="84">
        <v>2413</v>
      </c>
      <c r="M13" s="85">
        <v>3454</v>
      </c>
      <c r="N13" s="70">
        <v>15</v>
      </c>
      <c r="O13" s="71">
        <v>13</v>
      </c>
      <c r="P13" s="72">
        <v>28</v>
      </c>
      <c r="Q13" s="244"/>
      <c r="R13" s="71">
        <v>22</v>
      </c>
      <c r="S13" s="71">
        <v>27</v>
      </c>
      <c r="T13" s="71">
        <v>13</v>
      </c>
      <c r="U13" s="71">
        <v>11</v>
      </c>
      <c r="V13" s="71">
        <v>11</v>
      </c>
      <c r="W13" s="72">
        <v>84</v>
      </c>
      <c r="X13" s="73">
        <v>112</v>
      </c>
      <c r="Y13" s="70">
        <v>48</v>
      </c>
      <c r="Z13" s="71">
        <v>31</v>
      </c>
      <c r="AA13" s="72">
        <v>79</v>
      </c>
      <c r="AB13" s="244"/>
      <c r="AC13" s="71">
        <v>55</v>
      </c>
      <c r="AD13" s="71">
        <v>46</v>
      </c>
      <c r="AE13" s="71">
        <v>34</v>
      </c>
      <c r="AF13" s="71">
        <v>38</v>
      </c>
      <c r="AG13" s="71">
        <v>22</v>
      </c>
      <c r="AH13" s="72">
        <v>195</v>
      </c>
      <c r="AI13" s="73">
        <v>274</v>
      </c>
      <c r="AJ13" s="70">
        <v>79</v>
      </c>
      <c r="AK13" s="71">
        <v>41</v>
      </c>
      <c r="AL13" s="72">
        <v>120</v>
      </c>
      <c r="AM13" s="244"/>
      <c r="AN13" s="71">
        <v>106</v>
      </c>
      <c r="AO13" s="71">
        <v>64</v>
      </c>
      <c r="AP13" s="71">
        <v>69</v>
      </c>
      <c r="AQ13" s="71">
        <v>58</v>
      </c>
      <c r="AR13" s="71">
        <v>39</v>
      </c>
      <c r="AS13" s="72">
        <v>336</v>
      </c>
      <c r="AT13" s="73">
        <v>456</v>
      </c>
      <c r="AU13" s="70">
        <v>156</v>
      </c>
      <c r="AV13" s="71">
        <v>93</v>
      </c>
      <c r="AW13" s="72">
        <v>249</v>
      </c>
      <c r="AX13" s="244"/>
      <c r="AY13" s="71">
        <v>188</v>
      </c>
      <c r="AZ13" s="71">
        <v>116</v>
      </c>
      <c r="BA13" s="71">
        <v>66</v>
      </c>
      <c r="BB13" s="71">
        <v>76</v>
      </c>
      <c r="BC13" s="71">
        <v>48</v>
      </c>
      <c r="BD13" s="72">
        <v>494</v>
      </c>
      <c r="BE13" s="73">
        <v>743</v>
      </c>
      <c r="BF13" s="70">
        <v>214</v>
      </c>
      <c r="BG13" s="71">
        <v>120</v>
      </c>
      <c r="BH13" s="72">
        <v>334</v>
      </c>
      <c r="BI13" s="244"/>
      <c r="BJ13" s="71">
        <v>256</v>
      </c>
      <c r="BK13" s="71">
        <v>160</v>
      </c>
      <c r="BL13" s="71">
        <v>107</v>
      </c>
      <c r="BM13" s="71">
        <v>124</v>
      </c>
      <c r="BN13" s="71">
        <v>36</v>
      </c>
      <c r="BO13" s="72">
        <v>683</v>
      </c>
      <c r="BP13" s="73">
        <v>1017</v>
      </c>
      <c r="BQ13" s="70">
        <v>139</v>
      </c>
      <c r="BR13" s="71">
        <v>92</v>
      </c>
      <c r="BS13" s="72">
        <v>231</v>
      </c>
      <c r="BT13" s="244"/>
      <c r="BU13" s="71">
        <v>203</v>
      </c>
      <c r="BV13" s="71">
        <v>151</v>
      </c>
      <c r="BW13" s="71">
        <v>119</v>
      </c>
      <c r="BX13" s="71">
        <v>92</v>
      </c>
      <c r="BY13" s="71">
        <v>56</v>
      </c>
      <c r="BZ13" s="72">
        <v>621</v>
      </c>
      <c r="CA13" s="73">
        <v>852</v>
      </c>
      <c r="CB13" s="70">
        <v>4</v>
      </c>
      <c r="CC13" s="71">
        <v>16</v>
      </c>
      <c r="CD13" s="72">
        <v>20</v>
      </c>
      <c r="CE13" s="244"/>
      <c r="CF13" s="71">
        <v>28</v>
      </c>
      <c r="CG13" s="71">
        <v>24</v>
      </c>
      <c r="CH13" s="71">
        <v>10</v>
      </c>
      <c r="CI13" s="71">
        <v>14</v>
      </c>
      <c r="CJ13" s="71">
        <v>8</v>
      </c>
      <c r="CK13" s="72">
        <v>84</v>
      </c>
      <c r="CL13" s="73">
        <v>104</v>
      </c>
      <c r="CM13" s="70">
        <v>655</v>
      </c>
      <c r="CN13" s="71">
        <v>406</v>
      </c>
      <c r="CO13" s="72">
        <v>1061</v>
      </c>
      <c r="CP13" s="244"/>
      <c r="CQ13" s="71">
        <v>858</v>
      </c>
      <c r="CR13" s="71">
        <v>588</v>
      </c>
      <c r="CS13" s="71">
        <v>418</v>
      </c>
      <c r="CT13" s="71">
        <v>413</v>
      </c>
      <c r="CU13" s="71">
        <v>220</v>
      </c>
      <c r="CV13" s="72">
        <v>2497</v>
      </c>
      <c r="CW13" s="73">
        <v>3558</v>
      </c>
      <c r="CX13" s="123">
        <v>1333</v>
      </c>
      <c r="CY13" s="82">
        <v>984</v>
      </c>
      <c r="CZ13" s="83">
        <v>2317</v>
      </c>
      <c r="DA13" s="241"/>
      <c r="DB13" s="82">
        <v>1637</v>
      </c>
      <c r="DC13" s="82">
        <v>1168</v>
      </c>
      <c r="DD13" s="82">
        <v>950</v>
      </c>
      <c r="DE13" s="82">
        <v>1022</v>
      </c>
      <c r="DF13" s="82">
        <v>721</v>
      </c>
      <c r="DG13" s="84">
        <v>5498</v>
      </c>
      <c r="DH13" s="85">
        <v>7815</v>
      </c>
      <c r="DI13" s="70">
        <v>24</v>
      </c>
      <c r="DJ13" s="71">
        <v>10</v>
      </c>
      <c r="DK13" s="72">
        <v>34</v>
      </c>
      <c r="DL13" s="244"/>
      <c r="DM13" s="71">
        <v>12</v>
      </c>
      <c r="DN13" s="71">
        <v>15</v>
      </c>
      <c r="DO13" s="71">
        <v>9</v>
      </c>
      <c r="DP13" s="71">
        <v>7</v>
      </c>
      <c r="DQ13" s="71">
        <v>14</v>
      </c>
      <c r="DR13" s="72">
        <v>57</v>
      </c>
      <c r="DS13" s="73">
        <v>91</v>
      </c>
      <c r="DT13" s="70">
        <v>76</v>
      </c>
      <c r="DU13" s="71">
        <v>56</v>
      </c>
      <c r="DV13" s="72">
        <v>132</v>
      </c>
      <c r="DW13" s="244"/>
      <c r="DX13" s="71">
        <v>73</v>
      </c>
      <c r="DY13" s="71">
        <v>45</v>
      </c>
      <c r="DZ13" s="71">
        <v>32</v>
      </c>
      <c r="EA13" s="71">
        <v>36</v>
      </c>
      <c r="EB13" s="71">
        <v>23</v>
      </c>
      <c r="EC13" s="72">
        <v>209</v>
      </c>
      <c r="ED13" s="73">
        <v>341</v>
      </c>
      <c r="EE13" s="70">
        <v>196</v>
      </c>
      <c r="EF13" s="71">
        <v>135</v>
      </c>
      <c r="EG13" s="72">
        <v>331</v>
      </c>
      <c r="EH13" s="244"/>
      <c r="EI13" s="71">
        <v>164</v>
      </c>
      <c r="EJ13" s="71">
        <v>103</v>
      </c>
      <c r="EK13" s="71">
        <v>51</v>
      </c>
      <c r="EL13" s="71">
        <v>59</v>
      </c>
      <c r="EM13" s="71">
        <v>71</v>
      </c>
      <c r="EN13" s="72">
        <v>448</v>
      </c>
      <c r="EO13" s="73">
        <v>779</v>
      </c>
      <c r="EP13" s="70">
        <v>356</v>
      </c>
      <c r="EQ13" s="71">
        <v>239</v>
      </c>
      <c r="ER13" s="72">
        <v>595</v>
      </c>
      <c r="ES13" s="244"/>
      <c r="ET13" s="71">
        <v>356</v>
      </c>
      <c r="EU13" s="71">
        <v>200</v>
      </c>
      <c r="EV13" s="71">
        <v>129</v>
      </c>
      <c r="EW13" s="71">
        <v>147</v>
      </c>
      <c r="EX13" s="71">
        <v>112</v>
      </c>
      <c r="EY13" s="72">
        <v>944</v>
      </c>
      <c r="EZ13" s="73">
        <v>1539</v>
      </c>
      <c r="FA13" s="70">
        <v>423</v>
      </c>
      <c r="FB13" s="71">
        <v>315</v>
      </c>
      <c r="FC13" s="72">
        <v>738</v>
      </c>
      <c r="FD13" s="244"/>
      <c r="FE13" s="71">
        <v>517</v>
      </c>
      <c r="FF13" s="71">
        <v>343</v>
      </c>
      <c r="FG13" s="71">
        <v>276</v>
      </c>
      <c r="FH13" s="71">
        <v>264</v>
      </c>
      <c r="FI13" s="71">
        <v>173</v>
      </c>
      <c r="FJ13" s="72">
        <v>1573</v>
      </c>
      <c r="FK13" s="73">
        <v>2311</v>
      </c>
      <c r="FL13" s="70">
        <v>258</v>
      </c>
      <c r="FM13" s="71">
        <v>229</v>
      </c>
      <c r="FN13" s="72">
        <v>487</v>
      </c>
      <c r="FO13" s="244"/>
      <c r="FP13" s="71">
        <v>515</v>
      </c>
      <c r="FQ13" s="71">
        <v>462</v>
      </c>
      <c r="FR13" s="71">
        <v>453</v>
      </c>
      <c r="FS13" s="71">
        <v>509</v>
      </c>
      <c r="FT13" s="71">
        <v>328</v>
      </c>
      <c r="FU13" s="72">
        <v>2267</v>
      </c>
      <c r="FV13" s="73">
        <v>2754</v>
      </c>
      <c r="FW13" s="70">
        <v>6</v>
      </c>
      <c r="FX13" s="71">
        <v>15</v>
      </c>
      <c r="FY13" s="72">
        <v>21</v>
      </c>
      <c r="FZ13" s="244"/>
      <c r="GA13" s="71">
        <v>8</v>
      </c>
      <c r="GB13" s="71">
        <v>18</v>
      </c>
      <c r="GC13" s="71">
        <v>11</v>
      </c>
      <c r="GD13" s="71">
        <v>11</v>
      </c>
      <c r="GE13" s="71">
        <v>11</v>
      </c>
      <c r="GF13" s="72">
        <v>59</v>
      </c>
      <c r="GG13" s="73">
        <v>80</v>
      </c>
      <c r="GH13" s="70">
        <v>1339</v>
      </c>
      <c r="GI13" s="71">
        <v>999</v>
      </c>
      <c r="GJ13" s="72">
        <v>2338</v>
      </c>
      <c r="GK13" s="244"/>
      <c r="GL13" s="71">
        <v>1645</v>
      </c>
      <c r="GM13" s="71">
        <v>1186</v>
      </c>
      <c r="GN13" s="71">
        <v>961</v>
      </c>
      <c r="GO13" s="71">
        <v>1033</v>
      </c>
      <c r="GP13" s="71">
        <v>732</v>
      </c>
      <c r="GQ13" s="72">
        <v>5557</v>
      </c>
      <c r="GR13" s="73">
        <v>7895</v>
      </c>
      <c r="GS13" s="123">
        <v>1984</v>
      </c>
      <c r="GT13" s="82">
        <v>1374</v>
      </c>
      <c r="GU13" s="83">
        <v>3358</v>
      </c>
      <c r="GV13" s="241"/>
      <c r="GW13" s="82">
        <v>2467</v>
      </c>
      <c r="GX13" s="82">
        <v>1732</v>
      </c>
      <c r="GY13" s="82">
        <v>1358</v>
      </c>
      <c r="GZ13" s="82">
        <v>1421</v>
      </c>
      <c r="HA13" s="82">
        <v>933</v>
      </c>
      <c r="HB13" s="84">
        <v>7911</v>
      </c>
      <c r="HC13" s="85">
        <v>11269</v>
      </c>
      <c r="HD13" s="70">
        <v>39</v>
      </c>
      <c r="HE13" s="71">
        <v>23</v>
      </c>
      <c r="HF13" s="72">
        <v>62</v>
      </c>
      <c r="HG13" s="244"/>
      <c r="HH13" s="71">
        <v>34</v>
      </c>
      <c r="HI13" s="71">
        <v>42</v>
      </c>
      <c r="HJ13" s="71">
        <v>22</v>
      </c>
      <c r="HK13" s="71">
        <v>18</v>
      </c>
      <c r="HL13" s="71">
        <v>25</v>
      </c>
      <c r="HM13" s="72">
        <v>141</v>
      </c>
      <c r="HN13" s="73">
        <v>203</v>
      </c>
      <c r="HO13" s="70">
        <v>124</v>
      </c>
      <c r="HP13" s="71">
        <v>87</v>
      </c>
      <c r="HQ13" s="72">
        <v>211</v>
      </c>
      <c r="HR13" s="244"/>
      <c r="HS13" s="71">
        <v>128</v>
      </c>
      <c r="HT13" s="71">
        <v>91</v>
      </c>
      <c r="HU13" s="71">
        <v>66</v>
      </c>
      <c r="HV13" s="71">
        <v>74</v>
      </c>
      <c r="HW13" s="71">
        <v>45</v>
      </c>
      <c r="HX13" s="72">
        <v>404</v>
      </c>
      <c r="HY13" s="73">
        <v>615</v>
      </c>
      <c r="HZ13" s="70">
        <v>275</v>
      </c>
      <c r="IA13" s="71">
        <v>176</v>
      </c>
      <c r="IB13" s="72">
        <v>451</v>
      </c>
      <c r="IC13" s="244"/>
      <c r="ID13" s="71">
        <v>270</v>
      </c>
      <c r="IE13" s="71">
        <v>167</v>
      </c>
      <c r="IF13" s="71">
        <v>120</v>
      </c>
      <c r="IG13" s="71">
        <v>117</v>
      </c>
      <c r="IH13" s="71">
        <v>110</v>
      </c>
      <c r="II13" s="72">
        <v>784</v>
      </c>
      <c r="IJ13" s="73">
        <v>1235</v>
      </c>
      <c r="IK13" s="70">
        <v>512</v>
      </c>
      <c r="IL13" s="71">
        <v>332</v>
      </c>
      <c r="IM13" s="72">
        <v>844</v>
      </c>
      <c r="IN13" s="244"/>
      <c r="IO13" s="71">
        <v>544</v>
      </c>
      <c r="IP13" s="71">
        <v>316</v>
      </c>
      <c r="IQ13" s="71">
        <v>195</v>
      </c>
      <c r="IR13" s="71">
        <v>223</v>
      </c>
      <c r="IS13" s="71">
        <v>160</v>
      </c>
      <c r="IT13" s="72">
        <v>1438</v>
      </c>
      <c r="IU13" s="73">
        <v>2282</v>
      </c>
      <c r="IV13" s="70">
        <v>637</v>
      </c>
      <c r="IW13" s="71">
        <v>435</v>
      </c>
      <c r="IX13" s="72">
        <v>1072</v>
      </c>
      <c r="IY13" s="244"/>
      <c r="IZ13" s="71">
        <v>773</v>
      </c>
      <c r="JA13" s="71">
        <v>503</v>
      </c>
      <c r="JB13" s="71">
        <v>383</v>
      </c>
      <c r="JC13" s="71">
        <v>388</v>
      </c>
      <c r="JD13" s="71">
        <v>209</v>
      </c>
      <c r="JE13" s="72">
        <v>2256</v>
      </c>
      <c r="JF13" s="73">
        <v>3328</v>
      </c>
      <c r="JG13" s="70">
        <v>397</v>
      </c>
      <c r="JH13" s="71">
        <v>321</v>
      </c>
      <c r="JI13" s="72">
        <v>718</v>
      </c>
      <c r="JJ13" s="244">
        <v>0</v>
      </c>
      <c r="JK13" s="71">
        <v>718</v>
      </c>
      <c r="JL13" s="71">
        <v>613</v>
      </c>
      <c r="JM13" s="71">
        <v>572</v>
      </c>
      <c r="JN13" s="71">
        <v>601</v>
      </c>
      <c r="JO13" s="71">
        <v>384</v>
      </c>
      <c r="JP13" s="72">
        <v>2888</v>
      </c>
      <c r="JQ13" s="73">
        <v>3606</v>
      </c>
      <c r="JR13" s="70">
        <v>10</v>
      </c>
      <c r="JS13" s="71">
        <v>31</v>
      </c>
      <c r="JT13" s="72">
        <v>41</v>
      </c>
      <c r="JU13" s="244"/>
      <c r="JV13" s="71">
        <v>36</v>
      </c>
      <c r="JW13" s="71">
        <v>42</v>
      </c>
      <c r="JX13" s="71">
        <v>21</v>
      </c>
      <c r="JY13" s="71">
        <v>25</v>
      </c>
      <c r="JZ13" s="71">
        <v>19</v>
      </c>
      <c r="KA13" s="72">
        <v>143</v>
      </c>
      <c r="KB13" s="73">
        <v>184</v>
      </c>
      <c r="KC13" s="70">
        <v>1994</v>
      </c>
      <c r="KD13" s="71">
        <v>1405</v>
      </c>
      <c r="KE13" s="72">
        <v>3399</v>
      </c>
      <c r="KF13" s="244"/>
      <c r="KG13" s="71">
        <v>2503</v>
      </c>
      <c r="KH13" s="71">
        <v>1774</v>
      </c>
      <c r="KI13" s="71">
        <v>1379</v>
      </c>
      <c r="KJ13" s="71">
        <v>1446</v>
      </c>
      <c r="KK13" s="71">
        <v>952</v>
      </c>
      <c r="KL13" s="72">
        <v>8054</v>
      </c>
      <c r="KM13" s="73">
        <v>11453</v>
      </c>
    </row>
    <row r="14" spans="2:299" ht="19.5" customHeight="1" x14ac:dyDescent="0.2">
      <c r="B14" s="126" t="s">
        <v>10</v>
      </c>
      <c r="C14" s="316">
        <v>1424</v>
      </c>
      <c r="D14" s="82">
        <v>986</v>
      </c>
      <c r="E14" s="83">
        <v>2410</v>
      </c>
      <c r="F14" s="241"/>
      <c r="G14" s="82">
        <v>1665</v>
      </c>
      <c r="H14" s="82">
        <v>967</v>
      </c>
      <c r="I14" s="82">
        <v>720</v>
      </c>
      <c r="J14" s="82">
        <v>611</v>
      </c>
      <c r="K14" s="82">
        <v>419</v>
      </c>
      <c r="L14" s="84">
        <v>4382</v>
      </c>
      <c r="M14" s="85">
        <v>6792</v>
      </c>
      <c r="N14" s="70">
        <v>55</v>
      </c>
      <c r="O14" s="71">
        <v>65</v>
      </c>
      <c r="P14" s="72">
        <v>120</v>
      </c>
      <c r="Q14" s="244"/>
      <c r="R14" s="71">
        <v>74</v>
      </c>
      <c r="S14" s="71">
        <v>53</v>
      </c>
      <c r="T14" s="71">
        <v>37</v>
      </c>
      <c r="U14" s="71">
        <v>30</v>
      </c>
      <c r="V14" s="71">
        <v>24</v>
      </c>
      <c r="W14" s="72">
        <v>218</v>
      </c>
      <c r="X14" s="73">
        <v>338</v>
      </c>
      <c r="Y14" s="70">
        <v>129</v>
      </c>
      <c r="Z14" s="71">
        <v>121</v>
      </c>
      <c r="AA14" s="72">
        <v>250</v>
      </c>
      <c r="AB14" s="244"/>
      <c r="AC14" s="71">
        <v>173</v>
      </c>
      <c r="AD14" s="71">
        <v>102</v>
      </c>
      <c r="AE14" s="71">
        <v>69</v>
      </c>
      <c r="AF14" s="71">
        <v>67</v>
      </c>
      <c r="AG14" s="71">
        <v>65</v>
      </c>
      <c r="AH14" s="72">
        <v>476</v>
      </c>
      <c r="AI14" s="73">
        <v>726</v>
      </c>
      <c r="AJ14" s="70">
        <v>194</v>
      </c>
      <c r="AK14" s="71">
        <v>152</v>
      </c>
      <c r="AL14" s="72">
        <v>346</v>
      </c>
      <c r="AM14" s="244"/>
      <c r="AN14" s="71">
        <v>288</v>
      </c>
      <c r="AO14" s="71">
        <v>180</v>
      </c>
      <c r="AP14" s="71">
        <v>116</v>
      </c>
      <c r="AQ14" s="71">
        <v>91</v>
      </c>
      <c r="AR14" s="71">
        <v>63</v>
      </c>
      <c r="AS14" s="72">
        <v>738</v>
      </c>
      <c r="AT14" s="73">
        <v>1084</v>
      </c>
      <c r="AU14" s="70">
        <v>382</v>
      </c>
      <c r="AV14" s="71">
        <v>227</v>
      </c>
      <c r="AW14" s="72">
        <v>609</v>
      </c>
      <c r="AX14" s="244"/>
      <c r="AY14" s="71">
        <v>368</v>
      </c>
      <c r="AZ14" s="71">
        <v>198</v>
      </c>
      <c r="BA14" s="71">
        <v>156</v>
      </c>
      <c r="BB14" s="71">
        <v>138</v>
      </c>
      <c r="BC14" s="71">
        <v>105</v>
      </c>
      <c r="BD14" s="72">
        <v>965</v>
      </c>
      <c r="BE14" s="73">
        <v>1574</v>
      </c>
      <c r="BF14" s="70">
        <v>434</v>
      </c>
      <c r="BG14" s="71">
        <v>249</v>
      </c>
      <c r="BH14" s="72">
        <v>683</v>
      </c>
      <c r="BI14" s="244"/>
      <c r="BJ14" s="71">
        <v>435</v>
      </c>
      <c r="BK14" s="71">
        <v>234</v>
      </c>
      <c r="BL14" s="71">
        <v>186</v>
      </c>
      <c r="BM14" s="71">
        <v>152</v>
      </c>
      <c r="BN14" s="71">
        <v>86</v>
      </c>
      <c r="BO14" s="72">
        <v>1093</v>
      </c>
      <c r="BP14" s="73">
        <v>1776</v>
      </c>
      <c r="BQ14" s="70">
        <v>230</v>
      </c>
      <c r="BR14" s="71">
        <v>172</v>
      </c>
      <c r="BS14" s="72">
        <v>402</v>
      </c>
      <c r="BT14" s="244"/>
      <c r="BU14" s="71">
        <v>327</v>
      </c>
      <c r="BV14" s="71">
        <v>200</v>
      </c>
      <c r="BW14" s="71">
        <v>156</v>
      </c>
      <c r="BX14" s="71">
        <v>133</v>
      </c>
      <c r="BY14" s="71">
        <v>76</v>
      </c>
      <c r="BZ14" s="72">
        <v>892</v>
      </c>
      <c r="CA14" s="73">
        <v>1294</v>
      </c>
      <c r="CB14" s="70">
        <v>38</v>
      </c>
      <c r="CC14" s="71">
        <v>32</v>
      </c>
      <c r="CD14" s="72">
        <v>70</v>
      </c>
      <c r="CE14" s="244"/>
      <c r="CF14" s="71">
        <v>67</v>
      </c>
      <c r="CG14" s="71">
        <v>44</v>
      </c>
      <c r="CH14" s="71">
        <v>29</v>
      </c>
      <c r="CI14" s="71">
        <v>17</v>
      </c>
      <c r="CJ14" s="71">
        <v>30</v>
      </c>
      <c r="CK14" s="72">
        <v>187</v>
      </c>
      <c r="CL14" s="73">
        <v>257</v>
      </c>
      <c r="CM14" s="70">
        <v>1462</v>
      </c>
      <c r="CN14" s="71">
        <v>1018</v>
      </c>
      <c r="CO14" s="72">
        <v>2480</v>
      </c>
      <c r="CP14" s="244"/>
      <c r="CQ14" s="71">
        <v>1732</v>
      </c>
      <c r="CR14" s="71">
        <v>1011</v>
      </c>
      <c r="CS14" s="71">
        <v>749</v>
      </c>
      <c r="CT14" s="71">
        <v>628</v>
      </c>
      <c r="CU14" s="71">
        <v>449</v>
      </c>
      <c r="CV14" s="72">
        <v>4569</v>
      </c>
      <c r="CW14" s="73">
        <v>7049</v>
      </c>
      <c r="CX14" s="123">
        <v>2856</v>
      </c>
      <c r="CY14" s="82">
        <v>2164</v>
      </c>
      <c r="CZ14" s="83">
        <v>5020</v>
      </c>
      <c r="DA14" s="241"/>
      <c r="DB14" s="82">
        <v>3185</v>
      </c>
      <c r="DC14" s="82">
        <v>1729</v>
      </c>
      <c r="DD14" s="82">
        <v>1458</v>
      </c>
      <c r="DE14" s="82">
        <v>1431</v>
      </c>
      <c r="DF14" s="82">
        <v>1241</v>
      </c>
      <c r="DG14" s="84">
        <v>9044</v>
      </c>
      <c r="DH14" s="85">
        <v>14064</v>
      </c>
      <c r="DI14" s="70">
        <v>61</v>
      </c>
      <c r="DJ14" s="71">
        <v>52</v>
      </c>
      <c r="DK14" s="72">
        <v>113</v>
      </c>
      <c r="DL14" s="244"/>
      <c r="DM14" s="71">
        <v>65</v>
      </c>
      <c r="DN14" s="71">
        <v>30</v>
      </c>
      <c r="DO14" s="71">
        <v>24</v>
      </c>
      <c r="DP14" s="71">
        <v>18</v>
      </c>
      <c r="DQ14" s="71">
        <v>26</v>
      </c>
      <c r="DR14" s="72">
        <v>163</v>
      </c>
      <c r="DS14" s="73">
        <v>276</v>
      </c>
      <c r="DT14" s="70">
        <v>195</v>
      </c>
      <c r="DU14" s="71">
        <v>155</v>
      </c>
      <c r="DV14" s="72">
        <v>350</v>
      </c>
      <c r="DW14" s="244"/>
      <c r="DX14" s="71">
        <v>175</v>
      </c>
      <c r="DY14" s="71">
        <v>105</v>
      </c>
      <c r="DZ14" s="71">
        <v>53</v>
      </c>
      <c r="EA14" s="71">
        <v>68</v>
      </c>
      <c r="EB14" s="71">
        <v>59</v>
      </c>
      <c r="EC14" s="72">
        <v>460</v>
      </c>
      <c r="ED14" s="73">
        <v>810</v>
      </c>
      <c r="EE14" s="70">
        <v>451</v>
      </c>
      <c r="EF14" s="71">
        <v>297</v>
      </c>
      <c r="EG14" s="72">
        <v>748</v>
      </c>
      <c r="EH14" s="244"/>
      <c r="EI14" s="71">
        <v>384</v>
      </c>
      <c r="EJ14" s="71">
        <v>153</v>
      </c>
      <c r="EK14" s="71">
        <v>136</v>
      </c>
      <c r="EL14" s="71">
        <v>123</v>
      </c>
      <c r="EM14" s="71">
        <v>113</v>
      </c>
      <c r="EN14" s="72">
        <v>909</v>
      </c>
      <c r="EO14" s="73">
        <v>1657</v>
      </c>
      <c r="EP14" s="70">
        <v>813</v>
      </c>
      <c r="EQ14" s="71">
        <v>538</v>
      </c>
      <c r="ER14" s="72">
        <v>1351</v>
      </c>
      <c r="ES14" s="244"/>
      <c r="ET14" s="71">
        <v>692</v>
      </c>
      <c r="EU14" s="71">
        <v>345</v>
      </c>
      <c r="EV14" s="71">
        <v>249</v>
      </c>
      <c r="EW14" s="71">
        <v>231</v>
      </c>
      <c r="EX14" s="71">
        <v>212</v>
      </c>
      <c r="EY14" s="72">
        <v>1729</v>
      </c>
      <c r="EZ14" s="73">
        <v>3080</v>
      </c>
      <c r="FA14" s="70">
        <v>895</v>
      </c>
      <c r="FB14" s="71">
        <v>634</v>
      </c>
      <c r="FC14" s="72">
        <v>1529</v>
      </c>
      <c r="FD14" s="244"/>
      <c r="FE14" s="71">
        <v>989</v>
      </c>
      <c r="FF14" s="71">
        <v>477</v>
      </c>
      <c r="FG14" s="71">
        <v>385</v>
      </c>
      <c r="FH14" s="71">
        <v>339</v>
      </c>
      <c r="FI14" s="71">
        <v>343</v>
      </c>
      <c r="FJ14" s="72">
        <v>2533</v>
      </c>
      <c r="FK14" s="73">
        <v>4062</v>
      </c>
      <c r="FL14" s="70">
        <v>441</v>
      </c>
      <c r="FM14" s="71">
        <v>488</v>
      </c>
      <c r="FN14" s="72">
        <v>929</v>
      </c>
      <c r="FO14" s="244"/>
      <c r="FP14" s="71">
        <v>880</v>
      </c>
      <c r="FQ14" s="71">
        <v>619</v>
      </c>
      <c r="FR14" s="71">
        <v>611</v>
      </c>
      <c r="FS14" s="71">
        <v>652</v>
      </c>
      <c r="FT14" s="71">
        <v>488</v>
      </c>
      <c r="FU14" s="72">
        <v>3250</v>
      </c>
      <c r="FV14" s="73">
        <v>4179</v>
      </c>
      <c r="FW14" s="70">
        <v>26</v>
      </c>
      <c r="FX14" s="71">
        <v>39</v>
      </c>
      <c r="FY14" s="72">
        <v>65</v>
      </c>
      <c r="FZ14" s="244"/>
      <c r="GA14" s="71">
        <v>53</v>
      </c>
      <c r="GB14" s="71">
        <v>36</v>
      </c>
      <c r="GC14" s="71">
        <v>19</v>
      </c>
      <c r="GD14" s="71">
        <v>17</v>
      </c>
      <c r="GE14" s="71">
        <v>33</v>
      </c>
      <c r="GF14" s="72">
        <v>158</v>
      </c>
      <c r="GG14" s="73">
        <v>223</v>
      </c>
      <c r="GH14" s="70">
        <v>2882</v>
      </c>
      <c r="GI14" s="71">
        <v>2203</v>
      </c>
      <c r="GJ14" s="72">
        <v>5085</v>
      </c>
      <c r="GK14" s="244"/>
      <c r="GL14" s="71">
        <v>3238</v>
      </c>
      <c r="GM14" s="71">
        <v>1765</v>
      </c>
      <c r="GN14" s="71">
        <v>1477</v>
      </c>
      <c r="GO14" s="71">
        <v>1448</v>
      </c>
      <c r="GP14" s="71">
        <v>1274</v>
      </c>
      <c r="GQ14" s="72">
        <v>9202</v>
      </c>
      <c r="GR14" s="73">
        <v>14287</v>
      </c>
      <c r="GS14" s="123">
        <v>4280</v>
      </c>
      <c r="GT14" s="82">
        <v>3150</v>
      </c>
      <c r="GU14" s="83">
        <v>7430</v>
      </c>
      <c r="GV14" s="241"/>
      <c r="GW14" s="82">
        <v>4850</v>
      </c>
      <c r="GX14" s="82">
        <v>2696</v>
      </c>
      <c r="GY14" s="82">
        <v>2178</v>
      </c>
      <c r="GZ14" s="82">
        <v>2042</v>
      </c>
      <c r="HA14" s="82">
        <v>1660</v>
      </c>
      <c r="HB14" s="84">
        <v>13426</v>
      </c>
      <c r="HC14" s="85">
        <v>20856</v>
      </c>
      <c r="HD14" s="70">
        <v>116</v>
      </c>
      <c r="HE14" s="71">
        <v>117</v>
      </c>
      <c r="HF14" s="72">
        <v>233</v>
      </c>
      <c r="HG14" s="244"/>
      <c r="HH14" s="71">
        <v>139</v>
      </c>
      <c r="HI14" s="71">
        <v>83</v>
      </c>
      <c r="HJ14" s="71">
        <v>61</v>
      </c>
      <c r="HK14" s="71">
        <v>48</v>
      </c>
      <c r="HL14" s="71">
        <v>50</v>
      </c>
      <c r="HM14" s="72">
        <v>381</v>
      </c>
      <c r="HN14" s="73">
        <v>614</v>
      </c>
      <c r="HO14" s="70">
        <v>324</v>
      </c>
      <c r="HP14" s="71">
        <v>276</v>
      </c>
      <c r="HQ14" s="72">
        <v>600</v>
      </c>
      <c r="HR14" s="244"/>
      <c r="HS14" s="71">
        <v>348</v>
      </c>
      <c r="HT14" s="71">
        <v>207</v>
      </c>
      <c r="HU14" s="71">
        <v>122</v>
      </c>
      <c r="HV14" s="71">
        <v>135</v>
      </c>
      <c r="HW14" s="71">
        <v>124</v>
      </c>
      <c r="HX14" s="72">
        <v>936</v>
      </c>
      <c r="HY14" s="73">
        <v>1536</v>
      </c>
      <c r="HZ14" s="70">
        <v>645</v>
      </c>
      <c r="IA14" s="71">
        <v>449</v>
      </c>
      <c r="IB14" s="72">
        <v>1094</v>
      </c>
      <c r="IC14" s="244"/>
      <c r="ID14" s="71">
        <v>672</v>
      </c>
      <c r="IE14" s="71">
        <v>333</v>
      </c>
      <c r="IF14" s="71">
        <v>252</v>
      </c>
      <c r="IG14" s="71">
        <v>214</v>
      </c>
      <c r="IH14" s="71">
        <v>176</v>
      </c>
      <c r="II14" s="72">
        <v>1647</v>
      </c>
      <c r="IJ14" s="73">
        <v>2741</v>
      </c>
      <c r="IK14" s="70">
        <v>1195</v>
      </c>
      <c r="IL14" s="71">
        <v>765</v>
      </c>
      <c r="IM14" s="72">
        <v>1960</v>
      </c>
      <c r="IN14" s="244"/>
      <c r="IO14" s="71">
        <v>1060</v>
      </c>
      <c r="IP14" s="71">
        <v>543</v>
      </c>
      <c r="IQ14" s="71">
        <v>405</v>
      </c>
      <c r="IR14" s="71">
        <v>369</v>
      </c>
      <c r="IS14" s="71">
        <v>317</v>
      </c>
      <c r="IT14" s="72">
        <v>2694</v>
      </c>
      <c r="IU14" s="73">
        <v>4654</v>
      </c>
      <c r="IV14" s="70">
        <v>1329</v>
      </c>
      <c r="IW14" s="71">
        <v>883</v>
      </c>
      <c r="IX14" s="72">
        <v>2212</v>
      </c>
      <c r="IY14" s="244"/>
      <c r="IZ14" s="71">
        <v>1424</v>
      </c>
      <c r="JA14" s="71">
        <v>711</v>
      </c>
      <c r="JB14" s="71">
        <v>571</v>
      </c>
      <c r="JC14" s="71">
        <v>491</v>
      </c>
      <c r="JD14" s="71">
        <v>429</v>
      </c>
      <c r="JE14" s="72">
        <v>3626</v>
      </c>
      <c r="JF14" s="73">
        <v>5838</v>
      </c>
      <c r="JG14" s="70">
        <v>671</v>
      </c>
      <c r="JH14" s="71">
        <v>660</v>
      </c>
      <c r="JI14" s="72">
        <v>1331</v>
      </c>
      <c r="JJ14" s="244">
        <v>0</v>
      </c>
      <c r="JK14" s="71">
        <v>1207</v>
      </c>
      <c r="JL14" s="71">
        <v>819</v>
      </c>
      <c r="JM14" s="71">
        <v>767</v>
      </c>
      <c r="JN14" s="71">
        <v>785</v>
      </c>
      <c r="JO14" s="71">
        <v>564</v>
      </c>
      <c r="JP14" s="72">
        <v>4142</v>
      </c>
      <c r="JQ14" s="73">
        <v>5473</v>
      </c>
      <c r="JR14" s="70">
        <v>64</v>
      </c>
      <c r="JS14" s="71">
        <v>71</v>
      </c>
      <c r="JT14" s="72">
        <v>135</v>
      </c>
      <c r="JU14" s="244"/>
      <c r="JV14" s="71">
        <v>120</v>
      </c>
      <c r="JW14" s="71">
        <v>80</v>
      </c>
      <c r="JX14" s="71">
        <v>48</v>
      </c>
      <c r="JY14" s="71">
        <v>34</v>
      </c>
      <c r="JZ14" s="71">
        <v>63</v>
      </c>
      <c r="KA14" s="72">
        <v>345</v>
      </c>
      <c r="KB14" s="73">
        <v>480</v>
      </c>
      <c r="KC14" s="70">
        <v>4344</v>
      </c>
      <c r="KD14" s="71">
        <v>3221</v>
      </c>
      <c r="KE14" s="72">
        <v>7565</v>
      </c>
      <c r="KF14" s="244"/>
      <c r="KG14" s="71">
        <v>4970</v>
      </c>
      <c r="KH14" s="71">
        <v>2776</v>
      </c>
      <c r="KI14" s="71">
        <v>2226</v>
      </c>
      <c r="KJ14" s="71">
        <v>2076</v>
      </c>
      <c r="KK14" s="71">
        <v>1723</v>
      </c>
      <c r="KL14" s="72">
        <v>13771</v>
      </c>
      <c r="KM14" s="73">
        <v>21336</v>
      </c>
    </row>
    <row r="15" spans="2:299" ht="19.5" customHeight="1" x14ac:dyDescent="0.2">
      <c r="B15" s="126" t="s">
        <v>11</v>
      </c>
      <c r="C15" s="316">
        <v>463</v>
      </c>
      <c r="D15" s="82">
        <v>342</v>
      </c>
      <c r="E15" s="83">
        <v>805</v>
      </c>
      <c r="F15" s="241"/>
      <c r="G15" s="82">
        <v>871</v>
      </c>
      <c r="H15" s="82">
        <v>533</v>
      </c>
      <c r="I15" s="82">
        <v>473</v>
      </c>
      <c r="J15" s="82">
        <v>402</v>
      </c>
      <c r="K15" s="82">
        <v>206</v>
      </c>
      <c r="L15" s="84">
        <v>2485</v>
      </c>
      <c r="M15" s="85">
        <v>3290</v>
      </c>
      <c r="N15" s="70">
        <v>21</v>
      </c>
      <c r="O15" s="71">
        <v>13</v>
      </c>
      <c r="P15" s="72">
        <v>34</v>
      </c>
      <c r="Q15" s="244"/>
      <c r="R15" s="71">
        <v>53</v>
      </c>
      <c r="S15" s="71">
        <v>26</v>
      </c>
      <c r="T15" s="71">
        <v>19</v>
      </c>
      <c r="U15" s="71">
        <v>16</v>
      </c>
      <c r="V15" s="71">
        <v>9</v>
      </c>
      <c r="W15" s="72">
        <v>123</v>
      </c>
      <c r="X15" s="73">
        <v>157</v>
      </c>
      <c r="Y15" s="70">
        <v>54</v>
      </c>
      <c r="Z15" s="71">
        <v>47</v>
      </c>
      <c r="AA15" s="72">
        <v>101</v>
      </c>
      <c r="AB15" s="244"/>
      <c r="AC15" s="71">
        <v>103</v>
      </c>
      <c r="AD15" s="71">
        <v>55</v>
      </c>
      <c r="AE15" s="71">
        <v>57</v>
      </c>
      <c r="AF15" s="71">
        <v>37</v>
      </c>
      <c r="AG15" s="71">
        <v>30</v>
      </c>
      <c r="AH15" s="72">
        <v>282</v>
      </c>
      <c r="AI15" s="73">
        <v>383</v>
      </c>
      <c r="AJ15" s="70">
        <v>68</v>
      </c>
      <c r="AK15" s="71">
        <v>59</v>
      </c>
      <c r="AL15" s="72">
        <v>127</v>
      </c>
      <c r="AM15" s="244"/>
      <c r="AN15" s="71">
        <v>153</v>
      </c>
      <c r="AO15" s="71">
        <v>95</v>
      </c>
      <c r="AP15" s="71">
        <v>83</v>
      </c>
      <c r="AQ15" s="71">
        <v>76</v>
      </c>
      <c r="AR15" s="71">
        <v>40</v>
      </c>
      <c r="AS15" s="72">
        <v>447</v>
      </c>
      <c r="AT15" s="73">
        <v>574</v>
      </c>
      <c r="AU15" s="70">
        <v>121</v>
      </c>
      <c r="AV15" s="71">
        <v>74</v>
      </c>
      <c r="AW15" s="72">
        <v>195</v>
      </c>
      <c r="AX15" s="244"/>
      <c r="AY15" s="71">
        <v>212</v>
      </c>
      <c r="AZ15" s="71">
        <v>127</v>
      </c>
      <c r="BA15" s="71">
        <v>107</v>
      </c>
      <c r="BB15" s="71">
        <v>86</v>
      </c>
      <c r="BC15" s="71">
        <v>46</v>
      </c>
      <c r="BD15" s="72">
        <v>578</v>
      </c>
      <c r="BE15" s="73">
        <v>773</v>
      </c>
      <c r="BF15" s="70">
        <v>125</v>
      </c>
      <c r="BG15" s="71">
        <v>96</v>
      </c>
      <c r="BH15" s="72">
        <v>221</v>
      </c>
      <c r="BI15" s="244"/>
      <c r="BJ15" s="71">
        <v>201</v>
      </c>
      <c r="BK15" s="71">
        <v>127</v>
      </c>
      <c r="BL15" s="71">
        <v>104</v>
      </c>
      <c r="BM15" s="71">
        <v>107</v>
      </c>
      <c r="BN15" s="71">
        <v>38</v>
      </c>
      <c r="BO15" s="72">
        <v>577</v>
      </c>
      <c r="BP15" s="73">
        <v>798</v>
      </c>
      <c r="BQ15" s="70">
        <v>74</v>
      </c>
      <c r="BR15" s="71">
        <v>53</v>
      </c>
      <c r="BS15" s="72">
        <v>127</v>
      </c>
      <c r="BT15" s="244"/>
      <c r="BU15" s="71">
        <v>149</v>
      </c>
      <c r="BV15" s="71">
        <v>103</v>
      </c>
      <c r="BW15" s="71">
        <v>103</v>
      </c>
      <c r="BX15" s="71">
        <v>80</v>
      </c>
      <c r="BY15" s="71">
        <v>43</v>
      </c>
      <c r="BZ15" s="72">
        <v>478</v>
      </c>
      <c r="CA15" s="73">
        <v>605</v>
      </c>
      <c r="CB15" s="70">
        <v>9</v>
      </c>
      <c r="CC15" s="71">
        <v>10</v>
      </c>
      <c r="CD15" s="72">
        <v>19</v>
      </c>
      <c r="CE15" s="244"/>
      <c r="CF15" s="71">
        <v>25</v>
      </c>
      <c r="CG15" s="71">
        <v>17</v>
      </c>
      <c r="CH15" s="71">
        <v>13</v>
      </c>
      <c r="CI15" s="71">
        <v>8</v>
      </c>
      <c r="CJ15" s="71">
        <v>16</v>
      </c>
      <c r="CK15" s="72">
        <v>79</v>
      </c>
      <c r="CL15" s="73">
        <v>98</v>
      </c>
      <c r="CM15" s="70">
        <v>472</v>
      </c>
      <c r="CN15" s="71">
        <v>352</v>
      </c>
      <c r="CO15" s="72">
        <v>824</v>
      </c>
      <c r="CP15" s="244"/>
      <c r="CQ15" s="71">
        <v>896</v>
      </c>
      <c r="CR15" s="71">
        <v>550</v>
      </c>
      <c r="CS15" s="71">
        <v>486</v>
      </c>
      <c r="CT15" s="71">
        <v>410</v>
      </c>
      <c r="CU15" s="71">
        <v>222</v>
      </c>
      <c r="CV15" s="72">
        <v>2564</v>
      </c>
      <c r="CW15" s="73">
        <v>3388</v>
      </c>
      <c r="CX15" s="123">
        <v>968</v>
      </c>
      <c r="CY15" s="82">
        <v>756</v>
      </c>
      <c r="CZ15" s="83">
        <v>1724</v>
      </c>
      <c r="DA15" s="241"/>
      <c r="DB15" s="82">
        <v>1819</v>
      </c>
      <c r="DC15" s="82">
        <v>1031</v>
      </c>
      <c r="DD15" s="82">
        <v>906</v>
      </c>
      <c r="DE15" s="82">
        <v>950</v>
      </c>
      <c r="DF15" s="82">
        <v>536</v>
      </c>
      <c r="DG15" s="84">
        <v>5242</v>
      </c>
      <c r="DH15" s="85">
        <v>6966</v>
      </c>
      <c r="DI15" s="70">
        <v>23</v>
      </c>
      <c r="DJ15" s="71">
        <v>19</v>
      </c>
      <c r="DK15" s="72">
        <v>42</v>
      </c>
      <c r="DL15" s="244"/>
      <c r="DM15" s="71">
        <v>46</v>
      </c>
      <c r="DN15" s="71">
        <v>23</v>
      </c>
      <c r="DO15" s="71">
        <v>13</v>
      </c>
      <c r="DP15" s="71">
        <v>17</v>
      </c>
      <c r="DQ15" s="71">
        <v>13</v>
      </c>
      <c r="DR15" s="72">
        <v>112</v>
      </c>
      <c r="DS15" s="73">
        <v>154</v>
      </c>
      <c r="DT15" s="70">
        <v>73</v>
      </c>
      <c r="DU15" s="71">
        <v>54</v>
      </c>
      <c r="DV15" s="72">
        <v>127</v>
      </c>
      <c r="DW15" s="244"/>
      <c r="DX15" s="71">
        <v>103</v>
      </c>
      <c r="DY15" s="71">
        <v>57</v>
      </c>
      <c r="DZ15" s="71">
        <v>56</v>
      </c>
      <c r="EA15" s="71">
        <v>43</v>
      </c>
      <c r="EB15" s="71">
        <v>37</v>
      </c>
      <c r="EC15" s="72">
        <v>296</v>
      </c>
      <c r="ED15" s="73">
        <v>423</v>
      </c>
      <c r="EE15" s="70">
        <v>114</v>
      </c>
      <c r="EF15" s="71">
        <v>100</v>
      </c>
      <c r="EG15" s="72">
        <v>214</v>
      </c>
      <c r="EH15" s="244"/>
      <c r="EI15" s="71">
        <v>181</v>
      </c>
      <c r="EJ15" s="71">
        <v>117</v>
      </c>
      <c r="EK15" s="71">
        <v>101</v>
      </c>
      <c r="EL15" s="71">
        <v>82</v>
      </c>
      <c r="EM15" s="71">
        <v>47</v>
      </c>
      <c r="EN15" s="72">
        <v>528</v>
      </c>
      <c r="EO15" s="73">
        <v>742</v>
      </c>
      <c r="EP15" s="70">
        <v>303</v>
      </c>
      <c r="EQ15" s="71">
        <v>209</v>
      </c>
      <c r="ER15" s="72">
        <v>512</v>
      </c>
      <c r="ES15" s="244"/>
      <c r="ET15" s="71">
        <v>406</v>
      </c>
      <c r="EU15" s="71">
        <v>205</v>
      </c>
      <c r="EV15" s="71">
        <v>140</v>
      </c>
      <c r="EW15" s="71">
        <v>155</v>
      </c>
      <c r="EX15" s="71">
        <v>85</v>
      </c>
      <c r="EY15" s="72">
        <v>991</v>
      </c>
      <c r="EZ15" s="73">
        <v>1503</v>
      </c>
      <c r="FA15" s="70">
        <v>296</v>
      </c>
      <c r="FB15" s="71">
        <v>223</v>
      </c>
      <c r="FC15" s="72">
        <v>519</v>
      </c>
      <c r="FD15" s="244"/>
      <c r="FE15" s="71">
        <v>586</v>
      </c>
      <c r="FF15" s="71">
        <v>292</v>
      </c>
      <c r="FG15" s="71">
        <v>250</v>
      </c>
      <c r="FH15" s="71">
        <v>243</v>
      </c>
      <c r="FI15" s="71">
        <v>155</v>
      </c>
      <c r="FJ15" s="72">
        <v>1526</v>
      </c>
      <c r="FK15" s="73">
        <v>2045</v>
      </c>
      <c r="FL15" s="70">
        <v>159</v>
      </c>
      <c r="FM15" s="71">
        <v>151</v>
      </c>
      <c r="FN15" s="72">
        <v>310</v>
      </c>
      <c r="FO15" s="244"/>
      <c r="FP15" s="71">
        <v>497</v>
      </c>
      <c r="FQ15" s="71">
        <v>337</v>
      </c>
      <c r="FR15" s="71">
        <v>346</v>
      </c>
      <c r="FS15" s="71">
        <v>410</v>
      </c>
      <c r="FT15" s="71">
        <v>199</v>
      </c>
      <c r="FU15" s="72">
        <v>1789</v>
      </c>
      <c r="FV15" s="73">
        <v>2099</v>
      </c>
      <c r="FW15" s="70">
        <v>8</v>
      </c>
      <c r="FX15" s="71">
        <v>10</v>
      </c>
      <c r="FY15" s="72">
        <v>18</v>
      </c>
      <c r="FZ15" s="244"/>
      <c r="GA15" s="71">
        <v>28</v>
      </c>
      <c r="GB15" s="71">
        <v>18</v>
      </c>
      <c r="GC15" s="71">
        <v>13</v>
      </c>
      <c r="GD15" s="71">
        <v>12</v>
      </c>
      <c r="GE15" s="71">
        <v>11</v>
      </c>
      <c r="GF15" s="72">
        <v>82</v>
      </c>
      <c r="GG15" s="73">
        <v>100</v>
      </c>
      <c r="GH15" s="70">
        <v>976</v>
      </c>
      <c r="GI15" s="71">
        <v>766</v>
      </c>
      <c r="GJ15" s="72">
        <v>1742</v>
      </c>
      <c r="GK15" s="244"/>
      <c r="GL15" s="71">
        <v>1847</v>
      </c>
      <c r="GM15" s="71">
        <v>1049</v>
      </c>
      <c r="GN15" s="71">
        <v>919</v>
      </c>
      <c r="GO15" s="71">
        <v>962</v>
      </c>
      <c r="GP15" s="71">
        <v>547</v>
      </c>
      <c r="GQ15" s="72">
        <v>5324</v>
      </c>
      <c r="GR15" s="73">
        <v>7066</v>
      </c>
      <c r="GS15" s="123">
        <v>1431</v>
      </c>
      <c r="GT15" s="82">
        <v>1098</v>
      </c>
      <c r="GU15" s="83">
        <v>2529</v>
      </c>
      <c r="GV15" s="241"/>
      <c r="GW15" s="82">
        <v>2690</v>
      </c>
      <c r="GX15" s="82">
        <v>1564</v>
      </c>
      <c r="GY15" s="82">
        <v>1379</v>
      </c>
      <c r="GZ15" s="82">
        <v>1352</v>
      </c>
      <c r="HA15" s="82">
        <v>742</v>
      </c>
      <c r="HB15" s="84">
        <v>7727</v>
      </c>
      <c r="HC15" s="85">
        <v>10256</v>
      </c>
      <c r="HD15" s="70">
        <v>44</v>
      </c>
      <c r="HE15" s="71">
        <v>32</v>
      </c>
      <c r="HF15" s="72">
        <v>76</v>
      </c>
      <c r="HG15" s="244"/>
      <c r="HH15" s="71">
        <v>99</v>
      </c>
      <c r="HI15" s="71">
        <v>49</v>
      </c>
      <c r="HJ15" s="71">
        <v>32</v>
      </c>
      <c r="HK15" s="71">
        <v>33</v>
      </c>
      <c r="HL15" s="71">
        <v>22</v>
      </c>
      <c r="HM15" s="72">
        <v>235</v>
      </c>
      <c r="HN15" s="73">
        <v>311</v>
      </c>
      <c r="HO15" s="70">
        <v>127</v>
      </c>
      <c r="HP15" s="71">
        <v>101</v>
      </c>
      <c r="HQ15" s="72">
        <v>228</v>
      </c>
      <c r="HR15" s="244"/>
      <c r="HS15" s="71">
        <v>206</v>
      </c>
      <c r="HT15" s="71">
        <v>112</v>
      </c>
      <c r="HU15" s="71">
        <v>113</v>
      </c>
      <c r="HV15" s="71">
        <v>80</v>
      </c>
      <c r="HW15" s="71">
        <v>67</v>
      </c>
      <c r="HX15" s="72">
        <v>578</v>
      </c>
      <c r="HY15" s="73">
        <v>806</v>
      </c>
      <c r="HZ15" s="70">
        <v>182</v>
      </c>
      <c r="IA15" s="71">
        <v>159</v>
      </c>
      <c r="IB15" s="72">
        <v>341</v>
      </c>
      <c r="IC15" s="244"/>
      <c r="ID15" s="71">
        <v>334</v>
      </c>
      <c r="IE15" s="71">
        <v>212</v>
      </c>
      <c r="IF15" s="71">
        <v>184</v>
      </c>
      <c r="IG15" s="71">
        <v>158</v>
      </c>
      <c r="IH15" s="71">
        <v>87</v>
      </c>
      <c r="II15" s="72">
        <v>975</v>
      </c>
      <c r="IJ15" s="73">
        <v>1316</v>
      </c>
      <c r="IK15" s="70">
        <v>424</v>
      </c>
      <c r="IL15" s="71">
        <v>283</v>
      </c>
      <c r="IM15" s="72">
        <v>707</v>
      </c>
      <c r="IN15" s="244"/>
      <c r="IO15" s="71">
        <v>618</v>
      </c>
      <c r="IP15" s="71">
        <v>332</v>
      </c>
      <c r="IQ15" s="71">
        <v>247</v>
      </c>
      <c r="IR15" s="71">
        <v>241</v>
      </c>
      <c r="IS15" s="71">
        <v>131</v>
      </c>
      <c r="IT15" s="72">
        <v>1569</v>
      </c>
      <c r="IU15" s="73">
        <v>2276</v>
      </c>
      <c r="IV15" s="70">
        <v>421</v>
      </c>
      <c r="IW15" s="71">
        <v>319</v>
      </c>
      <c r="IX15" s="72">
        <v>740</v>
      </c>
      <c r="IY15" s="244"/>
      <c r="IZ15" s="71">
        <v>787</v>
      </c>
      <c r="JA15" s="71">
        <v>419</v>
      </c>
      <c r="JB15" s="71">
        <v>354</v>
      </c>
      <c r="JC15" s="71">
        <v>350</v>
      </c>
      <c r="JD15" s="71">
        <v>193</v>
      </c>
      <c r="JE15" s="72">
        <v>2103</v>
      </c>
      <c r="JF15" s="73">
        <v>2843</v>
      </c>
      <c r="JG15" s="70">
        <v>233</v>
      </c>
      <c r="JH15" s="71">
        <v>204</v>
      </c>
      <c r="JI15" s="72">
        <v>437</v>
      </c>
      <c r="JJ15" s="244">
        <v>0</v>
      </c>
      <c r="JK15" s="71">
        <v>646</v>
      </c>
      <c r="JL15" s="71">
        <v>440</v>
      </c>
      <c r="JM15" s="71">
        <v>449</v>
      </c>
      <c r="JN15" s="71">
        <v>490</v>
      </c>
      <c r="JO15" s="71">
        <v>242</v>
      </c>
      <c r="JP15" s="72">
        <v>2267</v>
      </c>
      <c r="JQ15" s="73">
        <v>2704</v>
      </c>
      <c r="JR15" s="70">
        <v>17</v>
      </c>
      <c r="JS15" s="71">
        <v>20</v>
      </c>
      <c r="JT15" s="72">
        <v>37</v>
      </c>
      <c r="JU15" s="244"/>
      <c r="JV15" s="71">
        <v>53</v>
      </c>
      <c r="JW15" s="71">
        <v>35</v>
      </c>
      <c r="JX15" s="71">
        <v>26</v>
      </c>
      <c r="JY15" s="71">
        <v>20</v>
      </c>
      <c r="JZ15" s="71">
        <v>27</v>
      </c>
      <c r="KA15" s="72">
        <v>161</v>
      </c>
      <c r="KB15" s="73">
        <v>198</v>
      </c>
      <c r="KC15" s="70">
        <v>1448</v>
      </c>
      <c r="KD15" s="71">
        <v>1118</v>
      </c>
      <c r="KE15" s="72">
        <v>2566</v>
      </c>
      <c r="KF15" s="244"/>
      <c r="KG15" s="71">
        <v>2743</v>
      </c>
      <c r="KH15" s="71">
        <v>1599</v>
      </c>
      <c r="KI15" s="71">
        <v>1405</v>
      </c>
      <c r="KJ15" s="71">
        <v>1372</v>
      </c>
      <c r="KK15" s="71">
        <v>769</v>
      </c>
      <c r="KL15" s="72">
        <v>7888</v>
      </c>
      <c r="KM15" s="73">
        <v>10454</v>
      </c>
    </row>
    <row r="16" spans="2:299" ht="19.5" customHeight="1" x14ac:dyDescent="0.2">
      <c r="B16" s="126" t="s">
        <v>12</v>
      </c>
      <c r="C16" s="316">
        <v>713</v>
      </c>
      <c r="D16" s="82">
        <v>561</v>
      </c>
      <c r="E16" s="83">
        <v>1274</v>
      </c>
      <c r="F16" s="241"/>
      <c r="G16" s="82">
        <v>678</v>
      </c>
      <c r="H16" s="82">
        <v>597</v>
      </c>
      <c r="I16" s="82">
        <v>483</v>
      </c>
      <c r="J16" s="82">
        <v>426</v>
      </c>
      <c r="K16" s="82">
        <v>228</v>
      </c>
      <c r="L16" s="84">
        <v>2412</v>
      </c>
      <c r="M16" s="85">
        <v>3686</v>
      </c>
      <c r="N16" s="86">
        <v>23</v>
      </c>
      <c r="O16" s="71">
        <v>33</v>
      </c>
      <c r="P16" s="72">
        <v>56</v>
      </c>
      <c r="Q16" s="244"/>
      <c r="R16" s="71">
        <v>14</v>
      </c>
      <c r="S16" s="71">
        <v>32</v>
      </c>
      <c r="T16" s="71">
        <v>25</v>
      </c>
      <c r="U16" s="71">
        <v>17</v>
      </c>
      <c r="V16" s="71">
        <v>15</v>
      </c>
      <c r="W16" s="72">
        <v>103</v>
      </c>
      <c r="X16" s="73">
        <v>159</v>
      </c>
      <c r="Y16" s="70">
        <v>64</v>
      </c>
      <c r="Z16" s="71">
        <v>63</v>
      </c>
      <c r="AA16" s="72">
        <v>127</v>
      </c>
      <c r="AB16" s="244"/>
      <c r="AC16" s="71">
        <v>59</v>
      </c>
      <c r="AD16" s="71">
        <v>41</v>
      </c>
      <c r="AE16" s="71">
        <v>47</v>
      </c>
      <c r="AF16" s="71">
        <v>35</v>
      </c>
      <c r="AG16" s="71">
        <v>28</v>
      </c>
      <c r="AH16" s="72">
        <v>210</v>
      </c>
      <c r="AI16" s="73">
        <v>337</v>
      </c>
      <c r="AJ16" s="86">
        <v>90</v>
      </c>
      <c r="AK16" s="71">
        <v>88</v>
      </c>
      <c r="AL16" s="72">
        <v>178</v>
      </c>
      <c r="AM16" s="244"/>
      <c r="AN16" s="71">
        <v>79</v>
      </c>
      <c r="AO16" s="71">
        <v>92</v>
      </c>
      <c r="AP16" s="71">
        <v>74</v>
      </c>
      <c r="AQ16" s="71">
        <v>58</v>
      </c>
      <c r="AR16" s="71">
        <v>43</v>
      </c>
      <c r="AS16" s="72">
        <v>346</v>
      </c>
      <c r="AT16" s="73">
        <v>524</v>
      </c>
      <c r="AU16" s="70">
        <v>185</v>
      </c>
      <c r="AV16" s="71">
        <v>136</v>
      </c>
      <c r="AW16" s="72">
        <v>321</v>
      </c>
      <c r="AX16" s="244"/>
      <c r="AY16" s="71">
        <v>178</v>
      </c>
      <c r="AZ16" s="71">
        <v>155</v>
      </c>
      <c r="BA16" s="71">
        <v>99</v>
      </c>
      <c r="BB16" s="71">
        <v>95</v>
      </c>
      <c r="BC16" s="71">
        <v>61</v>
      </c>
      <c r="BD16" s="72">
        <v>588</v>
      </c>
      <c r="BE16" s="73">
        <v>909</v>
      </c>
      <c r="BF16" s="86">
        <v>221</v>
      </c>
      <c r="BG16" s="71">
        <v>132</v>
      </c>
      <c r="BH16" s="72">
        <v>353</v>
      </c>
      <c r="BI16" s="244"/>
      <c r="BJ16" s="71">
        <v>210</v>
      </c>
      <c r="BK16" s="71">
        <v>153</v>
      </c>
      <c r="BL16" s="71">
        <v>136</v>
      </c>
      <c r="BM16" s="71">
        <v>126</v>
      </c>
      <c r="BN16" s="71">
        <v>45</v>
      </c>
      <c r="BO16" s="72">
        <v>670</v>
      </c>
      <c r="BP16" s="73">
        <v>1023</v>
      </c>
      <c r="BQ16" s="70">
        <v>130</v>
      </c>
      <c r="BR16" s="71">
        <v>109</v>
      </c>
      <c r="BS16" s="72">
        <v>239</v>
      </c>
      <c r="BT16" s="244"/>
      <c r="BU16" s="71">
        <v>138</v>
      </c>
      <c r="BV16" s="71">
        <v>124</v>
      </c>
      <c r="BW16" s="71">
        <v>102</v>
      </c>
      <c r="BX16" s="71">
        <v>95</v>
      </c>
      <c r="BY16" s="71">
        <v>36</v>
      </c>
      <c r="BZ16" s="72">
        <v>495</v>
      </c>
      <c r="CA16" s="73">
        <v>734</v>
      </c>
      <c r="CB16" s="70">
        <v>15</v>
      </c>
      <c r="CC16" s="71">
        <v>22</v>
      </c>
      <c r="CD16" s="72">
        <v>37</v>
      </c>
      <c r="CE16" s="244"/>
      <c r="CF16" s="71">
        <v>10</v>
      </c>
      <c r="CG16" s="71">
        <v>20</v>
      </c>
      <c r="CH16" s="71">
        <v>13</v>
      </c>
      <c r="CI16" s="71">
        <v>17</v>
      </c>
      <c r="CJ16" s="71">
        <v>11</v>
      </c>
      <c r="CK16" s="72">
        <v>71</v>
      </c>
      <c r="CL16" s="73">
        <v>108</v>
      </c>
      <c r="CM16" s="70">
        <v>728</v>
      </c>
      <c r="CN16" s="71">
        <v>583</v>
      </c>
      <c r="CO16" s="72">
        <v>1311</v>
      </c>
      <c r="CP16" s="244"/>
      <c r="CQ16" s="71">
        <v>688</v>
      </c>
      <c r="CR16" s="71">
        <v>617</v>
      </c>
      <c r="CS16" s="71">
        <v>496</v>
      </c>
      <c r="CT16" s="71">
        <v>443</v>
      </c>
      <c r="CU16" s="71">
        <v>239</v>
      </c>
      <c r="CV16" s="72">
        <v>2483</v>
      </c>
      <c r="CW16" s="73">
        <v>3794</v>
      </c>
      <c r="CX16" s="123">
        <v>1326</v>
      </c>
      <c r="CY16" s="82">
        <v>1279</v>
      </c>
      <c r="CZ16" s="83">
        <v>2605</v>
      </c>
      <c r="DA16" s="241"/>
      <c r="DB16" s="82">
        <v>1383</v>
      </c>
      <c r="DC16" s="82">
        <v>1029</v>
      </c>
      <c r="DD16" s="82">
        <v>939</v>
      </c>
      <c r="DE16" s="82">
        <v>1011</v>
      </c>
      <c r="DF16" s="82">
        <v>659</v>
      </c>
      <c r="DG16" s="84">
        <v>5021</v>
      </c>
      <c r="DH16" s="85">
        <v>7626</v>
      </c>
      <c r="DI16" s="86">
        <v>27</v>
      </c>
      <c r="DJ16" s="71">
        <v>37</v>
      </c>
      <c r="DK16" s="72">
        <v>64</v>
      </c>
      <c r="DL16" s="244"/>
      <c r="DM16" s="71">
        <v>19</v>
      </c>
      <c r="DN16" s="71">
        <v>20</v>
      </c>
      <c r="DO16" s="71">
        <v>21</v>
      </c>
      <c r="DP16" s="71">
        <v>12</v>
      </c>
      <c r="DQ16" s="71">
        <v>14</v>
      </c>
      <c r="DR16" s="72">
        <v>86</v>
      </c>
      <c r="DS16" s="73">
        <v>150</v>
      </c>
      <c r="DT16" s="70">
        <v>80</v>
      </c>
      <c r="DU16" s="71">
        <v>101</v>
      </c>
      <c r="DV16" s="72">
        <v>181</v>
      </c>
      <c r="DW16" s="244"/>
      <c r="DX16" s="71">
        <v>57</v>
      </c>
      <c r="DY16" s="71">
        <v>54</v>
      </c>
      <c r="DZ16" s="71">
        <v>38</v>
      </c>
      <c r="EA16" s="71">
        <v>43</v>
      </c>
      <c r="EB16" s="71">
        <v>44</v>
      </c>
      <c r="EC16" s="72">
        <v>236</v>
      </c>
      <c r="ED16" s="73">
        <v>417</v>
      </c>
      <c r="EE16" s="86">
        <v>193</v>
      </c>
      <c r="EF16" s="71">
        <v>182</v>
      </c>
      <c r="EG16" s="72">
        <v>375</v>
      </c>
      <c r="EH16" s="244"/>
      <c r="EI16" s="71">
        <v>128</v>
      </c>
      <c r="EJ16" s="71">
        <v>106</v>
      </c>
      <c r="EK16" s="71">
        <v>89</v>
      </c>
      <c r="EL16" s="71">
        <v>84</v>
      </c>
      <c r="EM16" s="71">
        <v>62</v>
      </c>
      <c r="EN16" s="72">
        <v>469</v>
      </c>
      <c r="EO16" s="73">
        <v>844</v>
      </c>
      <c r="EP16" s="70">
        <v>377</v>
      </c>
      <c r="EQ16" s="71">
        <v>325</v>
      </c>
      <c r="ER16" s="72">
        <v>702</v>
      </c>
      <c r="ES16" s="244"/>
      <c r="ET16" s="71">
        <v>330</v>
      </c>
      <c r="EU16" s="71">
        <v>199</v>
      </c>
      <c r="EV16" s="71">
        <v>152</v>
      </c>
      <c r="EW16" s="71">
        <v>167</v>
      </c>
      <c r="EX16" s="71">
        <v>123</v>
      </c>
      <c r="EY16" s="72">
        <v>971</v>
      </c>
      <c r="EZ16" s="73">
        <v>1673</v>
      </c>
      <c r="FA16" s="86">
        <v>404</v>
      </c>
      <c r="FB16" s="71">
        <v>369</v>
      </c>
      <c r="FC16" s="72">
        <v>773</v>
      </c>
      <c r="FD16" s="244"/>
      <c r="FE16" s="71">
        <v>440</v>
      </c>
      <c r="FF16" s="71">
        <v>324</v>
      </c>
      <c r="FG16" s="71">
        <v>271</v>
      </c>
      <c r="FH16" s="71">
        <v>279</v>
      </c>
      <c r="FI16" s="71">
        <v>146</v>
      </c>
      <c r="FJ16" s="72">
        <v>1460</v>
      </c>
      <c r="FK16" s="73">
        <v>2233</v>
      </c>
      <c r="FL16" s="70">
        <v>245</v>
      </c>
      <c r="FM16" s="71">
        <v>265</v>
      </c>
      <c r="FN16" s="72">
        <v>510</v>
      </c>
      <c r="FO16" s="244"/>
      <c r="FP16" s="71">
        <v>409</v>
      </c>
      <c r="FQ16" s="71">
        <v>326</v>
      </c>
      <c r="FR16" s="71">
        <v>368</v>
      </c>
      <c r="FS16" s="71">
        <v>426</v>
      </c>
      <c r="FT16" s="71">
        <v>270</v>
      </c>
      <c r="FU16" s="72">
        <v>1799</v>
      </c>
      <c r="FV16" s="73">
        <v>2309</v>
      </c>
      <c r="FW16" s="70">
        <v>14</v>
      </c>
      <c r="FX16" s="71">
        <v>23</v>
      </c>
      <c r="FY16" s="72">
        <v>37</v>
      </c>
      <c r="FZ16" s="244"/>
      <c r="GA16" s="71">
        <v>16</v>
      </c>
      <c r="GB16" s="71">
        <v>9</v>
      </c>
      <c r="GC16" s="71">
        <v>10</v>
      </c>
      <c r="GD16" s="71">
        <v>22</v>
      </c>
      <c r="GE16" s="71">
        <v>8</v>
      </c>
      <c r="GF16" s="72">
        <v>65</v>
      </c>
      <c r="GG16" s="73">
        <v>102</v>
      </c>
      <c r="GH16" s="70">
        <v>1340</v>
      </c>
      <c r="GI16" s="71">
        <v>1302</v>
      </c>
      <c r="GJ16" s="72">
        <v>2642</v>
      </c>
      <c r="GK16" s="244"/>
      <c r="GL16" s="71">
        <v>1399</v>
      </c>
      <c r="GM16" s="71">
        <v>1038</v>
      </c>
      <c r="GN16" s="71">
        <v>949</v>
      </c>
      <c r="GO16" s="71">
        <v>1033</v>
      </c>
      <c r="GP16" s="71">
        <v>667</v>
      </c>
      <c r="GQ16" s="72">
        <v>5086</v>
      </c>
      <c r="GR16" s="73">
        <v>7728</v>
      </c>
      <c r="GS16" s="123">
        <v>2039</v>
      </c>
      <c r="GT16" s="82">
        <v>1840</v>
      </c>
      <c r="GU16" s="83">
        <v>3879</v>
      </c>
      <c r="GV16" s="241"/>
      <c r="GW16" s="82">
        <v>2061</v>
      </c>
      <c r="GX16" s="82">
        <v>1626</v>
      </c>
      <c r="GY16" s="82">
        <v>1422</v>
      </c>
      <c r="GZ16" s="82">
        <v>1437</v>
      </c>
      <c r="HA16" s="82">
        <v>887</v>
      </c>
      <c r="HB16" s="84">
        <v>7433</v>
      </c>
      <c r="HC16" s="85">
        <v>11312</v>
      </c>
      <c r="HD16" s="86">
        <v>50</v>
      </c>
      <c r="HE16" s="71">
        <v>70</v>
      </c>
      <c r="HF16" s="72">
        <v>120</v>
      </c>
      <c r="HG16" s="244"/>
      <c r="HH16" s="71">
        <v>33</v>
      </c>
      <c r="HI16" s="71">
        <v>52</v>
      </c>
      <c r="HJ16" s="71">
        <v>46</v>
      </c>
      <c r="HK16" s="71">
        <v>29</v>
      </c>
      <c r="HL16" s="71">
        <v>29</v>
      </c>
      <c r="HM16" s="72">
        <v>189</v>
      </c>
      <c r="HN16" s="73">
        <v>309</v>
      </c>
      <c r="HO16" s="70">
        <v>144</v>
      </c>
      <c r="HP16" s="71">
        <v>164</v>
      </c>
      <c r="HQ16" s="72">
        <v>308</v>
      </c>
      <c r="HR16" s="244"/>
      <c r="HS16" s="71">
        <v>116</v>
      </c>
      <c r="HT16" s="71">
        <v>95</v>
      </c>
      <c r="HU16" s="71">
        <v>85</v>
      </c>
      <c r="HV16" s="71">
        <v>78</v>
      </c>
      <c r="HW16" s="71">
        <v>72</v>
      </c>
      <c r="HX16" s="72">
        <v>446</v>
      </c>
      <c r="HY16" s="73">
        <v>754</v>
      </c>
      <c r="HZ16" s="86">
        <v>283</v>
      </c>
      <c r="IA16" s="71">
        <v>270</v>
      </c>
      <c r="IB16" s="72">
        <v>553</v>
      </c>
      <c r="IC16" s="244"/>
      <c r="ID16" s="71">
        <v>207</v>
      </c>
      <c r="IE16" s="71">
        <v>198</v>
      </c>
      <c r="IF16" s="71">
        <v>163</v>
      </c>
      <c r="IG16" s="71">
        <v>142</v>
      </c>
      <c r="IH16" s="71">
        <v>105</v>
      </c>
      <c r="II16" s="72">
        <v>815</v>
      </c>
      <c r="IJ16" s="73">
        <v>1368</v>
      </c>
      <c r="IK16" s="70">
        <v>562</v>
      </c>
      <c r="IL16" s="71">
        <v>461</v>
      </c>
      <c r="IM16" s="72">
        <v>1023</v>
      </c>
      <c r="IN16" s="244"/>
      <c r="IO16" s="71">
        <v>508</v>
      </c>
      <c r="IP16" s="71">
        <v>354</v>
      </c>
      <c r="IQ16" s="71">
        <v>251</v>
      </c>
      <c r="IR16" s="71">
        <v>262</v>
      </c>
      <c r="IS16" s="71">
        <v>184</v>
      </c>
      <c r="IT16" s="72">
        <v>1559</v>
      </c>
      <c r="IU16" s="73">
        <v>2582</v>
      </c>
      <c r="IV16" s="86">
        <v>625</v>
      </c>
      <c r="IW16" s="71">
        <v>501</v>
      </c>
      <c r="IX16" s="72">
        <v>1126</v>
      </c>
      <c r="IY16" s="244"/>
      <c r="IZ16" s="71">
        <v>650</v>
      </c>
      <c r="JA16" s="71">
        <v>477</v>
      </c>
      <c r="JB16" s="71">
        <v>407</v>
      </c>
      <c r="JC16" s="71">
        <v>405</v>
      </c>
      <c r="JD16" s="71">
        <v>191</v>
      </c>
      <c r="JE16" s="72">
        <v>2130</v>
      </c>
      <c r="JF16" s="73">
        <v>3256</v>
      </c>
      <c r="JG16" s="70">
        <v>375</v>
      </c>
      <c r="JH16" s="71">
        <v>374</v>
      </c>
      <c r="JI16" s="72">
        <v>749</v>
      </c>
      <c r="JJ16" s="244">
        <v>0</v>
      </c>
      <c r="JK16" s="71">
        <v>547</v>
      </c>
      <c r="JL16" s="71">
        <v>450</v>
      </c>
      <c r="JM16" s="71">
        <v>470</v>
      </c>
      <c r="JN16" s="71">
        <v>521</v>
      </c>
      <c r="JO16" s="71">
        <v>306</v>
      </c>
      <c r="JP16" s="72">
        <v>2294</v>
      </c>
      <c r="JQ16" s="73">
        <v>3043</v>
      </c>
      <c r="JR16" s="70">
        <v>29</v>
      </c>
      <c r="JS16" s="71">
        <v>45</v>
      </c>
      <c r="JT16" s="72">
        <v>74</v>
      </c>
      <c r="JU16" s="244"/>
      <c r="JV16" s="71">
        <v>26</v>
      </c>
      <c r="JW16" s="71">
        <v>29</v>
      </c>
      <c r="JX16" s="71">
        <v>23</v>
      </c>
      <c r="JY16" s="71">
        <v>39</v>
      </c>
      <c r="JZ16" s="71">
        <v>19</v>
      </c>
      <c r="KA16" s="72">
        <v>136</v>
      </c>
      <c r="KB16" s="73">
        <v>210</v>
      </c>
      <c r="KC16" s="70">
        <v>2068</v>
      </c>
      <c r="KD16" s="71">
        <v>1885</v>
      </c>
      <c r="KE16" s="72">
        <v>3953</v>
      </c>
      <c r="KF16" s="244"/>
      <c r="KG16" s="71">
        <v>2087</v>
      </c>
      <c r="KH16" s="71">
        <v>1655</v>
      </c>
      <c r="KI16" s="71">
        <v>1445</v>
      </c>
      <c r="KJ16" s="71">
        <v>1476</v>
      </c>
      <c r="KK16" s="71">
        <v>906</v>
      </c>
      <c r="KL16" s="72">
        <v>7569</v>
      </c>
      <c r="KM16" s="73">
        <v>11522</v>
      </c>
    </row>
    <row r="17" spans="2:299" ht="19.5" customHeight="1" x14ac:dyDescent="0.2">
      <c r="B17" s="126" t="s">
        <v>13</v>
      </c>
      <c r="C17" s="316">
        <v>142</v>
      </c>
      <c r="D17" s="82">
        <v>182</v>
      </c>
      <c r="E17" s="83">
        <v>324</v>
      </c>
      <c r="F17" s="241"/>
      <c r="G17" s="82">
        <v>295</v>
      </c>
      <c r="H17" s="82">
        <v>252</v>
      </c>
      <c r="I17" s="82">
        <v>185</v>
      </c>
      <c r="J17" s="82">
        <v>156</v>
      </c>
      <c r="K17" s="82">
        <v>99</v>
      </c>
      <c r="L17" s="84">
        <v>987</v>
      </c>
      <c r="M17" s="85">
        <v>1311</v>
      </c>
      <c r="N17" s="70">
        <v>4</v>
      </c>
      <c r="O17" s="71">
        <v>1</v>
      </c>
      <c r="P17" s="72">
        <v>5</v>
      </c>
      <c r="Q17" s="244"/>
      <c r="R17" s="71">
        <v>15</v>
      </c>
      <c r="S17" s="71">
        <v>8</v>
      </c>
      <c r="T17" s="71">
        <v>5</v>
      </c>
      <c r="U17" s="71">
        <v>6</v>
      </c>
      <c r="V17" s="71">
        <v>3</v>
      </c>
      <c r="W17" s="72">
        <v>37</v>
      </c>
      <c r="X17" s="73">
        <v>42</v>
      </c>
      <c r="Y17" s="70">
        <v>11</v>
      </c>
      <c r="Z17" s="71">
        <v>12</v>
      </c>
      <c r="AA17" s="72">
        <v>23</v>
      </c>
      <c r="AB17" s="244"/>
      <c r="AC17" s="71">
        <v>24</v>
      </c>
      <c r="AD17" s="71">
        <v>22</v>
      </c>
      <c r="AE17" s="71">
        <v>12</v>
      </c>
      <c r="AF17" s="71">
        <v>10</v>
      </c>
      <c r="AG17" s="71">
        <v>15</v>
      </c>
      <c r="AH17" s="72">
        <v>83</v>
      </c>
      <c r="AI17" s="73">
        <v>106</v>
      </c>
      <c r="AJ17" s="70">
        <v>21</v>
      </c>
      <c r="AK17" s="71">
        <v>14</v>
      </c>
      <c r="AL17" s="72">
        <v>35</v>
      </c>
      <c r="AM17" s="244"/>
      <c r="AN17" s="71">
        <v>31</v>
      </c>
      <c r="AO17" s="71">
        <v>34</v>
      </c>
      <c r="AP17" s="71">
        <v>23</v>
      </c>
      <c r="AQ17" s="71">
        <v>22</v>
      </c>
      <c r="AR17" s="71">
        <v>13</v>
      </c>
      <c r="AS17" s="72">
        <v>123</v>
      </c>
      <c r="AT17" s="73">
        <v>158</v>
      </c>
      <c r="AU17" s="70">
        <v>27</v>
      </c>
      <c r="AV17" s="71">
        <v>62</v>
      </c>
      <c r="AW17" s="72">
        <v>89</v>
      </c>
      <c r="AX17" s="244"/>
      <c r="AY17" s="71">
        <v>65</v>
      </c>
      <c r="AZ17" s="71">
        <v>38</v>
      </c>
      <c r="BA17" s="71">
        <v>41</v>
      </c>
      <c r="BB17" s="71">
        <v>35</v>
      </c>
      <c r="BC17" s="71">
        <v>25</v>
      </c>
      <c r="BD17" s="72">
        <v>204</v>
      </c>
      <c r="BE17" s="73">
        <v>293</v>
      </c>
      <c r="BF17" s="70">
        <v>48</v>
      </c>
      <c r="BG17" s="71">
        <v>56</v>
      </c>
      <c r="BH17" s="72">
        <v>104</v>
      </c>
      <c r="BI17" s="244"/>
      <c r="BJ17" s="71">
        <v>91</v>
      </c>
      <c r="BK17" s="71">
        <v>80</v>
      </c>
      <c r="BL17" s="71">
        <v>53</v>
      </c>
      <c r="BM17" s="71">
        <v>47</v>
      </c>
      <c r="BN17" s="71">
        <v>22</v>
      </c>
      <c r="BO17" s="72">
        <v>293</v>
      </c>
      <c r="BP17" s="73">
        <v>397</v>
      </c>
      <c r="BQ17" s="70">
        <v>31</v>
      </c>
      <c r="BR17" s="71">
        <v>37</v>
      </c>
      <c r="BS17" s="72">
        <v>68</v>
      </c>
      <c r="BT17" s="244"/>
      <c r="BU17" s="71">
        <v>69</v>
      </c>
      <c r="BV17" s="71">
        <v>70</v>
      </c>
      <c r="BW17" s="71">
        <v>51</v>
      </c>
      <c r="BX17" s="71">
        <v>36</v>
      </c>
      <c r="BY17" s="71">
        <v>21</v>
      </c>
      <c r="BZ17" s="72">
        <v>247</v>
      </c>
      <c r="CA17" s="73">
        <v>315</v>
      </c>
      <c r="CB17" s="70">
        <v>4</v>
      </c>
      <c r="CC17" s="71">
        <v>3</v>
      </c>
      <c r="CD17" s="72">
        <v>7</v>
      </c>
      <c r="CE17" s="244"/>
      <c r="CF17" s="71">
        <v>7</v>
      </c>
      <c r="CG17" s="71">
        <v>7</v>
      </c>
      <c r="CH17" s="71">
        <v>12</v>
      </c>
      <c r="CI17" s="71">
        <v>3</v>
      </c>
      <c r="CJ17" s="71">
        <v>6</v>
      </c>
      <c r="CK17" s="72">
        <v>35</v>
      </c>
      <c r="CL17" s="73">
        <v>42</v>
      </c>
      <c r="CM17" s="70">
        <v>146</v>
      </c>
      <c r="CN17" s="71">
        <v>185</v>
      </c>
      <c r="CO17" s="72">
        <v>331</v>
      </c>
      <c r="CP17" s="244"/>
      <c r="CQ17" s="71">
        <v>302</v>
      </c>
      <c r="CR17" s="71">
        <v>259</v>
      </c>
      <c r="CS17" s="71">
        <v>197</v>
      </c>
      <c r="CT17" s="71">
        <v>159</v>
      </c>
      <c r="CU17" s="71">
        <v>105</v>
      </c>
      <c r="CV17" s="72">
        <v>1022</v>
      </c>
      <c r="CW17" s="73">
        <v>1353</v>
      </c>
      <c r="CX17" s="123">
        <v>363</v>
      </c>
      <c r="CY17" s="82">
        <v>410</v>
      </c>
      <c r="CZ17" s="83">
        <v>773</v>
      </c>
      <c r="DA17" s="241"/>
      <c r="DB17" s="82">
        <v>593</v>
      </c>
      <c r="DC17" s="82">
        <v>487</v>
      </c>
      <c r="DD17" s="82">
        <v>342</v>
      </c>
      <c r="DE17" s="82">
        <v>375</v>
      </c>
      <c r="DF17" s="82">
        <v>305</v>
      </c>
      <c r="DG17" s="84">
        <v>2102</v>
      </c>
      <c r="DH17" s="85">
        <v>2875</v>
      </c>
      <c r="DI17" s="70">
        <v>3</v>
      </c>
      <c r="DJ17" s="71">
        <v>6</v>
      </c>
      <c r="DK17" s="72">
        <v>9</v>
      </c>
      <c r="DL17" s="244"/>
      <c r="DM17" s="71">
        <v>5</v>
      </c>
      <c r="DN17" s="71">
        <v>11</v>
      </c>
      <c r="DO17" s="71">
        <v>2</v>
      </c>
      <c r="DP17" s="71">
        <v>7</v>
      </c>
      <c r="DQ17" s="71">
        <v>4</v>
      </c>
      <c r="DR17" s="72">
        <v>29</v>
      </c>
      <c r="DS17" s="73">
        <v>38</v>
      </c>
      <c r="DT17" s="70">
        <v>16</v>
      </c>
      <c r="DU17" s="71">
        <v>32</v>
      </c>
      <c r="DV17" s="72">
        <v>48</v>
      </c>
      <c r="DW17" s="244"/>
      <c r="DX17" s="71">
        <v>26</v>
      </c>
      <c r="DY17" s="71">
        <v>26</v>
      </c>
      <c r="DZ17" s="71">
        <v>17</v>
      </c>
      <c r="EA17" s="71">
        <v>13</v>
      </c>
      <c r="EB17" s="71">
        <v>16</v>
      </c>
      <c r="EC17" s="72">
        <v>98</v>
      </c>
      <c r="ED17" s="73">
        <v>146</v>
      </c>
      <c r="EE17" s="70">
        <v>40</v>
      </c>
      <c r="EF17" s="71">
        <v>42</v>
      </c>
      <c r="EG17" s="72">
        <v>82</v>
      </c>
      <c r="EH17" s="244"/>
      <c r="EI17" s="71">
        <v>75</v>
      </c>
      <c r="EJ17" s="71">
        <v>51</v>
      </c>
      <c r="EK17" s="71">
        <v>27</v>
      </c>
      <c r="EL17" s="71">
        <v>20</v>
      </c>
      <c r="EM17" s="71">
        <v>28</v>
      </c>
      <c r="EN17" s="72">
        <v>201</v>
      </c>
      <c r="EO17" s="73">
        <v>283</v>
      </c>
      <c r="EP17" s="70">
        <v>110</v>
      </c>
      <c r="EQ17" s="71">
        <v>100</v>
      </c>
      <c r="ER17" s="72">
        <v>210</v>
      </c>
      <c r="ES17" s="244"/>
      <c r="ET17" s="71">
        <v>129</v>
      </c>
      <c r="EU17" s="71">
        <v>79</v>
      </c>
      <c r="EV17" s="71">
        <v>55</v>
      </c>
      <c r="EW17" s="71">
        <v>50</v>
      </c>
      <c r="EX17" s="71">
        <v>52</v>
      </c>
      <c r="EY17" s="72">
        <v>365</v>
      </c>
      <c r="EZ17" s="73">
        <v>575</v>
      </c>
      <c r="FA17" s="70">
        <v>118</v>
      </c>
      <c r="FB17" s="71">
        <v>126</v>
      </c>
      <c r="FC17" s="72">
        <v>244</v>
      </c>
      <c r="FD17" s="244"/>
      <c r="FE17" s="71">
        <v>206</v>
      </c>
      <c r="FF17" s="71">
        <v>135</v>
      </c>
      <c r="FG17" s="71">
        <v>92</v>
      </c>
      <c r="FH17" s="71">
        <v>105</v>
      </c>
      <c r="FI17" s="71">
        <v>73</v>
      </c>
      <c r="FJ17" s="72">
        <v>611</v>
      </c>
      <c r="FK17" s="73">
        <v>855</v>
      </c>
      <c r="FL17" s="70">
        <v>76</v>
      </c>
      <c r="FM17" s="71">
        <v>104</v>
      </c>
      <c r="FN17" s="72">
        <v>180</v>
      </c>
      <c r="FO17" s="244"/>
      <c r="FP17" s="71">
        <v>152</v>
      </c>
      <c r="FQ17" s="71">
        <v>185</v>
      </c>
      <c r="FR17" s="71">
        <v>149</v>
      </c>
      <c r="FS17" s="71">
        <v>180</v>
      </c>
      <c r="FT17" s="71">
        <v>132</v>
      </c>
      <c r="FU17" s="72">
        <v>798</v>
      </c>
      <c r="FV17" s="73">
        <v>978</v>
      </c>
      <c r="FW17" s="70">
        <v>2</v>
      </c>
      <c r="FX17" s="71">
        <v>1</v>
      </c>
      <c r="FY17" s="72">
        <v>3</v>
      </c>
      <c r="FZ17" s="244"/>
      <c r="GA17" s="71">
        <v>7</v>
      </c>
      <c r="GB17" s="71">
        <v>6</v>
      </c>
      <c r="GC17" s="71">
        <v>6</v>
      </c>
      <c r="GD17" s="71">
        <v>4</v>
      </c>
      <c r="GE17" s="71">
        <v>4</v>
      </c>
      <c r="GF17" s="72">
        <v>27</v>
      </c>
      <c r="GG17" s="73">
        <v>30</v>
      </c>
      <c r="GH17" s="70">
        <v>365</v>
      </c>
      <c r="GI17" s="71">
        <v>411</v>
      </c>
      <c r="GJ17" s="72">
        <v>776</v>
      </c>
      <c r="GK17" s="244"/>
      <c r="GL17" s="71">
        <v>600</v>
      </c>
      <c r="GM17" s="71">
        <v>493</v>
      </c>
      <c r="GN17" s="71">
        <v>348</v>
      </c>
      <c r="GO17" s="71">
        <v>379</v>
      </c>
      <c r="GP17" s="71">
        <v>309</v>
      </c>
      <c r="GQ17" s="72">
        <v>2129</v>
      </c>
      <c r="GR17" s="73">
        <v>2905</v>
      </c>
      <c r="GS17" s="123">
        <v>505</v>
      </c>
      <c r="GT17" s="82">
        <v>592</v>
      </c>
      <c r="GU17" s="83">
        <v>1097</v>
      </c>
      <c r="GV17" s="241"/>
      <c r="GW17" s="82">
        <v>888</v>
      </c>
      <c r="GX17" s="82">
        <v>739</v>
      </c>
      <c r="GY17" s="82">
        <v>527</v>
      </c>
      <c r="GZ17" s="82">
        <v>531</v>
      </c>
      <c r="HA17" s="82">
        <v>404</v>
      </c>
      <c r="HB17" s="84">
        <v>3089</v>
      </c>
      <c r="HC17" s="85">
        <v>4186</v>
      </c>
      <c r="HD17" s="70">
        <v>7</v>
      </c>
      <c r="HE17" s="71">
        <v>7</v>
      </c>
      <c r="HF17" s="72">
        <v>14</v>
      </c>
      <c r="HG17" s="244"/>
      <c r="HH17" s="71">
        <v>20</v>
      </c>
      <c r="HI17" s="71">
        <v>19</v>
      </c>
      <c r="HJ17" s="71">
        <v>7</v>
      </c>
      <c r="HK17" s="71">
        <v>13</v>
      </c>
      <c r="HL17" s="71">
        <v>7</v>
      </c>
      <c r="HM17" s="72">
        <v>66</v>
      </c>
      <c r="HN17" s="73">
        <v>80</v>
      </c>
      <c r="HO17" s="70">
        <v>27</v>
      </c>
      <c r="HP17" s="71">
        <v>44</v>
      </c>
      <c r="HQ17" s="72">
        <v>71</v>
      </c>
      <c r="HR17" s="244"/>
      <c r="HS17" s="71">
        <v>50</v>
      </c>
      <c r="HT17" s="71">
        <v>48</v>
      </c>
      <c r="HU17" s="71">
        <v>29</v>
      </c>
      <c r="HV17" s="71">
        <v>23</v>
      </c>
      <c r="HW17" s="71">
        <v>31</v>
      </c>
      <c r="HX17" s="72">
        <v>181</v>
      </c>
      <c r="HY17" s="73">
        <v>252</v>
      </c>
      <c r="HZ17" s="70">
        <v>61</v>
      </c>
      <c r="IA17" s="71">
        <v>56</v>
      </c>
      <c r="IB17" s="72">
        <v>117</v>
      </c>
      <c r="IC17" s="244"/>
      <c r="ID17" s="71">
        <v>106</v>
      </c>
      <c r="IE17" s="71">
        <v>85</v>
      </c>
      <c r="IF17" s="71">
        <v>50</v>
      </c>
      <c r="IG17" s="71">
        <v>42</v>
      </c>
      <c r="IH17" s="71">
        <v>41</v>
      </c>
      <c r="II17" s="72">
        <v>324</v>
      </c>
      <c r="IJ17" s="73">
        <v>441</v>
      </c>
      <c r="IK17" s="70">
        <v>137</v>
      </c>
      <c r="IL17" s="71">
        <v>162</v>
      </c>
      <c r="IM17" s="72">
        <v>299</v>
      </c>
      <c r="IN17" s="244"/>
      <c r="IO17" s="71">
        <v>194</v>
      </c>
      <c r="IP17" s="71">
        <v>117</v>
      </c>
      <c r="IQ17" s="71">
        <v>96</v>
      </c>
      <c r="IR17" s="71">
        <v>85</v>
      </c>
      <c r="IS17" s="71">
        <v>77</v>
      </c>
      <c r="IT17" s="72">
        <v>569</v>
      </c>
      <c r="IU17" s="73">
        <v>868</v>
      </c>
      <c r="IV17" s="70">
        <v>166</v>
      </c>
      <c r="IW17" s="71">
        <v>182</v>
      </c>
      <c r="IX17" s="72">
        <v>348</v>
      </c>
      <c r="IY17" s="244"/>
      <c r="IZ17" s="71">
        <v>297</v>
      </c>
      <c r="JA17" s="71">
        <v>215</v>
      </c>
      <c r="JB17" s="71">
        <v>145</v>
      </c>
      <c r="JC17" s="71">
        <v>152</v>
      </c>
      <c r="JD17" s="71">
        <v>95</v>
      </c>
      <c r="JE17" s="72">
        <v>904</v>
      </c>
      <c r="JF17" s="73">
        <v>1252</v>
      </c>
      <c r="JG17" s="70">
        <v>107</v>
      </c>
      <c r="JH17" s="71">
        <v>141</v>
      </c>
      <c r="JI17" s="72">
        <v>248</v>
      </c>
      <c r="JJ17" s="244">
        <v>0</v>
      </c>
      <c r="JK17" s="71">
        <v>221</v>
      </c>
      <c r="JL17" s="71">
        <v>255</v>
      </c>
      <c r="JM17" s="71">
        <v>200</v>
      </c>
      <c r="JN17" s="71">
        <v>216</v>
      </c>
      <c r="JO17" s="71">
        <v>153</v>
      </c>
      <c r="JP17" s="72">
        <v>1045</v>
      </c>
      <c r="JQ17" s="73">
        <v>1293</v>
      </c>
      <c r="JR17" s="70">
        <v>6</v>
      </c>
      <c r="JS17" s="71">
        <v>4</v>
      </c>
      <c r="JT17" s="72">
        <v>10</v>
      </c>
      <c r="JU17" s="244"/>
      <c r="JV17" s="71">
        <v>14</v>
      </c>
      <c r="JW17" s="71">
        <v>13</v>
      </c>
      <c r="JX17" s="71">
        <v>18</v>
      </c>
      <c r="JY17" s="71">
        <v>7</v>
      </c>
      <c r="JZ17" s="71">
        <v>10</v>
      </c>
      <c r="KA17" s="72">
        <v>62</v>
      </c>
      <c r="KB17" s="73">
        <v>72</v>
      </c>
      <c r="KC17" s="70">
        <v>511</v>
      </c>
      <c r="KD17" s="71">
        <v>596</v>
      </c>
      <c r="KE17" s="72">
        <v>1107</v>
      </c>
      <c r="KF17" s="244"/>
      <c r="KG17" s="71">
        <v>902</v>
      </c>
      <c r="KH17" s="71">
        <v>752</v>
      </c>
      <c r="KI17" s="71">
        <v>545</v>
      </c>
      <c r="KJ17" s="71">
        <v>538</v>
      </c>
      <c r="KK17" s="71">
        <v>414</v>
      </c>
      <c r="KL17" s="72">
        <v>3151</v>
      </c>
      <c r="KM17" s="73">
        <v>4258</v>
      </c>
    </row>
    <row r="18" spans="2:299" ht="19.5" customHeight="1" x14ac:dyDescent="0.2">
      <c r="B18" s="126" t="s">
        <v>15</v>
      </c>
      <c r="C18" s="316">
        <v>106</v>
      </c>
      <c r="D18" s="82">
        <v>132</v>
      </c>
      <c r="E18" s="83">
        <v>238</v>
      </c>
      <c r="F18" s="241"/>
      <c r="G18" s="82">
        <v>247</v>
      </c>
      <c r="H18" s="82">
        <v>220</v>
      </c>
      <c r="I18" s="82">
        <v>156</v>
      </c>
      <c r="J18" s="82">
        <v>126</v>
      </c>
      <c r="K18" s="82">
        <v>66</v>
      </c>
      <c r="L18" s="84">
        <v>815</v>
      </c>
      <c r="M18" s="85">
        <v>1053</v>
      </c>
      <c r="N18" s="70">
        <v>4</v>
      </c>
      <c r="O18" s="71">
        <v>5</v>
      </c>
      <c r="P18" s="72">
        <v>9</v>
      </c>
      <c r="Q18" s="244"/>
      <c r="R18" s="71">
        <v>9</v>
      </c>
      <c r="S18" s="71">
        <v>7</v>
      </c>
      <c r="T18" s="71">
        <v>13</v>
      </c>
      <c r="U18" s="71">
        <v>8</v>
      </c>
      <c r="V18" s="71">
        <v>6</v>
      </c>
      <c r="W18" s="72">
        <v>43</v>
      </c>
      <c r="X18" s="73">
        <v>52</v>
      </c>
      <c r="Y18" s="70">
        <v>15</v>
      </c>
      <c r="Z18" s="71">
        <v>11</v>
      </c>
      <c r="AA18" s="72">
        <v>26</v>
      </c>
      <c r="AB18" s="244"/>
      <c r="AC18" s="71">
        <v>26</v>
      </c>
      <c r="AD18" s="71">
        <v>26</v>
      </c>
      <c r="AE18" s="71">
        <v>21</v>
      </c>
      <c r="AF18" s="71">
        <v>15</v>
      </c>
      <c r="AG18" s="71">
        <v>8</v>
      </c>
      <c r="AH18" s="72">
        <v>96</v>
      </c>
      <c r="AI18" s="73">
        <v>122</v>
      </c>
      <c r="AJ18" s="70">
        <v>20</v>
      </c>
      <c r="AK18" s="71">
        <v>23</v>
      </c>
      <c r="AL18" s="72">
        <v>43</v>
      </c>
      <c r="AM18" s="244"/>
      <c r="AN18" s="71">
        <v>50</v>
      </c>
      <c r="AO18" s="71">
        <v>45</v>
      </c>
      <c r="AP18" s="71">
        <v>14</v>
      </c>
      <c r="AQ18" s="71">
        <v>19</v>
      </c>
      <c r="AR18" s="71">
        <v>14</v>
      </c>
      <c r="AS18" s="72">
        <v>142</v>
      </c>
      <c r="AT18" s="73">
        <v>185</v>
      </c>
      <c r="AU18" s="70">
        <v>28</v>
      </c>
      <c r="AV18" s="71">
        <v>34</v>
      </c>
      <c r="AW18" s="72">
        <v>62</v>
      </c>
      <c r="AX18" s="244"/>
      <c r="AY18" s="71">
        <v>57</v>
      </c>
      <c r="AZ18" s="71">
        <v>51</v>
      </c>
      <c r="BA18" s="71">
        <v>39</v>
      </c>
      <c r="BB18" s="71">
        <v>27</v>
      </c>
      <c r="BC18" s="71">
        <v>18</v>
      </c>
      <c r="BD18" s="72">
        <v>192</v>
      </c>
      <c r="BE18" s="73">
        <v>254</v>
      </c>
      <c r="BF18" s="70">
        <v>26</v>
      </c>
      <c r="BG18" s="71">
        <v>33</v>
      </c>
      <c r="BH18" s="72">
        <v>59</v>
      </c>
      <c r="BI18" s="244"/>
      <c r="BJ18" s="71">
        <v>68</v>
      </c>
      <c r="BK18" s="71">
        <v>52</v>
      </c>
      <c r="BL18" s="71">
        <v>37</v>
      </c>
      <c r="BM18" s="71">
        <v>26</v>
      </c>
      <c r="BN18" s="71">
        <v>13</v>
      </c>
      <c r="BO18" s="72">
        <v>196</v>
      </c>
      <c r="BP18" s="73">
        <v>255</v>
      </c>
      <c r="BQ18" s="70">
        <v>13</v>
      </c>
      <c r="BR18" s="71">
        <v>26</v>
      </c>
      <c r="BS18" s="72">
        <v>39</v>
      </c>
      <c r="BT18" s="244"/>
      <c r="BU18" s="71">
        <v>37</v>
      </c>
      <c r="BV18" s="71">
        <v>39</v>
      </c>
      <c r="BW18" s="71">
        <v>32</v>
      </c>
      <c r="BX18" s="71">
        <v>31</v>
      </c>
      <c r="BY18" s="71">
        <v>7</v>
      </c>
      <c r="BZ18" s="72">
        <v>146</v>
      </c>
      <c r="CA18" s="73">
        <v>185</v>
      </c>
      <c r="CB18" s="70">
        <v>2</v>
      </c>
      <c r="CC18" s="71">
        <v>6</v>
      </c>
      <c r="CD18" s="72">
        <v>8</v>
      </c>
      <c r="CE18" s="244"/>
      <c r="CF18" s="71">
        <v>8</v>
      </c>
      <c r="CG18" s="71">
        <v>6</v>
      </c>
      <c r="CH18" s="71">
        <v>4</v>
      </c>
      <c r="CI18" s="71">
        <v>4</v>
      </c>
      <c r="CJ18" s="71">
        <v>5</v>
      </c>
      <c r="CK18" s="72">
        <v>27</v>
      </c>
      <c r="CL18" s="73">
        <v>35</v>
      </c>
      <c r="CM18" s="70">
        <v>108</v>
      </c>
      <c r="CN18" s="71">
        <v>138</v>
      </c>
      <c r="CO18" s="72">
        <v>246</v>
      </c>
      <c r="CP18" s="244"/>
      <c r="CQ18" s="71">
        <v>255</v>
      </c>
      <c r="CR18" s="71">
        <v>226</v>
      </c>
      <c r="CS18" s="71">
        <v>160</v>
      </c>
      <c r="CT18" s="71">
        <v>130</v>
      </c>
      <c r="CU18" s="71">
        <v>71</v>
      </c>
      <c r="CV18" s="72">
        <v>842</v>
      </c>
      <c r="CW18" s="73">
        <v>1088</v>
      </c>
      <c r="CX18" s="123">
        <v>237</v>
      </c>
      <c r="CY18" s="82">
        <v>358</v>
      </c>
      <c r="CZ18" s="83">
        <v>595</v>
      </c>
      <c r="DA18" s="241"/>
      <c r="DB18" s="82">
        <v>419</v>
      </c>
      <c r="DC18" s="82">
        <v>436</v>
      </c>
      <c r="DD18" s="82">
        <v>329</v>
      </c>
      <c r="DE18" s="82">
        <v>318</v>
      </c>
      <c r="DF18" s="82">
        <v>179</v>
      </c>
      <c r="DG18" s="84">
        <v>1681</v>
      </c>
      <c r="DH18" s="85">
        <v>2276</v>
      </c>
      <c r="DI18" s="70">
        <v>6</v>
      </c>
      <c r="DJ18" s="71">
        <v>8</v>
      </c>
      <c r="DK18" s="72">
        <v>14</v>
      </c>
      <c r="DL18" s="244"/>
      <c r="DM18" s="71">
        <v>9</v>
      </c>
      <c r="DN18" s="71">
        <v>10</v>
      </c>
      <c r="DO18" s="71">
        <v>7</v>
      </c>
      <c r="DP18" s="71">
        <v>6</v>
      </c>
      <c r="DQ18" s="71">
        <v>4</v>
      </c>
      <c r="DR18" s="72">
        <v>36</v>
      </c>
      <c r="DS18" s="73">
        <v>50</v>
      </c>
      <c r="DT18" s="70">
        <v>10</v>
      </c>
      <c r="DU18" s="71">
        <v>23</v>
      </c>
      <c r="DV18" s="72">
        <v>33</v>
      </c>
      <c r="DW18" s="244"/>
      <c r="DX18" s="71">
        <v>29</v>
      </c>
      <c r="DY18" s="71">
        <v>33</v>
      </c>
      <c r="DZ18" s="71">
        <v>19</v>
      </c>
      <c r="EA18" s="71">
        <v>8</v>
      </c>
      <c r="EB18" s="71">
        <v>8</v>
      </c>
      <c r="EC18" s="72">
        <v>97</v>
      </c>
      <c r="ED18" s="73">
        <v>130</v>
      </c>
      <c r="EE18" s="70">
        <v>50</v>
      </c>
      <c r="EF18" s="71">
        <v>58</v>
      </c>
      <c r="EG18" s="72">
        <v>108</v>
      </c>
      <c r="EH18" s="244"/>
      <c r="EI18" s="71">
        <v>56</v>
      </c>
      <c r="EJ18" s="71">
        <v>41</v>
      </c>
      <c r="EK18" s="71">
        <v>31</v>
      </c>
      <c r="EL18" s="71">
        <v>20</v>
      </c>
      <c r="EM18" s="71">
        <v>24</v>
      </c>
      <c r="EN18" s="72">
        <v>172</v>
      </c>
      <c r="EO18" s="73">
        <v>280</v>
      </c>
      <c r="EP18" s="70">
        <v>78</v>
      </c>
      <c r="EQ18" s="71">
        <v>109</v>
      </c>
      <c r="ER18" s="72">
        <v>187</v>
      </c>
      <c r="ES18" s="244"/>
      <c r="ET18" s="71">
        <v>95</v>
      </c>
      <c r="EU18" s="71">
        <v>84</v>
      </c>
      <c r="EV18" s="71">
        <v>54</v>
      </c>
      <c r="EW18" s="71">
        <v>51</v>
      </c>
      <c r="EX18" s="71">
        <v>36</v>
      </c>
      <c r="EY18" s="72">
        <v>320</v>
      </c>
      <c r="EZ18" s="73">
        <v>507</v>
      </c>
      <c r="FA18" s="70">
        <v>58</v>
      </c>
      <c r="FB18" s="71">
        <v>94</v>
      </c>
      <c r="FC18" s="72">
        <v>152</v>
      </c>
      <c r="FD18" s="244"/>
      <c r="FE18" s="71">
        <v>129</v>
      </c>
      <c r="FF18" s="71">
        <v>124</v>
      </c>
      <c r="FG18" s="71">
        <v>91</v>
      </c>
      <c r="FH18" s="71">
        <v>85</v>
      </c>
      <c r="FI18" s="71">
        <v>39</v>
      </c>
      <c r="FJ18" s="72">
        <v>468</v>
      </c>
      <c r="FK18" s="73">
        <v>620</v>
      </c>
      <c r="FL18" s="70">
        <v>35</v>
      </c>
      <c r="FM18" s="71">
        <v>66</v>
      </c>
      <c r="FN18" s="72">
        <v>101</v>
      </c>
      <c r="FO18" s="244"/>
      <c r="FP18" s="71">
        <v>101</v>
      </c>
      <c r="FQ18" s="71">
        <v>144</v>
      </c>
      <c r="FR18" s="71">
        <v>127</v>
      </c>
      <c r="FS18" s="71">
        <v>148</v>
      </c>
      <c r="FT18" s="71">
        <v>68</v>
      </c>
      <c r="FU18" s="72">
        <v>588</v>
      </c>
      <c r="FV18" s="73">
        <v>689</v>
      </c>
      <c r="FW18" s="70">
        <v>2</v>
      </c>
      <c r="FX18" s="71">
        <v>5</v>
      </c>
      <c r="FY18" s="72">
        <v>7</v>
      </c>
      <c r="FZ18" s="244"/>
      <c r="GA18" s="71">
        <v>3</v>
      </c>
      <c r="GB18" s="71">
        <v>11</v>
      </c>
      <c r="GC18" s="71">
        <v>1</v>
      </c>
      <c r="GD18" s="71">
        <v>1</v>
      </c>
      <c r="GE18" s="71">
        <v>6</v>
      </c>
      <c r="GF18" s="72">
        <v>22</v>
      </c>
      <c r="GG18" s="73">
        <v>29</v>
      </c>
      <c r="GH18" s="70">
        <v>239</v>
      </c>
      <c r="GI18" s="71">
        <v>363</v>
      </c>
      <c r="GJ18" s="72">
        <v>602</v>
      </c>
      <c r="GK18" s="244"/>
      <c r="GL18" s="71">
        <v>422</v>
      </c>
      <c r="GM18" s="71">
        <v>447</v>
      </c>
      <c r="GN18" s="71">
        <v>330</v>
      </c>
      <c r="GO18" s="71">
        <v>319</v>
      </c>
      <c r="GP18" s="71">
        <v>185</v>
      </c>
      <c r="GQ18" s="72">
        <v>1703</v>
      </c>
      <c r="GR18" s="73">
        <v>2305</v>
      </c>
      <c r="GS18" s="123">
        <v>343</v>
      </c>
      <c r="GT18" s="82">
        <v>490</v>
      </c>
      <c r="GU18" s="83">
        <v>833</v>
      </c>
      <c r="GV18" s="241"/>
      <c r="GW18" s="82">
        <v>666</v>
      </c>
      <c r="GX18" s="82">
        <v>656</v>
      </c>
      <c r="GY18" s="82">
        <v>485</v>
      </c>
      <c r="GZ18" s="82">
        <v>444</v>
      </c>
      <c r="HA18" s="82">
        <v>245</v>
      </c>
      <c r="HB18" s="84">
        <v>2496</v>
      </c>
      <c r="HC18" s="85">
        <v>3329</v>
      </c>
      <c r="HD18" s="70">
        <v>10</v>
      </c>
      <c r="HE18" s="71">
        <v>13</v>
      </c>
      <c r="HF18" s="72">
        <v>23</v>
      </c>
      <c r="HG18" s="244"/>
      <c r="HH18" s="71">
        <v>18</v>
      </c>
      <c r="HI18" s="71">
        <v>17</v>
      </c>
      <c r="HJ18" s="71">
        <v>20</v>
      </c>
      <c r="HK18" s="71">
        <v>14</v>
      </c>
      <c r="HL18" s="71">
        <v>10</v>
      </c>
      <c r="HM18" s="72">
        <v>79</v>
      </c>
      <c r="HN18" s="73">
        <v>102</v>
      </c>
      <c r="HO18" s="70">
        <v>25</v>
      </c>
      <c r="HP18" s="71">
        <v>34</v>
      </c>
      <c r="HQ18" s="72">
        <v>59</v>
      </c>
      <c r="HR18" s="244"/>
      <c r="HS18" s="71">
        <v>55</v>
      </c>
      <c r="HT18" s="71">
        <v>59</v>
      </c>
      <c r="HU18" s="71">
        <v>40</v>
      </c>
      <c r="HV18" s="71">
        <v>23</v>
      </c>
      <c r="HW18" s="71">
        <v>16</v>
      </c>
      <c r="HX18" s="72">
        <v>193</v>
      </c>
      <c r="HY18" s="73">
        <v>252</v>
      </c>
      <c r="HZ18" s="70">
        <v>70</v>
      </c>
      <c r="IA18" s="71">
        <v>81</v>
      </c>
      <c r="IB18" s="72">
        <v>151</v>
      </c>
      <c r="IC18" s="244"/>
      <c r="ID18" s="71">
        <v>106</v>
      </c>
      <c r="IE18" s="71">
        <v>86</v>
      </c>
      <c r="IF18" s="71">
        <v>45</v>
      </c>
      <c r="IG18" s="71">
        <v>39</v>
      </c>
      <c r="IH18" s="71">
        <v>38</v>
      </c>
      <c r="II18" s="72">
        <v>314</v>
      </c>
      <c r="IJ18" s="73">
        <v>465</v>
      </c>
      <c r="IK18" s="70">
        <v>106</v>
      </c>
      <c r="IL18" s="71">
        <v>143</v>
      </c>
      <c r="IM18" s="72">
        <v>249</v>
      </c>
      <c r="IN18" s="244"/>
      <c r="IO18" s="71">
        <v>152</v>
      </c>
      <c r="IP18" s="71">
        <v>135</v>
      </c>
      <c r="IQ18" s="71">
        <v>93</v>
      </c>
      <c r="IR18" s="71">
        <v>78</v>
      </c>
      <c r="IS18" s="71">
        <v>54</v>
      </c>
      <c r="IT18" s="72">
        <v>512</v>
      </c>
      <c r="IU18" s="73">
        <v>761</v>
      </c>
      <c r="IV18" s="70">
        <v>84</v>
      </c>
      <c r="IW18" s="71">
        <v>127</v>
      </c>
      <c r="IX18" s="72">
        <v>211</v>
      </c>
      <c r="IY18" s="244"/>
      <c r="IZ18" s="71">
        <v>197</v>
      </c>
      <c r="JA18" s="71">
        <v>176</v>
      </c>
      <c r="JB18" s="71">
        <v>128</v>
      </c>
      <c r="JC18" s="71">
        <v>111</v>
      </c>
      <c r="JD18" s="71">
        <v>52</v>
      </c>
      <c r="JE18" s="72">
        <v>664</v>
      </c>
      <c r="JF18" s="73">
        <v>875</v>
      </c>
      <c r="JG18" s="70">
        <v>48</v>
      </c>
      <c r="JH18" s="71">
        <v>92</v>
      </c>
      <c r="JI18" s="72">
        <v>140</v>
      </c>
      <c r="JJ18" s="244">
        <v>0</v>
      </c>
      <c r="JK18" s="71">
        <v>138</v>
      </c>
      <c r="JL18" s="71">
        <v>183</v>
      </c>
      <c r="JM18" s="71">
        <v>159</v>
      </c>
      <c r="JN18" s="71">
        <v>179</v>
      </c>
      <c r="JO18" s="71">
        <v>75</v>
      </c>
      <c r="JP18" s="72">
        <v>734</v>
      </c>
      <c r="JQ18" s="73">
        <v>874</v>
      </c>
      <c r="JR18" s="70">
        <v>4</v>
      </c>
      <c r="JS18" s="71">
        <v>11</v>
      </c>
      <c r="JT18" s="72">
        <v>15</v>
      </c>
      <c r="JU18" s="244"/>
      <c r="JV18" s="71">
        <v>11</v>
      </c>
      <c r="JW18" s="71">
        <v>17</v>
      </c>
      <c r="JX18" s="71">
        <v>5</v>
      </c>
      <c r="JY18" s="71">
        <v>5</v>
      </c>
      <c r="JZ18" s="71">
        <v>11</v>
      </c>
      <c r="KA18" s="72">
        <v>49</v>
      </c>
      <c r="KB18" s="73">
        <v>64</v>
      </c>
      <c r="KC18" s="70">
        <v>347</v>
      </c>
      <c r="KD18" s="71">
        <v>501</v>
      </c>
      <c r="KE18" s="72">
        <v>848</v>
      </c>
      <c r="KF18" s="244"/>
      <c r="KG18" s="71">
        <v>677</v>
      </c>
      <c r="KH18" s="71">
        <v>673</v>
      </c>
      <c r="KI18" s="71">
        <v>490</v>
      </c>
      <c r="KJ18" s="71">
        <v>449</v>
      </c>
      <c r="KK18" s="71">
        <v>256</v>
      </c>
      <c r="KL18" s="72">
        <v>2545</v>
      </c>
      <c r="KM18" s="73">
        <v>3393</v>
      </c>
    </row>
    <row r="19" spans="2:299" ht="19.5" customHeight="1" x14ac:dyDescent="0.2">
      <c r="B19" s="126" t="s">
        <v>16</v>
      </c>
      <c r="C19" s="316">
        <v>206</v>
      </c>
      <c r="D19" s="82">
        <v>257</v>
      </c>
      <c r="E19" s="83">
        <v>463</v>
      </c>
      <c r="F19" s="241"/>
      <c r="G19" s="82">
        <v>466</v>
      </c>
      <c r="H19" s="82">
        <v>616</v>
      </c>
      <c r="I19" s="82">
        <v>392</v>
      </c>
      <c r="J19" s="82">
        <v>331</v>
      </c>
      <c r="K19" s="82">
        <v>188</v>
      </c>
      <c r="L19" s="84">
        <v>1993</v>
      </c>
      <c r="M19" s="85">
        <v>2456</v>
      </c>
      <c r="N19" s="70">
        <v>9</v>
      </c>
      <c r="O19" s="71">
        <v>16</v>
      </c>
      <c r="P19" s="72">
        <v>25</v>
      </c>
      <c r="Q19" s="244"/>
      <c r="R19" s="71">
        <v>20</v>
      </c>
      <c r="S19" s="71">
        <v>29</v>
      </c>
      <c r="T19" s="71">
        <v>19</v>
      </c>
      <c r="U19" s="71">
        <v>25</v>
      </c>
      <c r="V19" s="71">
        <v>19</v>
      </c>
      <c r="W19" s="72">
        <v>112</v>
      </c>
      <c r="X19" s="73">
        <v>137</v>
      </c>
      <c r="Y19" s="70">
        <v>34</v>
      </c>
      <c r="Z19" s="71">
        <v>43</v>
      </c>
      <c r="AA19" s="72">
        <v>77</v>
      </c>
      <c r="AB19" s="244"/>
      <c r="AC19" s="71">
        <v>58</v>
      </c>
      <c r="AD19" s="71">
        <v>92</v>
      </c>
      <c r="AE19" s="71">
        <v>59</v>
      </c>
      <c r="AF19" s="71">
        <v>48</v>
      </c>
      <c r="AG19" s="71">
        <v>29</v>
      </c>
      <c r="AH19" s="72">
        <v>286</v>
      </c>
      <c r="AI19" s="73">
        <v>363</v>
      </c>
      <c r="AJ19" s="70">
        <v>41</v>
      </c>
      <c r="AK19" s="71">
        <v>45</v>
      </c>
      <c r="AL19" s="72">
        <v>86</v>
      </c>
      <c r="AM19" s="244"/>
      <c r="AN19" s="71">
        <v>94</v>
      </c>
      <c r="AO19" s="71">
        <v>99</v>
      </c>
      <c r="AP19" s="71">
        <v>53</v>
      </c>
      <c r="AQ19" s="71">
        <v>53</v>
      </c>
      <c r="AR19" s="71">
        <v>29</v>
      </c>
      <c r="AS19" s="72">
        <v>328</v>
      </c>
      <c r="AT19" s="73">
        <v>414</v>
      </c>
      <c r="AU19" s="70">
        <v>48</v>
      </c>
      <c r="AV19" s="71">
        <v>57</v>
      </c>
      <c r="AW19" s="72">
        <v>105</v>
      </c>
      <c r="AX19" s="244"/>
      <c r="AY19" s="71">
        <v>109</v>
      </c>
      <c r="AZ19" s="71">
        <v>162</v>
      </c>
      <c r="BA19" s="71">
        <v>91</v>
      </c>
      <c r="BB19" s="71">
        <v>84</v>
      </c>
      <c r="BC19" s="71">
        <v>57</v>
      </c>
      <c r="BD19" s="72">
        <v>503</v>
      </c>
      <c r="BE19" s="73">
        <v>608</v>
      </c>
      <c r="BF19" s="70">
        <v>47</v>
      </c>
      <c r="BG19" s="71">
        <v>59</v>
      </c>
      <c r="BH19" s="72">
        <v>106</v>
      </c>
      <c r="BI19" s="244"/>
      <c r="BJ19" s="71">
        <v>110</v>
      </c>
      <c r="BK19" s="71">
        <v>133</v>
      </c>
      <c r="BL19" s="71">
        <v>98</v>
      </c>
      <c r="BM19" s="71">
        <v>57</v>
      </c>
      <c r="BN19" s="71">
        <v>32</v>
      </c>
      <c r="BO19" s="72">
        <v>430</v>
      </c>
      <c r="BP19" s="73">
        <v>536</v>
      </c>
      <c r="BQ19" s="70">
        <v>27</v>
      </c>
      <c r="BR19" s="71">
        <v>37</v>
      </c>
      <c r="BS19" s="72">
        <v>64</v>
      </c>
      <c r="BT19" s="244"/>
      <c r="BU19" s="71">
        <v>75</v>
      </c>
      <c r="BV19" s="71">
        <v>101</v>
      </c>
      <c r="BW19" s="71">
        <v>72</v>
      </c>
      <c r="BX19" s="71">
        <v>64</v>
      </c>
      <c r="BY19" s="71">
        <v>22</v>
      </c>
      <c r="BZ19" s="72">
        <v>334</v>
      </c>
      <c r="CA19" s="73">
        <v>398</v>
      </c>
      <c r="CB19" s="70">
        <v>17</v>
      </c>
      <c r="CC19" s="71">
        <v>11</v>
      </c>
      <c r="CD19" s="72">
        <v>28</v>
      </c>
      <c r="CE19" s="244"/>
      <c r="CF19" s="71">
        <v>14</v>
      </c>
      <c r="CG19" s="71">
        <v>25</v>
      </c>
      <c r="CH19" s="71">
        <v>20</v>
      </c>
      <c r="CI19" s="71">
        <v>12</v>
      </c>
      <c r="CJ19" s="71">
        <v>13</v>
      </c>
      <c r="CK19" s="72">
        <v>84</v>
      </c>
      <c r="CL19" s="73">
        <v>112</v>
      </c>
      <c r="CM19" s="70">
        <v>223</v>
      </c>
      <c r="CN19" s="71">
        <v>268</v>
      </c>
      <c r="CO19" s="72">
        <v>491</v>
      </c>
      <c r="CP19" s="244"/>
      <c r="CQ19" s="71">
        <v>480</v>
      </c>
      <c r="CR19" s="71">
        <v>641</v>
      </c>
      <c r="CS19" s="71">
        <v>412</v>
      </c>
      <c r="CT19" s="71">
        <v>343</v>
      </c>
      <c r="CU19" s="71">
        <v>201</v>
      </c>
      <c r="CV19" s="72">
        <v>2077</v>
      </c>
      <c r="CW19" s="73">
        <v>2568</v>
      </c>
      <c r="CX19" s="123">
        <v>400</v>
      </c>
      <c r="CY19" s="82">
        <v>547</v>
      </c>
      <c r="CZ19" s="83">
        <v>947</v>
      </c>
      <c r="DA19" s="241"/>
      <c r="DB19" s="82">
        <v>859</v>
      </c>
      <c r="DC19" s="82">
        <v>991</v>
      </c>
      <c r="DD19" s="82">
        <v>808</v>
      </c>
      <c r="DE19" s="82">
        <v>783</v>
      </c>
      <c r="DF19" s="82">
        <v>512</v>
      </c>
      <c r="DG19" s="84">
        <v>3953</v>
      </c>
      <c r="DH19" s="85">
        <v>4900</v>
      </c>
      <c r="DI19" s="70">
        <v>17</v>
      </c>
      <c r="DJ19" s="71">
        <v>22</v>
      </c>
      <c r="DK19" s="72">
        <v>39</v>
      </c>
      <c r="DL19" s="244"/>
      <c r="DM19" s="71">
        <v>16</v>
      </c>
      <c r="DN19" s="71">
        <v>33</v>
      </c>
      <c r="DO19" s="71">
        <v>22</v>
      </c>
      <c r="DP19" s="71">
        <v>19</v>
      </c>
      <c r="DQ19" s="71">
        <v>13</v>
      </c>
      <c r="DR19" s="72">
        <v>103</v>
      </c>
      <c r="DS19" s="73">
        <v>142</v>
      </c>
      <c r="DT19" s="70">
        <v>35</v>
      </c>
      <c r="DU19" s="71">
        <v>64</v>
      </c>
      <c r="DV19" s="72">
        <v>99</v>
      </c>
      <c r="DW19" s="244"/>
      <c r="DX19" s="71">
        <v>70</v>
      </c>
      <c r="DY19" s="71">
        <v>70</v>
      </c>
      <c r="DZ19" s="71">
        <v>49</v>
      </c>
      <c r="EA19" s="71">
        <v>46</v>
      </c>
      <c r="EB19" s="71">
        <v>38</v>
      </c>
      <c r="EC19" s="72">
        <v>273</v>
      </c>
      <c r="ED19" s="73">
        <v>372</v>
      </c>
      <c r="EE19" s="70">
        <v>86</v>
      </c>
      <c r="EF19" s="71">
        <v>94</v>
      </c>
      <c r="EG19" s="72">
        <v>180</v>
      </c>
      <c r="EH19" s="244"/>
      <c r="EI19" s="71">
        <v>109</v>
      </c>
      <c r="EJ19" s="71">
        <v>139</v>
      </c>
      <c r="EK19" s="71">
        <v>86</v>
      </c>
      <c r="EL19" s="71">
        <v>65</v>
      </c>
      <c r="EM19" s="71">
        <v>48</v>
      </c>
      <c r="EN19" s="72">
        <v>447</v>
      </c>
      <c r="EO19" s="73">
        <v>627</v>
      </c>
      <c r="EP19" s="70">
        <v>109</v>
      </c>
      <c r="EQ19" s="71">
        <v>141</v>
      </c>
      <c r="ER19" s="72">
        <v>250</v>
      </c>
      <c r="ES19" s="244"/>
      <c r="ET19" s="71">
        <v>185</v>
      </c>
      <c r="EU19" s="71">
        <v>214</v>
      </c>
      <c r="EV19" s="71">
        <v>151</v>
      </c>
      <c r="EW19" s="71">
        <v>134</v>
      </c>
      <c r="EX19" s="71">
        <v>84</v>
      </c>
      <c r="EY19" s="72">
        <v>768</v>
      </c>
      <c r="EZ19" s="73">
        <v>1018</v>
      </c>
      <c r="FA19" s="70">
        <v>98</v>
      </c>
      <c r="FB19" s="71">
        <v>132</v>
      </c>
      <c r="FC19" s="72">
        <v>230</v>
      </c>
      <c r="FD19" s="244"/>
      <c r="FE19" s="71">
        <v>276</v>
      </c>
      <c r="FF19" s="71">
        <v>259</v>
      </c>
      <c r="FG19" s="71">
        <v>206</v>
      </c>
      <c r="FH19" s="71">
        <v>183</v>
      </c>
      <c r="FI19" s="71">
        <v>116</v>
      </c>
      <c r="FJ19" s="72">
        <v>1040</v>
      </c>
      <c r="FK19" s="73">
        <v>1270</v>
      </c>
      <c r="FL19" s="70">
        <v>55</v>
      </c>
      <c r="FM19" s="71">
        <v>94</v>
      </c>
      <c r="FN19" s="72">
        <v>149</v>
      </c>
      <c r="FO19" s="244"/>
      <c r="FP19" s="71">
        <v>203</v>
      </c>
      <c r="FQ19" s="71">
        <v>276</v>
      </c>
      <c r="FR19" s="71">
        <v>294</v>
      </c>
      <c r="FS19" s="71">
        <v>336</v>
      </c>
      <c r="FT19" s="71">
        <v>213</v>
      </c>
      <c r="FU19" s="72">
        <v>1322</v>
      </c>
      <c r="FV19" s="73">
        <v>1471</v>
      </c>
      <c r="FW19" s="70">
        <v>10</v>
      </c>
      <c r="FX19" s="71">
        <v>14</v>
      </c>
      <c r="FY19" s="72">
        <v>24</v>
      </c>
      <c r="FZ19" s="244"/>
      <c r="GA19" s="71">
        <v>7</v>
      </c>
      <c r="GB19" s="71">
        <v>19</v>
      </c>
      <c r="GC19" s="71">
        <v>8</v>
      </c>
      <c r="GD19" s="71">
        <v>16</v>
      </c>
      <c r="GE19" s="71">
        <v>10</v>
      </c>
      <c r="GF19" s="72">
        <v>60</v>
      </c>
      <c r="GG19" s="73">
        <v>84</v>
      </c>
      <c r="GH19" s="70">
        <v>410</v>
      </c>
      <c r="GI19" s="71">
        <v>561</v>
      </c>
      <c r="GJ19" s="72">
        <v>971</v>
      </c>
      <c r="GK19" s="244"/>
      <c r="GL19" s="71">
        <v>866</v>
      </c>
      <c r="GM19" s="71">
        <v>1010</v>
      </c>
      <c r="GN19" s="71">
        <v>816</v>
      </c>
      <c r="GO19" s="71">
        <v>799</v>
      </c>
      <c r="GP19" s="71">
        <v>522</v>
      </c>
      <c r="GQ19" s="72">
        <v>4013</v>
      </c>
      <c r="GR19" s="73">
        <v>4984</v>
      </c>
      <c r="GS19" s="123">
        <v>606</v>
      </c>
      <c r="GT19" s="82">
        <v>804</v>
      </c>
      <c r="GU19" s="83">
        <v>1410</v>
      </c>
      <c r="GV19" s="241"/>
      <c r="GW19" s="82">
        <v>1325</v>
      </c>
      <c r="GX19" s="82">
        <v>1607</v>
      </c>
      <c r="GY19" s="82">
        <v>1200</v>
      </c>
      <c r="GZ19" s="82">
        <v>1114</v>
      </c>
      <c r="HA19" s="82">
        <v>700</v>
      </c>
      <c r="HB19" s="84">
        <v>5946</v>
      </c>
      <c r="HC19" s="85">
        <v>7356</v>
      </c>
      <c r="HD19" s="70">
        <v>26</v>
      </c>
      <c r="HE19" s="71">
        <v>38</v>
      </c>
      <c r="HF19" s="72">
        <v>64</v>
      </c>
      <c r="HG19" s="244"/>
      <c r="HH19" s="71">
        <v>36</v>
      </c>
      <c r="HI19" s="71">
        <v>62</v>
      </c>
      <c r="HJ19" s="71">
        <v>41</v>
      </c>
      <c r="HK19" s="71">
        <v>44</v>
      </c>
      <c r="HL19" s="71">
        <v>32</v>
      </c>
      <c r="HM19" s="72">
        <v>215</v>
      </c>
      <c r="HN19" s="73">
        <v>279</v>
      </c>
      <c r="HO19" s="70">
        <v>69</v>
      </c>
      <c r="HP19" s="71">
        <v>107</v>
      </c>
      <c r="HQ19" s="72">
        <v>176</v>
      </c>
      <c r="HR19" s="244"/>
      <c r="HS19" s="71">
        <v>128</v>
      </c>
      <c r="HT19" s="71">
        <v>162</v>
      </c>
      <c r="HU19" s="71">
        <v>108</v>
      </c>
      <c r="HV19" s="71">
        <v>94</v>
      </c>
      <c r="HW19" s="71">
        <v>67</v>
      </c>
      <c r="HX19" s="72">
        <v>559</v>
      </c>
      <c r="HY19" s="73">
        <v>735</v>
      </c>
      <c r="HZ19" s="70">
        <v>127</v>
      </c>
      <c r="IA19" s="71">
        <v>139</v>
      </c>
      <c r="IB19" s="72">
        <v>266</v>
      </c>
      <c r="IC19" s="244"/>
      <c r="ID19" s="71">
        <v>203</v>
      </c>
      <c r="IE19" s="71">
        <v>238</v>
      </c>
      <c r="IF19" s="71">
        <v>139</v>
      </c>
      <c r="IG19" s="71">
        <v>118</v>
      </c>
      <c r="IH19" s="71">
        <v>77</v>
      </c>
      <c r="II19" s="72">
        <v>775</v>
      </c>
      <c r="IJ19" s="73">
        <v>1041</v>
      </c>
      <c r="IK19" s="70">
        <v>157</v>
      </c>
      <c r="IL19" s="71">
        <v>198</v>
      </c>
      <c r="IM19" s="72">
        <v>355</v>
      </c>
      <c r="IN19" s="244"/>
      <c r="IO19" s="71">
        <v>294</v>
      </c>
      <c r="IP19" s="71">
        <v>376</v>
      </c>
      <c r="IQ19" s="71">
        <v>242</v>
      </c>
      <c r="IR19" s="71">
        <v>218</v>
      </c>
      <c r="IS19" s="71">
        <v>141</v>
      </c>
      <c r="IT19" s="72">
        <v>1271</v>
      </c>
      <c r="IU19" s="73">
        <v>1626</v>
      </c>
      <c r="IV19" s="70">
        <v>145</v>
      </c>
      <c r="IW19" s="71">
        <v>191</v>
      </c>
      <c r="IX19" s="72">
        <v>336</v>
      </c>
      <c r="IY19" s="244"/>
      <c r="IZ19" s="71">
        <v>386</v>
      </c>
      <c r="JA19" s="71">
        <v>392</v>
      </c>
      <c r="JB19" s="71">
        <v>304</v>
      </c>
      <c r="JC19" s="71">
        <v>240</v>
      </c>
      <c r="JD19" s="71">
        <v>148</v>
      </c>
      <c r="JE19" s="72">
        <v>1470</v>
      </c>
      <c r="JF19" s="73">
        <v>1806</v>
      </c>
      <c r="JG19" s="70">
        <v>82</v>
      </c>
      <c r="JH19" s="71">
        <v>131</v>
      </c>
      <c r="JI19" s="72">
        <v>213</v>
      </c>
      <c r="JJ19" s="244">
        <v>0</v>
      </c>
      <c r="JK19" s="71">
        <v>278</v>
      </c>
      <c r="JL19" s="71">
        <v>377</v>
      </c>
      <c r="JM19" s="71">
        <v>366</v>
      </c>
      <c r="JN19" s="71">
        <v>400</v>
      </c>
      <c r="JO19" s="71">
        <v>235</v>
      </c>
      <c r="JP19" s="72">
        <v>1656</v>
      </c>
      <c r="JQ19" s="73">
        <v>1869</v>
      </c>
      <c r="JR19" s="70">
        <v>27</v>
      </c>
      <c r="JS19" s="71">
        <v>25</v>
      </c>
      <c r="JT19" s="72">
        <v>52</v>
      </c>
      <c r="JU19" s="244"/>
      <c r="JV19" s="71">
        <v>21</v>
      </c>
      <c r="JW19" s="71">
        <v>44</v>
      </c>
      <c r="JX19" s="71">
        <v>28</v>
      </c>
      <c r="JY19" s="71">
        <v>28</v>
      </c>
      <c r="JZ19" s="71">
        <v>23</v>
      </c>
      <c r="KA19" s="72">
        <v>144</v>
      </c>
      <c r="KB19" s="73">
        <v>196</v>
      </c>
      <c r="KC19" s="70">
        <v>633</v>
      </c>
      <c r="KD19" s="71">
        <v>829</v>
      </c>
      <c r="KE19" s="72">
        <v>1462</v>
      </c>
      <c r="KF19" s="244"/>
      <c r="KG19" s="71">
        <v>1346</v>
      </c>
      <c r="KH19" s="71">
        <v>1651</v>
      </c>
      <c r="KI19" s="71">
        <v>1228</v>
      </c>
      <c r="KJ19" s="71">
        <v>1142</v>
      </c>
      <c r="KK19" s="71">
        <v>723</v>
      </c>
      <c r="KL19" s="72">
        <v>6090</v>
      </c>
      <c r="KM19" s="73">
        <v>7552</v>
      </c>
    </row>
    <row r="20" spans="2:299" ht="19.5" customHeight="1" x14ac:dyDescent="0.2">
      <c r="B20" s="126" t="s">
        <v>17</v>
      </c>
      <c r="C20" s="316">
        <v>272</v>
      </c>
      <c r="D20" s="82">
        <v>360</v>
      </c>
      <c r="E20" s="83">
        <v>632</v>
      </c>
      <c r="F20" s="241"/>
      <c r="G20" s="82">
        <v>561</v>
      </c>
      <c r="H20" s="82">
        <v>722</v>
      </c>
      <c r="I20" s="82">
        <v>528</v>
      </c>
      <c r="J20" s="82">
        <v>398</v>
      </c>
      <c r="K20" s="82">
        <v>253</v>
      </c>
      <c r="L20" s="84">
        <v>2462</v>
      </c>
      <c r="M20" s="85">
        <v>3094</v>
      </c>
      <c r="N20" s="70">
        <v>12</v>
      </c>
      <c r="O20" s="71">
        <v>26</v>
      </c>
      <c r="P20" s="72">
        <v>38</v>
      </c>
      <c r="Q20" s="244"/>
      <c r="R20" s="71">
        <v>27</v>
      </c>
      <c r="S20" s="71">
        <v>52</v>
      </c>
      <c r="T20" s="71">
        <v>30</v>
      </c>
      <c r="U20" s="71">
        <v>18</v>
      </c>
      <c r="V20" s="71">
        <v>26</v>
      </c>
      <c r="W20" s="72">
        <v>153</v>
      </c>
      <c r="X20" s="73">
        <v>191</v>
      </c>
      <c r="Y20" s="70">
        <v>34</v>
      </c>
      <c r="Z20" s="71">
        <v>55</v>
      </c>
      <c r="AA20" s="72">
        <v>89</v>
      </c>
      <c r="AB20" s="244"/>
      <c r="AC20" s="71">
        <v>52</v>
      </c>
      <c r="AD20" s="71">
        <v>100</v>
      </c>
      <c r="AE20" s="71">
        <v>68</v>
      </c>
      <c r="AF20" s="71">
        <v>62</v>
      </c>
      <c r="AG20" s="71">
        <v>34</v>
      </c>
      <c r="AH20" s="72">
        <v>316</v>
      </c>
      <c r="AI20" s="73">
        <v>405</v>
      </c>
      <c r="AJ20" s="70">
        <v>56</v>
      </c>
      <c r="AK20" s="71">
        <v>69</v>
      </c>
      <c r="AL20" s="72">
        <v>125</v>
      </c>
      <c r="AM20" s="244"/>
      <c r="AN20" s="71">
        <v>94</v>
      </c>
      <c r="AO20" s="71">
        <v>130</v>
      </c>
      <c r="AP20" s="71">
        <v>92</v>
      </c>
      <c r="AQ20" s="71">
        <v>78</v>
      </c>
      <c r="AR20" s="71">
        <v>50</v>
      </c>
      <c r="AS20" s="72">
        <v>444</v>
      </c>
      <c r="AT20" s="73">
        <v>569</v>
      </c>
      <c r="AU20" s="70">
        <v>61</v>
      </c>
      <c r="AV20" s="71">
        <v>88</v>
      </c>
      <c r="AW20" s="72">
        <v>149</v>
      </c>
      <c r="AX20" s="244"/>
      <c r="AY20" s="71">
        <v>166</v>
      </c>
      <c r="AZ20" s="71">
        <v>163</v>
      </c>
      <c r="BA20" s="71">
        <v>150</v>
      </c>
      <c r="BB20" s="71">
        <v>93</v>
      </c>
      <c r="BC20" s="71">
        <v>55</v>
      </c>
      <c r="BD20" s="72">
        <v>627</v>
      </c>
      <c r="BE20" s="73">
        <v>776</v>
      </c>
      <c r="BF20" s="70">
        <v>65</v>
      </c>
      <c r="BG20" s="71">
        <v>75</v>
      </c>
      <c r="BH20" s="72">
        <v>140</v>
      </c>
      <c r="BI20" s="244"/>
      <c r="BJ20" s="71">
        <v>130</v>
      </c>
      <c r="BK20" s="71">
        <v>184</v>
      </c>
      <c r="BL20" s="71">
        <v>107</v>
      </c>
      <c r="BM20" s="71">
        <v>86</v>
      </c>
      <c r="BN20" s="71">
        <v>62</v>
      </c>
      <c r="BO20" s="72">
        <v>569</v>
      </c>
      <c r="BP20" s="73">
        <v>709</v>
      </c>
      <c r="BQ20" s="70">
        <v>44</v>
      </c>
      <c r="BR20" s="71">
        <v>47</v>
      </c>
      <c r="BS20" s="72">
        <v>91</v>
      </c>
      <c r="BT20" s="244"/>
      <c r="BU20" s="71">
        <v>92</v>
      </c>
      <c r="BV20" s="71">
        <v>93</v>
      </c>
      <c r="BW20" s="71">
        <v>81</v>
      </c>
      <c r="BX20" s="71">
        <v>61</v>
      </c>
      <c r="BY20" s="71">
        <v>26</v>
      </c>
      <c r="BZ20" s="72">
        <v>353</v>
      </c>
      <c r="CA20" s="73">
        <v>444</v>
      </c>
      <c r="CB20" s="70">
        <v>12</v>
      </c>
      <c r="CC20" s="71">
        <v>21</v>
      </c>
      <c r="CD20" s="72">
        <v>33</v>
      </c>
      <c r="CE20" s="244"/>
      <c r="CF20" s="71">
        <v>23</v>
      </c>
      <c r="CG20" s="71">
        <v>43</v>
      </c>
      <c r="CH20" s="71">
        <v>29</v>
      </c>
      <c r="CI20" s="71">
        <v>16</v>
      </c>
      <c r="CJ20" s="71">
        <v>13</v>
      </c>
      <c r="CK20" s="72">
        <v>124</v>
      </c>
      <c r="CL20" s="73">
        <v>157</v>
      </c>
      <c r="CM20" s="70">
        <v>284</v>
      </c>
      <c r="CN20" s="71">
        <v>381</v>
      </c>
      <c r="CO20" s="72">
        <v>665</v>
      </c>
      <c r="CP20" s="244"/>
      <c r="CQ20" s="71">
        <v>584</v>
      </c>
      <c r="CR20" s="71">
        <v>765</v>
      </c>
      <c r="CS20" s="71">
        <v>557</v>
      </c>
      <c r="CT20" s="71">
        <v>414</v>
      </c>
      <c r="CU20" s="71">
        <v>266</v>
      </c>
      <c r="CV20" s="72">
        <v>2586</v>
      </c>
      <c r="CW20" s="73">
        <v>3251</v>
      </c>
      <c r="CX20" s="123">
        <v>606</v>
      </c>
      <c r="CY20" s="82">
        <v>781</v>
      </c>
      <c r="CZ20" s="83">
        <v>1387</v>
      </c>
      <c r="DA20" s="241"/>
      <c r="DB20" s="82">
        <v>940</v>
      </c>
      <c r="DC20" s="82">
        <v>1224</v>
      </c>
      <c r="DD20" s="82">
        <v>864</v>
      </c>
      <c r="DE20" s="82">
        <v>797</v>
      </c>
      <c r="DF20" s="82">
        <v>594</v>
      </c>
      <c r="DG20" s="84">
        <v>4419</v>
      </c>
      <c r="DH20" s="85">
        <v>5806</v>
      </c>
      <c r="DI20" s="70">
        <v>17</v>
      </c>
      <c r="DJ20" s="71">
        <v>28</v>
      </c>
      <c r="DK20" s="72">
        <v>45</v>
      </c>
      <c r="DL20" s="244"/>
      <c r="DM20" s="71">
        <v>15</v>
      </c>
      <c r="DN20" s="71">
        <v>37</v>
      </c>
      <c r="DO20" s="71">
        <v>27</v>
      </c>
      <c r="DP20" s="71">
        <v>19</v>
      </c>
      <c r="DQ20" s="71">
        <v>23</v>
      </c>
      <c r="DR20" s="72">
        <v>121</v>
      </c>
      <c r="DS20" s="73">
        <v>166</v>
      </c>
      <c r="DT20" s="70">
        <v>57</v>
      </c>
      <c r="DU20" s="71">
        <v>69</v>
      </c>
      <c r="DV20" s="72">
        <v>126</v>
      </c>
      <c r="DW20" s="244"/>
      <c r="DX20" s="71">
        <v>68</v>
      </c>
      <c r="DY20" s="71">
        <v>84</v>
      </c>
      <c r="DZ20" s="71">
        <v>64</v>
      </c>
      <c r="EA20" s="71">
        <v>47</v>
      </c>
      <c r="EB20" s="71">
        <v>39</v>
      </c>
      <c r="EC20" s="72">
        <v>302</v>
      </c>
      <c r="ED20" s="73">
        <v>428</v>
      </c>
      <c r="EE20" s="70">
        <v>101</v>
      </c>
      <c r="EF20" s="71">
        <v>121</v>
      </c>
      <c r="EG20" s="72">
        <v>222</v>
      </c>
      <c r="EH20" s="244"/>
      <c r="EI20" s="71">
        <v>123</v>
      </c>
      <c r="EJ20" s="71">
        <v>177</v>
      </c>
      <c r="EK20" s="71">
        <v>104</v>
      </c>
      <c r="EL20" s="71">
        <v>92</v>
      </c>
      <c r="EM20" s="71">
        <v>70</v>
      </c>
      <c r="EN20" s="72">
        <v>566</v>
      </c>
      <c r="EO20" s="73">
        <v>788</v>
      </c>
      <c r="EP20" s="70">
        <v>193</v>
      </c>
      <c r="EQ20" s="71">
        <v>211</v>
      </c>
      <c r="ER20" s="72">
        <v>404</v>
      </c>
      <c r="ES20" s="244"/>
      <c r="ET20" s="71">
        <v>243</v>
      </c>
      <c r="EU20" s="71">
        <v>296</v>
      </c>
      <c r="EV20" s="71">
        <v>181</v>
      </c>
      <c r="EW20" s="71">
        <v>172</v>
      </c>
      <c r="EX20" s="71">
        <v>113</v>
      </c>
      <c r="EY20" s="72">
        <v>1005</v>
      </c>
      <c r="EZ20" s="73">
        <v>1409</v>
      </c>
      <c r="FA20" s="70">
        <v>158</v>
      </c>
      <c r="FB20" s="71">
        <v>237</v>
      </c>
      <c r="FC20" s="72">
        <v>395</v>
      </c>
      <c r="FD20" s="244"/>
      <c r="FE20" s="71">
        <v>282</v>
      </c>
      <c r="FF20" s="71">
        <v>299</v>
      </c>
      <c r="FG20" s="71">
        <v>244</v>
      </c>
      <c r="FH20" s="71">
        <v>181</v>
      </c>
      <c r="FI20" s="71">
        <v>166</v>
      </c>
      <c r="FJ20" s="72">
        <v>1172</v>
      </c>
      <c r="FK20" s="73">
        <v>1567</v>
      </c>
      <c r="FL20" s="70">
        <v>80</v>
      </c>
      <c r="FM20" s="71">
        <v>115</v>
      </c>
      <c r="FN20" s="72">
        <v>195</v>
      </c>
      <c r="FO20" s="244"/>
      <c r="FP20" s="71">
        <v>209</v>
      </c>
      <c r="FQ20" s="71">
        <v>331</v>
      </c>
      <c r="FR20" s="71">
        <v>244</v>
      </c>
      <c r="FS20" s="71">
        <v>286</v>
      </c>
      <c r="FT20" s="71">
        <v>183</v>
      </c>
      <c r="FU20" s="72">
        <v>1253</v>
      </c>
      <c r="FV20" s="73">
        <v>1448</v>
      </c>
      <c r="FW20" s="70">
        <v>3</v>
      </c>
      <c r="FX20" s="71">
        <v>17</v>
      </c>
      <c r="FY20" s="72">
        <v>20</v>
      </c>
      <c r="FZ20" s="244"/>
      <c r="GA20" s="71">
        <v>10</v>
      </c>
      <c r="GB20" s="71">
        <v>28</v>
      </c>
      <c r="GC20" s="71">
        <v>18</v>
      </c>
      <c r="GD20" s="71">
        <v>16</v>
      </c>
      <c r="GE20" s="71">
        <v>16</v>
      </c>
      <c r="GF20" s="72">
        <v>88</v>
      </c>
      <c r="GG20" s="73">
        <v>108</v>
      </c>
      <c r="GH20" s="70">
        <v>609</v>
      </c>
      <c r="GI20" s="71">
        <v>798</v>
      </c>
      <c r="GJ20" s="72">
        <v>1407</v>
      </c>
      <c r="GK20" s="244"/>
      <c r="GL20" s="71">
        <v>950</v>
      </c>
      <c r="GM20" s="71">
        <v>1252</v>
      </c>
      <c r="GN20" s="71">
        <v>882</v>
      </c>
      <c r="GO20" s="71">
        <v>813</v>
      </c>
      <c r="GP20" s="71">
        <v>610</v>
      </c>
      <c r="GQ20" s="72">
        <v>4507</v>
      </c>
      <c r="GR20" s="73">
        <v>5914</v>
      </c>
      <c r="GS20" s="123">
        <v>878</v>
      </c>
      <c r="GT20" s="82">
        <v>1141</v>
      </c>
      <c r="GU20" s="83">
        <v>2019</v>
      </c>
      <c r="GV20" s="241"/>
      <c r="GW20" s="82">
        <v>1501</v>
      </c>
      <c r="GX20" s="82">
        <v>1946</v>
      </c>
      <c r="GY20" s="82">
        <v>1392</v>
      </c>
      <c r="GZ20" s="82">
        <v>1195</v>
      </c>
      <c r="HA20" s="82">
        <v>847</v>
      </c>
      <c r="HB20" s="84">
        <v>6881</v>
      </c>
      <c r="HC20" s="85">
        <v>8900</v>
      </c>
      <c r="HD20" s="70">
        <v>29</v>
      </c>
      <c r="HE20" s="71">
        <v>54</v>
      </c>
      <c r="HF20" s="72">
        <v>83</v>
      </c>
      <c r="HG20" s="244"/>
      <c r="HH20" s="71">
        <v>42</v>
      </c>
      <c r="HI20" s="71">
        <v>89</v>
      </c>
      <c r="HJ20" s="71">
        <v>57</v>
      </c>
      <c r="HK20" s="71">
        <v>37</v>
      </c>
      <c r="HL20" s="71">
        <v>49</v>
      </c>
      <c r="HM20" s="72">
        <v>274</v>
      </c>
      <c r="HN20" s="73">
        <v>357</v>
      </c>
      <c r="HO20" s="70">
        <v>91</v>
      </c>
      <c r="HP20" s="71">
        <v>124</v>
      </c>
      <c r="HQ20" s="72">
        <v>215</v>
      </c>
      <c r="HR20" s="244"/>
      <c r="HS20" s="71">
        <v>120</v>
      </c>
      <c r="HT20" s="71">
        <v>184</v>
      </c>
      <c r="HU20" s="71">
        <v>132</v>
      </c>
      <c r="HV20" s="71">
        <v>109</v>
      </c>
      <c r="HW20" s="71">
        <v>73</v>
      </c>
      <c r="HX20" s="72">
        <v>618</v>
      </c>
      <c r="HY20" s="73">
        <v>833</v>
      </c>
      <c r="HZ20" s="70">
        <v>157</v>
      </c>
      <c r="IA20" s="71">
        <v>190</v>
      </c>
      <c r="IB20" s="72">
        <v>347</v>
      </c>
      <c r="IC20" s="244"/>
      <c r="ID20" s="71">
        <v>217</v>
      </c>
      <c r="IE20" s="71">
        <v>307</v>
      </c>
      <c r="IF20" s="71">
        <v>196</v>
      </c>
      <c r="IG20" s="71">
        <v>170</v>
      </c>
      <c r="IH20" s="71">
        <v>120</v>
      </c>
      <c r="II20" s="72">
        <v>1010</v>
      </c>
      <c r="IJ20" s="73">
        <v>1357</v>
      </c>
      <c r="IK20" s="70">
        <v>254</v>
      </c>
      <c r="IL20" s="71">
        <v>299</v>
      </c>
      <c r="IM20" s="72">
        <v>553</v>
      </c>
      <c r="IN20" s="244"/>
      <c r="IO20" s="71">
        <v>409</v>
      </c>
      <c r="IP20" s="71">
        <v>459</v>
      </c>
      <c r="IQ20" s="71">
        <v>331</v>
      </c>
      <c r="IR20" s="71">
        <v>265</v>
      </c>
      <c r="IS20" s="71">
        <v>168</v>
      </c>
      <c r="IT20" s="72">
        <v>1632</v>
      </c>
      <c r="IU20" s="73">
        <v>2185</v>
      </c>
      <c r="IV20" s="70">
        <v>223</v>
      </c>
      <c r="IW20" s="71">
        <v>312</v>
      </c>
      <c r="IX20" s="72">
        <v>535</v>
      </c>
      <c r="IY20" s="244"/>
      <c r="IZ20" s="71">
        <v>412</v>
      </c>
      <c r="JA20" s="71">
        <v>483</v>
      </c>
      <c r="JB20" s="71">
        <v>351</v>
      </c>
      <c r="JC20" s="71">
        <v>267</v>
      </c>
      <c r="JD20" s="71">
        <v>228</v>
      </c>
      <c r="JE20" s="72">
        <v>1741</v>
      </c>
      <c r="JF20" s="73">
        <v>2276</v>
      </c>
      <c r="JG20" s="70">
        <v>124</v>
      </c>
      <c r="JH20" s="71">
        <v>162</v>
      </c>
      <c r="JI20" s="72">
        <v>286</v>
      </c>
      <c r="JJ20" s="244">
        <v>0</v>
      </c>
      <c r="JK20" s="71">
        <v>301</v>
      </c>
      <c r="JL20" s="71">
        <v>424</v>
      </c>
      <c r="JM20" s="71">
        <v>325</v>
      </c>
      <c r="JN20" s="71">
        <v>347</v>
      </c>
      <c r="JO20" s="71">
        <v>209</v>
      </c>
      <c r="JP20" s="72">
        <v>1606</v>
      </c>
      <c r="JQ20" s="73">
        <v>1892</v>
      </c>
      <c r="JR20" s="70">
        <v>15</v>
      </c>
      <c r="JS20" s="71">
        <v>38</v>
      </c>
      <c r="JT20" s="72">
        <v>53</v>
      </c>
      <c r="JU20" s="244"/>
      <c r="JV20" s="71">
        <v>33</v>
      </c>
      <c r="JW20" s="71">
        <v>71</v>
      </c>
      <c r="JX20" s="71">
        <v>47</v>
      </c>
      <c r="JY20" s="71">
        <v>32</v>
      </c>
      <c r="JZ20" s="71">
        <v>29</v>
      </c>
      <c r="KA20" s="72">
        <v>212</v>
      </c>
      <c r="KB20" s="73">
        <v>265</v>
      </c>
      <c r="KC20" s="70">
        <v>893</v>
      </c>
      <c r="KD20" s="71">
        <v>1179</v>
      </c>
      <c r="KE20" s="72">
        <v>2072</v>
      </c>
      <c r="KF20" s="244"/>
      <c r="KG20" s="71">
        <v>1534</v>
      </c>
      <c r="KH20" s="71">
        <v>2017</v>
      </c>
      <c r="KI20" s="71">
        <v>1439</v>
      </c>
      <c r="KJ20" s="71">
        <v>1227</v>
      </c>
      <c r="KK20" s="71">
        <v>876</v>
      </c>
      <c r="KL20" s="72">
        <v>7093</v>
      </c>
      <c r="KM20" s="73">
        <v>9165</v>
      </c>
    </row>
    <row r="21" spans="2:299" ht="19.5" customHeight="1" x14ac:dyDescent="0.2">
      <c r="B21" s="126" t="s">
        <v>18</v>
      </c>
      <c r="C21" s="316">
        <v>414</v>
      </c>
      <c r="D21" s="82">
        <v>416</v>
      </c>
      <c r="E21" s="83">
        <v>830</v>
      </c>
      <c r="F21" s="241"/>
      <c r="G21" s="82">
        <v>897</v>
      </c>
      <c r="H21" s="82">
        <v>717</v>
      </c>
      <c r="I21" s="82">
        <v>506</v>
      </c>
      <c r="J21" s="82">
        <v>451</v>
      </c>
      <c r="K21" s="82">
        <v>269</v>
      </c>
      <c r="L21" s="84">
        <v>2840</v>
      </c>
      <c r="M21" s="85">
        <v>3670</v>
      </c>
      <c r="N21" s="70">
        <v>21</v>
      </c>
      <c r="O21" s="71">
        <v>29</v>
      </c>
      <c r="P21" s="72">
        <v>50</v>
      </c>
      <c r="Q21" s="244"/>
      <c r="R21" s="71">
        <v>54</v>
      </c>
      <c r="S21" s="71">
        <v>46</v>
      </c>
      <c r="T21" s="71">
        <v>27</v>
      </c>
      <c r="U21" s="71">
        <v>40</v>
      </c>
      <c r="V21" s="71">
        <v>17</v>
      </c>
      <c r="W21" s="72">
        <v>184</v>
      </c>
      <c r="X21" s="73">
        <v>234</v>
      </c>
      <c r="Y21" s="70">
        <v>47</v>
      </c>
      <c r="Z21" s="71">
        <v>50</v>
      </c>
      <c r="AA21" s="72">
        <v>97</v>
      </c>
      <c r="AB21" s="244"/>
      <c r="AC21" s="71">
        <v>101</v>
      </c>
      <c r="AD21" s="71">
        <v>84</v>
      </c>
      <c r="AE21" s="71">
        <v>75</v>
      </c>
      <c r="AF21" s="71">
        <v>62</v>
      </c>
      <c r="AG21" s="71">
        <v>36</v>
      </c>
      <c r="AH21" s="72">
        <v>358</v>
      </c>
      <c r="AI21" s="73">
        <v>455</v>
      </c>
      <c r="AJ21" s="70">
        <v>72</v>
      </c>
      <c r="AK21" s="71">
        <v>65</v>
      </c>
      <c r="AL21" s="72">
        <v>137</v>
      </c>
      <c r="AM21" s="244"/>
      <c r="AN21" s="71">
        <v>137</v>
      </c>
      <c r="AO21" s="71">
        <v>116</v>
      </c>
      <c r="AP21" s="71">
        <v>79</v>
      </c>
      <c r="AQ21" s="71">
        <v>72</v>
      </c>
      <c r="AR21" s="71">
        <v>63</v>
      </c>
      <c r="AS21" s="72">
        <v>467</v>
      </c>
      <c r="AT21" s="73">
        <v>604</v>
      </c>
      <c r="AU21" s="70">
        <v>115</v>
      </c>
      <c r="AV21" s="71">
        <v>100</v>
      </c>
      <c r="AW21" s="72">
        <v>215</v>
      </c>
      <c r="AX21" s="244"/>
      <c r="AY21" s="71">
        <v>245</v>
      </c>
      <c r="AZ21" s="71">
        <v>181</v>
      </c>
      <c r="BA21" s="71">
        <v>118</v>
      </c>
      <c r="BB21" s="71">
        <v>109</v>
      </c>
      <c r="BC21" s="71">
        <v>68</v>
      </c>
      <c r="BD21" s="72">
        <v>721</v>
      </c>
      <c r="BE21" s="73">
        <v>936</v>
      </c>
      <c r="BF21" s="70">
        <v>102</v>
      </c>
      <c r="BG21" s="71">
        <v>108</v>
      </c>
      <c r="BH21" s="72">
        <v>210</v>
      </c>
      <c r="BI21" s="244"/>
      <c r="BJ21" s="71">
        <v>235</v>
      </c>
      <c r="BK21" s="71">
        <v>180</v>
      </c>
      <c r="BL21" s="71">
        <v>132</v>
      </c>
      <c r="BM21" s="71">
        <v>97</v>
      </c>
      <c r="BN21" s="71">
        <v>45</v>
      </c>
      <c r="BO21" s="72">
        <v>689</v>
      </c>
      <c r="BP21" s="73">
        <v>899</v>
      </c>
      <c r="BQ21" s="70">
        <v>57</v>
      </c>
      <c r="BR21" s="71">
        <v>64</v>
      </c>
      <c r="BS21" s="72">
        <v>121</v>
      </c>
      <c r="BT21" s="244"/>
      <c r="BU21" s="71">
        <v>125</v>
      </c>
      <c r="BV21" s="71">
        <v>110</v>
      </c>
      <c r="BW21" s="71">
        <v>75</v>
      </c>
      <c r="BX21" s="71">
        <v>71</v>
      </c>
      <c r="BY21" s="71">
        <v>40</v>
      </c>
      <c r="BZ21" s="72">
        <v>421</v>
      </c>
      <c r="CA21" s="73">
        <v>542</v>
      </c>
      <c r="CB21" s="70">
        <v>9</v>
      </c>
      <c r="CC21" s="71">
        <v>20</v>
      </c>
      <c r="CD21" s="72">
        <v>29</v>
      </c>
      <c r="CE21" s="244"/>
      <c r="CF21" s="71">
        <v>31</v>
      </c>
      <c r="CG21" s="71">
        <v>38</v>
      </c>
      <c r="CH21" s="71">
        <v>33</v>
      </c>
      <c r="CI21" s="71">
        <v>19</v>
      </c>
      <c r="CJ21" s="71">
        <v>23</v>
      </c>
      <c r="CK21" s="72">
        <v>144</v>
      </c>
      <c r="CL21" s="73">
        <v>173</v>
      </c>
      <c r="CM21" s="70">
        <v>423</v>
      </c>
      <c r="CN21" s="71">
        <v>436</v>
      </c>
      <c r="CO21" s="72">
        <v>859</v>
      </c>
      <c r="CP21" s="244"/>
      <c r="CQ21" s="71">
        <v>928</v>
      </c>
      <c r="CR21" s="71">
        <v>755</v>
      </c>
      <c r="CS21" s="71">
        <v>539</v>
      </c>
      <c r="CT21" s="71">
        <v>470</v>
      </c>
      <c r="CU21" s="71">
        <v>292</v>
      </c>
      <c r="CV21" s="72">
        <v>2984</v>
      </c>
      <c r="CW21" s="73">
        <v>3843</v>
      </c>
      <c r="CX21" s="123">
        <v>820</v>
      </c>
      <c r="CY21" s="82">
        <v>1030</v>
      </c>
      <c r="CZ21" s="83">
        <v>1850</v>
      </c>
      <c r="DA21" s="241"/>
      <c r="DB21" s="82">
        <v>1386</v>
      </c>
      <c r="DC21" s="82">
        <v>1248</v>
      </c>
      <c r="DD21" s="82">
        <v>901</v>
      </c>
      <c r="DE21" s="82">
        <v>906</v>
      </c>
      <c r="DF21" s="82">
        <v>646</v>
      </c>
      <c r="DG21" s="84">
        <v>5087</v>
      </c>
      <c r="DH21" s="85">
        <v>6937</v>
      </c>
      <c r="DI21" s="70">
        <v>23</v>
      </c>
      <c r="DJ21" s="71">
        <v>27</v>
      </c>
      <c r="DK21" s="72">
        <v>50</v>
      </c>
      <c r="DL21" s="244"/>
      <c r="DM21" s="71">
        <v>37</v>
      </c>
      <c r="DN21" s="71">
        <v>29</v>
      </c>
      <c r="DO21" s="71">
        <v>17</v>
      </c>
      <c r="DP21" s="71">
        <v>17</v>
      </c>
      <c r="DQ21" s="71">
        <v>16</v>
      </c>
      <c r="DR21" s="72">
        <v>116</v>
      </c>
      <c r="DS21" s="73">
        <v>166</v>
      </c>
      <c r="DT21" s="70">
        <v>76</v>
      </c>
      <c r="DU21" s="71">
        <v>93</v>
      </c>
      <c r="DV21" s="72">
        <v>169</v>
      </c>
      <c r="DW21" s="244"/>
      <c r="DX21" s="71">
        <v>99</v>
      </c>
      <c r="DY21" s="71">
        <v>80</v>
      </c>
      <c r="DZ21" s="71">
        <v>53</v>
      </c>
      <c r="EA21" s="71">
        <v>44</v>
      </c>
      <c r="EB21" s="71">
        <v>43</v>
      </c>
      <c r="EC21" s="72">
        <v>319</v>
      </c>
      <c r="ED21" s="73">
        <v>488</v>
      </c>
      <c r="EE21" s="70">
        <v>151</v>
      </c>
      <c r="EF21" s="71">
        <v>188</v>
      </c>
      <c r="EG21" s="72">
        <v>339</v>
      </c>
      <c r="EH21" s="244"/>
      <c r="EI21" s="71">
        <v>204</v>
      </c>
      <c r="EJ21" s="71">
        <v>150</v>
      </c>
      <c r="EK21" s="71">
        <v>114</v>
      </c>
      <c r="EL21" s="71">
        <v>93</v>
      </c>
      <c r="EM21" s="71">
        <v>71</v>
      </c>
      <c r="EN21" s="72">
        <v>632</v>
      </c>
      <c r="EO21" s="73">
        <v>971</v>
      </c>
      <c r="EP21" s="70">
        <v>249</v>
      </c>
      <c r="EQ21" s="71">
        <v>311</v>
      </c>
      <c r="ER21" s="72">
        <v>560</v>
      </c>
      <c r="ES21" s="244"/>
      <c r="ET21" s="71">
        <v>376</v>
      </c>
      <c r="EU21" s="71">
        <v>291</v>
      </c>
      <c r="EV21" s="71">
        <v>174</v>
      </c>
      <c r="EW21" s="71">
        <v>173</v>
      </c>
      <c r="EX21" s="71">
        <v>138</v>
      </c>
      <c r="EY21" s="72">
        <v>1152</v>
      </c>
      <c r="EZ21" s="73">
        <v>1712</v>
      </c>
      <c r="FA21" s="70">
        <v>221</v>
      </c>
      <c r="FB21" s="71">
        <v>269</v>
      </c>
      <c r="FC21" s="72">
        <v>490</v>
      </c>
      <c r="FD21" s="244"/>
      <c r="FE21" s="71">
        <v>401</v>
      </c>
      <c r="FF21" s="71">
        <v>374</v>
      </c>
      <c r="FG21" s="71">
        <v>237</v>
      </c>
      <c r="FH21" s="71">
        <v>243</v>
      </c>
      <c r="FI21" s="71">
        <v>185</v>
      </c>
      <c r="FJ21" s="72">
        <v>1440</v>
      </c>
      <c r="FK21" s="73">
        <v>1930</v>
      </c>
      <c r="FL21" s="70">
        <v>100</v>
      </c>
      <c r="FM21" s="71">
        <v>142</v>
      </c>
      <c r="FN21" s="72">
        <v>242</v>
      </c>
      <c r="FO21" s="244"/>
      <c r="FP21" s="71">
        <v>269</v>
      </c>
      <c r="FQ21" s="71">
        <v>324</v>
      </c>
      <c r="FR21" s="71">
        <v>306</v>
      </c>
      <c r="FS21" s="71">
        <v>336</v>
      </c>
      <c r="FT21" s="71">
        <v>193</v>
      </c>
      <c r="FU21" s="72">
        <v>1428</v>
      </c>
      <c r="FV21" s="73">
        <v>1670</v>
      </c>
      <c r="FW21" s="70">
        <v>13</v>
      </c>
      <c r="FX21" s="71">
        <v>18</v>
      </c>
      <c r="FY21" s="72">
        <v>31</v>
      </c>
      <c r="FZ21" s="244"/>
      <c r="GA21" s="71">
        <v>25</v>
      </c>
      <c r="GB21" s="71">
        <v>30</v>
      </c>
      <c r="GC21" s="71">
        <v>21</v>
      </c>
      <c r="GD21" s="71">
        <v>16</v>
      </c>
      <c r="GE21" s="71">
        <v>14</v>
      </c>
      <c r="GF21" s="72">
        <v>106</v>
      </c>
      <c r="GG21" s="73">
        <v>137</v>
      </c>
      <c r="GH21" s="70">
        <v>833</v>
      </c>
      <c r="GI21" s="71">
        <v>1048</v>
      </c>
      <c r="GJ21" s="72">
        <v>1881</v>
      </c>
      <c r="GK21" s="244"/>
      <c r="GL21" s="71">
        <v>1411</v>
      </c>
      <c r="GM21" s="71">
        <v>1278</v>
      </c>
      <c r="GN21" s="71">
        <v>922</v>
      </c>
      <c r="GO21" s="71">
        <v>922</v>
      </c>
      <c r="GP21" s="71">
        <v>660</v>
      </c>
      <c r="GQ21" s="72">
        <v>5193</v>
      </c>
      <c r="GR21" s="73">
        <v>7074</v>
      </c>
      <c r="GS21" s="123">
        <v>1234</v>
      </c>
      <c r="GT21" s="82">
        <v>1446</v>
      </c>
      <c r="GU21" s="83">
        <v>2680</v>
      </c>
      <c r="GV21" s="241"/>
      <c r="GW21" s="82">
        <v>2283</v>
      </c>
      <c r="GX21" s="82">
        <v>1965</v>
      </c>
      <c r="GY21" s="82">
        <v>1407</v>
      </c>
      <c r="GZ21" s="82">
        <v>1357</v>
      </c>
      <c r="HA21" s="82">
        <v>915</v>
      </c>
      <c r="HB21" s="84">
        <v>7927</v>
      </c>
      <c r="HC21" s="85">
        <v>10607</v>
      </c>
      <c r="HD21" s="70">
        <v>44</v>
      </c>
      <c r="HE21" s="71">
        <v>56</v>
      </c>
      <c r="HF21" s="72">
        <v>100</v>
      </c>
      <c r="HG21" s="244"/>
      <c r="HH21" s="71">
        <v>91</v>
      </c>
      <c r="HI21" s="71">
        <v>75</v>
      </c>
      <c r="HJ21" s="71">
        <v>44</v>
      </c>
      <c r="HK21" s="71">
        <v>57</v>
      </c>
      <c r="HL21" s="71">
        <v>33</v>
      </c>
      <c r="HM21" s="72">
        <v>300</v>
      </c>
      <c r="HN21" s="73">
        <v>400</v>
      </c>
      <c r="HO21" s="70">
        <v>123</v>
      </c>
      <c r="HP21" s="71">
        <v>143</v>
      </c>
      <c r="HQ21" s="72">
        <v>266</v>
      </c>
      <c r="HR21" s="244"/>
      <c r="HS21" s="71">
        <v>200</v>
      </c>
      <c r="HT21" s="71">
        <v>164</v>
      </c>
      <c r="HU21" s="71">
        <v>128</v>
      </c>
      <c r="HV21" s="71">
        <v>106</v>
      </c>
      <c r="HW21" s="71">
        <v>79</v>
      </c>
      <c r="HX21" s="72">
        <v>677</v>
      </c>
      <c r="HY21" s="73">
        <v>943</v>
      </c>
      <c r="HZ21" s="70">
        <v>223</v>
      </c>
      <c r="IA21" s="71">
        <v>253</v>
      </c>
      <c r="IB21" s="72">
        <v>476</v>
      </c>
      <c r="IC21" s="244"/>
      <c r="ID21" s="71">
        <v>341</v>
      </c>
      <c r="IE21" s="71">
        <v>266</v>
      </c>
      <c r="IF21" s="71">
        <v>193</v>
      </c>
      <c r="IG21" s="71">
        <v>165</v>
      </c>
      <c r="IH21" s="71">
        <v>134</v>
      </c>
      <c r="II21" s="72">
        <v>1099</v>
      </c>
      <c r="IJ21" s="73">
        <v>1575</v>
      </c>
      <c r="IK21" s="70">
        <v>364</v>
      </c>
      <c r="IL21" s="71">
        <v>411</v>
      </c>
      <c r="IM21" s="72">
        <v>775</v>
      </c>
      <c r="IN21" s="244"/>
      <c r="IO21" s="71">
        <v>621</v>
      </c>
      <c r="IP21" s="71">
        <v>472</v>
      </c>
      <c r="IQ21" s="71">
        <v>292</v>
      </c>
      <c r="IR21" s="71">
        <v>282</v>
      </c>
      <c r="IS21" s="71">
        <v>206</v>
      </c>
      <c r="IT21" s="72">
        <v>1873</v>
      </c>
      <c r="IU21" s="73">
        <v>2648</v>
      </c>
      <c r="IV21" s="70">
        <v>323</v>
      </c>
      <c r="IW21" s="71">
        <v>377</v>
      </c>
      <c r="IX21" s="72">
        <v>700</v>
      </c>
      <c r="IY21" s="244"/>
      <c r="IZ21" s="71">
        <v>636</v>
      </c>
      <c r="JA21" s="71">
        <v>554</v>
      </c>
      <c r="JB21" s="71">
        <v>369</v>
      </c>
      <c r="JC21" s="71">
        <v>340</v>
      </c>
      <c r="JD21" s="71">
        <v>230</v>
      </c>
      <c r="JE21" s="72">
        <v>2129</v>
      </c>
      <c r="JF21" s="73">
        <v>2829</v>
      </c>
      <c r="JG21" s="70">
        <v>157</v>
      </c>
      <c r="JH21" s="71">
        <v>206</v>
      </c>
      <c r="JI21" s="72">
        <v>363</v>
      </c>
      <c r="JJ21" s="244">
        <v>0</v>
      </c>
      <c r="JK21" s="71">
        <v>394</v>
      </c>
      <c r="JL21" s="71">
        <v>434</v>
      </c>
      <c r="JM21" s="71">
        <v>381</v>
      </c>
      <c r="JN21" s="71">
        <v>407</v>
      </c>
      <c r="JO21" s="71">
        <v>233</v>
      </c>
      <c r="JP21" s="72">
        <v>1849</v>
      </c>
      <c r="JQ21" s="73">
        <v>2212</v>
      </c>
      <c r="JR21" s="70">
        <v>22</v>
      </c>
      <c r="JS21" s="71">
        <v>38</v>
      </c>
      <c r="JT21" s="72">
        <v>60</v>
      </c>
      <c r="JU21" s="244"/>
      <c r="JV21" s="71">
        <v>56</v>
      </c>
      <c r="JW21" s="71">
        <v>68</v>
      </c>
      <c r="JX21" s="71">
        <v>54</v>
      </c>
      <c r="JY21" s="71">
        <v>35</v>
      </c>
      <c r="JZ21" s="71">
        <v>37</v>
      </c>
      <c r="KA21" s="72">
        <v>250</v>
      </c>
      <c r="KB21" s="73">
        <v>310</v>
      </c>
      <c r="KC21" s="70">
        <v>1256</v>
      </c>
      <c r="KD21" s="71">
        <v>1484</v>
      </c>
      <c r="KE21" s="72">
        <v>2740</v>
      </c>
      <c r="KF21" s="244"/>
      <c r="KG21" s="71">
        <v>2339</v>
      </c>
      <c r="KH21" s="71">
        <v>2033</v>
      </c>
      <c r="KI21" s="71">
        <v>1461</v>
      </c>
      <c r="KJ21" s="71">
        <v>1392</v>
      </c>
      <c r="KK21" s="71">
        <v>952</v>
      </c>
      <c r="KL21" s="72">
        <v>8177</v>
      </c>
      <c r="KM21" s="73">
        <v>10917</v>
      </c>
    </row>
    <row r="22" spans="2:299" ht="19.5" customHeight="1" x14ac:dyDescent="0.2">
      <c r="B22" s="126" t="s">
        <v>19</v>
      </c>
      <c r="C22" s="316">
        <v>167</v>
      </c>
      <c r="D22" s="82">
        <v>162</v>
      </c>
      <c r="E22" s="83">
        <v>329</v>
      </c>
      <c r="F22" s="241"/>
      <c r="G22" s="82">
        <v>370</v>
      </c>
      <c r="H22" s="82">
        <v>309</v>
      </c>
      <c r="I22" s="82">
        <v>195</v>
      </c>
      <c r="J22" s="82">
        <v>141</v>
      </c>
      <c r="K22" s="82">
        <v>100</v>
      </c>
      <c r="L22" s="84">
        <v>1115</v>
      </c>
      <c r="M22" s="85">
        <v>1444</v>
      </c>
      <c r="N22" s="86">
        <v>9</v>
      </c>
      <c r="O22" s="71">
        <v>7</v>
      </c>
      <c r="P22" s="72">
        <v>16</v>
      </c>
      <c r="Q22" s="244"/>
      <c r="R22" s="71">
        <v>24</v>
      </c>
      <c r="S22" s="71">
        <v>19</v>
      </c>
      <c r="T22" s="71">
        <v>9</v>
      </c>
      <c r="U22" s="71">
        <v>8</v>
      </c>
      <c r="V22" s="71">
        <v>8</v>
      </c>
      <c r="W22" s="72">
        <v>68</v>
      </c>
      <c r="X22" s="73">
        <v>84</v>
      </c>
      <c r="Y22" s="70">
        <v>11</v>
      </c>
      <c r="Z22" s="71">
        <v>14</v>
      </c>
      <c r="AA22" s="72">
        <v>25</v>
      </c>
      <c r="AB22" s="244"/>
      <c r="AC22" s="71">
        <v>41</v>
      </c>
      <c r="AD22" s="71">
        <v>51</v>
      </c>
      <c r="AE22" s="71">
        <v>26</v>
      </c>
      <c r="AF22" s="71">
        <v>15</v>
      </c>
      <c r="AG22" s="71">
        <v>13</v>
      </c>
      <c r="AH22" s="72">
        <v>146</v>
      </c>
      <c r="AI22" s="73">
        <v>171</v>
      </c>
      <c r="AJ22" s="86">
        <v>37</v>
      </c>
      <c r="AK22" s="71">
        <v>25</v>
      </c>
      <c r="AL22" s="72">
        <v>62</v>
      </c>
      <c r="AM22" s="244"/>
      <c r="AN22" s="71">
        <v>61</v>
      </c>
      <c r="AO22" s="71">
        <v>45</v>
      </c>
      <c r="AP22" s="71">
        <v>34</v>
      </c>
      <c r="AQ22" s="71">
        <v>27</v>
      </c>
      <c r="AR22" s="71">
        <v>14</v>
      </c>
      <c r="AS22" s="72">
        <v>181</v>
      </c>
      <c r="AT22" s="73">
        <v>243</v>
      </c>
      <c r="AU22" s="70">
        <v>47</v>
      </c>
      <c r="AV22" s="71">
        <v>39</v>
      </c>
      <c r="AW22" s="72">
        <v>86</v>
      </c>
      <c r="AX22" s="244"/>
      <c r="AY22" s="71">
        <v>85</v>
      </c>
      <c r="AZ22" s="71">
        <v>67</v>
      </c>
      <c r="BA22" s="71">
        <v>51</v>
      </c>
      <c r="BB22" s="71">
        <v>42</v>
      </c>
      <c r="BC22" s="71">
        <v>25</v>
      </c>
      <c r="BD22" s="72">
        <v>270</v>
      </c>
      <c r="BE22" s="73">
        <v>356</v>
      </c>
      <c r="BF22" s="86">
        <v>41</v>
      </c>
      <c r="BG22" s="71">
        <v>44</v>
      </c>
      <c r="BH22" s="72">
        <v>85</v>
      </c>
      <c r="BI22" s="244"/>
      <c r="BJ22" s="71">
        <v>104</v>
      </c>
      <c r="BK22" s="71">
        <v>71</v>
      </c>
      <c r="BL22" s="71">
        <v>44</v>
      </c>
      <c r="BM22" s="71">
        <v>27</v>
      </c>
      <c r="BN22" s="71">
        <v>24</v>
      </c>
      <c r="BO22" s="72">
        <v>270</v>
      </c>
      <c r="BP22" s="73">
        <v>355</v>
      </c>
      <c r="BQ22" s="70">
        <v>22</v>
      </c>
      <c r="BR22" s="71">
        <v>33</v>
      </c>
      <c r="BS22" s="72">
        <v>55</v>
      </c>
      <c r="BT22" s="244"/>
      <c r="BU22" s="71">
        <v>55</v>
      </c>
      <c r="BV22" s="71">
        <v>56</v>
      </c>
      <c r="BW22" s="71">
        <v>31</v>
      </c>
      <c r="BX22" s="71">
        <v>22</v>
      </c>
      <c r="BY22" s="71">
        <v>16</v>
      </c>
      <c r="BZ22" s="72">
        <v>180</v>
      </c>
      <c r="CA22" s="73">
        <v>235</v>
      </c>
      <c r="CB22" s="70">
        <v>2</v>
      </c>
      <c r="CC22" s="71">
        <v>12</v>
      </c>
      <c r="CD22" s="72">
        <v>14</v>
      </c>
      <c r="CE22" s="244"/>
      <c r="CF22" s="71">
        <v>13</v>
      </c>
      <c r="CG22" s="71">
        <v>12</v>
      </c>
      <c r="CH22" s="71">
        <v>14</v>
      </c>
      <c r="CI22" s="71">
        <v>9</v>
      </c>
      <c r="CJ22" s="71">
        <v>5</v>
      </c>
      <c r="CK22" s="72">
        <v>53</v>
      </c>
      <c r="CL22" s="73">
        <v>67</v>
      </c>
      <c r="CM22" s="70">
        <v>169</v>
      </c>
      <c r="CN22" s="71">
        <v>174</v>
      </c>
      <c r="CO22" s="72">
        <v>343</v>
      </c>
      <c r="CP22" s="244"/>
      <c r="CQ22" s="71">
        <v>383</v>
      </c>
      <c r="CR22" s="71">
        <v>321</v>
      </c>
      <c r="CS22" s="71">
        <v>209</v>
      </c>
      <c r="CT22" s="71">
        <v>150</v>
      </c>
      <c r="CU22" s="71">
        <v>105</v>
      </c>
      <c r="CV22" s="72">
        <v>1168</v>
      </c>
      <c r="CW22" s="73">
        <v>1511</v>
      </c>
      <c r="CX22" s="123">
        <v>326</v>
      </c>
      <c r="CY22" s="82">
        <v>395</v>
      </c>
      <c r="CZ22" s="83">
        <v>721</v>
      </c>
      <c r="DA22" s="241"/>
      <c r="DB22" s="82">
        <v>621</v>
      </c>
      <c r="DC22" s="82">
        <v>508</v>
      </c>
      <c r="DD22" s="82">
        <v>420</v>
      </c>
      <c r="DE22" s="82">
        <v>359</v>
      </c>
      <c r="DF22" s="82">
        <v>243</v>
      </c>
      <c r="DG22" s="84">
        <v>2151</v>
      </c>
      <c r="DH22" s="85">
        <v>2872</v>
      </c>
      <c r="DI22" s="86">
        <v>13</v>
      </c>
      <c r="DJ22" s="71">
        <v>10</v>
      </c>
      <c r="DK22" s="72">
        <v>23</v>
      </c>
      <c r="DL22" s="244"/>
      <c r="DM22" s="71">
        <v>12</v>
      </c>
      <c r="DN22" s="71">
        <v>15</v>
      </c>
      <c r="DO22" s="71">
        <v>12</v>
      </c>
      <c r="DP22" s="71">
        <v>0</v>
      </c>
      <c r="DQ22" s="71">
        <v>4</v>
      </c>
      <c r="DR22" s="72">
        <v>43</v>
      </c>
      <c r="DS22" s="73">
        <v>66</v>
      </c>
      <c r="DT22" s="70">
        <v>29</v>
      </c>
      <c r="DU22" s="71">
        <v>34</v>
      </c>
      <c r="DV22" s="72">
        <v>63</v>
      </c>
      <c r="DW22" s="244"/>
      <c r="DX22" s="71">
        <v>49</v>
      </c>
      <c r="DY22" s="71">
        <v>29</v>
      </c>
      <c r="DZ22" s="71">
        <v>17</v>
      </c>
      <c r="EA22" s="71">
        <v>16</v>
      </c>
      <c r="EB22" s="71">
        <v>15</v>
      </c>
      <c r="EC22" s="72">
        <v>126</v>
      </c>
      <c r="ED22" s="73">
        <v>189</v>
      </c>
      <c r="EE22" s="86">
        <v>49</v>
      </c>
      <c r="EF22" s="71">
        <v>61</v>
      </c>
      <c r="EG22" s="72">
        <v>110</v>
      </c>
      <c r="EH22" s="244"/>
      <c r="EI22" s="71">
        <v>94</v>
      </c>
      <c r="EJ22" s="71">
        <v>60</v>
      </c>
      <c r="EK22" s="71">
        <v>40</v>
      </c>
      <c r="EL22" s="71">
        <v>37</v>
      </c>
      <c r="EM22" s="71">
        <v>35</v>
      </c>
      <c r="EN22" s="72">
        <v>266</v>
      </c>
      <c r="EO22" s="73">
        <v>376</v>
      </c>
      <c r="EP22" s="70">
        <v>110</v>
      </c>
      <c r="EQ22" s="71">
        <v>96</v>
      </c>
      <c r="ER22" s="72">
        <v>206</v>
      </c>
      <c r="ES22" s="244"/>
      <c r="ET22" s="71">
        <v>146</v>
      </c>
      <c r="EU22" s="71">
        <v>115</v>
      </c>
      <c r="EV22" s="71">
        <v>74</v>
      </c>
      <c r="EW22" s="71">
        <v>65</v>
      </c>
      <c r="EX22" s="71">
        <v>43</v>
      </c>
      <c r="EY22" s="72">
        <v>443</v>
      </c>
      <c r="EZ22" s="73">
        <v>649</v>
      </c>
      <c r="FA22" s="86">
        <v>84</v>
      </c>
      <c r="FB22" s="71">
        <v>118</v>
      </c>
      <c r="FC22" s="72">
        <v>202</v>
      </c>
      <c r="FD22" s="244"/>
      <c r="FE22" s="71">
        <v>169</v>
      </c>
      <c r="FF22" s="71">
        <v>138</v>
      </c>
      <c r="FG22" s="71">
        <v>116</v>
      </c>
      <c r="FH22" s="71">
        <v>74</v>
      </c>
      <c r="FI22" s="71">
        <v>49</v>
      </c>
      <c r="FJ22" s="72">
        <v>546</v>
      </c>
      <c r="FK22" s="73">
        <v>748</v>
      </c>
      <c r="FL22" s="70">
        <v>41</v>
      </c>
      <c r="FM22" s="71">
        <v>76</v>
      </c>
      <c r="FN22" s="72">
        <v>117</v>
      </c>
      <c r="FO22" s="244"/>
      <c r="FP22" s="71">
        <v>151</v>
      </c>
      <c r="FQ22" s="71">
        <v>151</v>
      </c>
      <c r="FR22" s="71">
        <v>161</v>
      </c>
      <c r="FS22" s="71">
        <v>167</v>
      </c>
      <c r="FT22" s="71">
        <v>97</v>
      </c>
      <c r="FU22" s="72">
        <v>727</v>
      </c>
      <c r="FV22" s="73">
        <v>844</v>
      </c>
      <c r="FW22" s="70">
        <v>3</v>
      </c>
      <c r="FX22" s="71">
        <v>5</v>
      </c>
      <c r="FY22" s="72">
        <v>8</v>
      </c>
      <c r="FZ22" s="244"/>
      <c r="GA22" s="71">
        <v>9</v>
      </c>
      <c r="GB22" s="71">
        <v>9</v>
      </c>
      <c r="GC22" s="71">
        <v>4</v>
      </c>
      <c r="GD22" s="71">
        <v>3</v>
      </c>
      <c r="GE22" s="71">
        <v>5</v>
      </c>
      <c r="GF22" s="72">
        <v>30</v>
      </c>
      <c r="GG22" s="73">
        <v>38</v>
      </c>
      <c r="GH22" s="70">
        <v>329</v>
      </c>
      <c r="GI22" s="71">
        <v>400</v>
      </c>
      <c r="GJ22" s="72">
        <v>729</v>
      </c>
      <c r="GK22" s="244"/>
      <c r="GL22" s="71">
        <v>630</v>
      </c>
      <c r="GM22" s="71">
        <v>517</v>
      </c>
      <c r="GN22" s="71">
        <v>424</v>
      </c>
      <c r="GO22" s="71">
        <v>362</v>
      </c>
      <c r="GP22" s="71">
        <v>248</v>
      </c>
      <c r="GQ22" s="72">
        <v>2181</v>
      </c>
      <c r="GR22" s="73">
        <v>2910</v>
      </c>
      <c r="GS22" s="123">
        <v>493</v>
      </c>
      <c r="GT22" s="82">
        <v>557</v>
      </c>
      <c r="GU22" s="83">
        <v>1050</v>
      </c>
      <c r="GV22" s="241"/>
      <c r="GW22" s="82">
        <v>991</v>
      </c>
      <c r="GX22" s="82">
        <v>817</v>
      </c>
      <c r="GY22" s="82">
        <v>615</v>
      </c>
      <c r="GZ22" s="82">
        <v>500</v>
      </c>
      <c r="HA22" s="82">
        <v>343</v>
      </c>
      <c r="HB22" s="84">
        <v>3266</v>
      </c>
      <c r="HC22" s="85">
        <v>4316</v>
      </c>
      <c r="HD22" s="86">
        <v>22</v>
      </c>
      <c r="HE22" s="71">
        <v>17</v>
      </c>
      <c r="HF22" s="72">
        <v>39</v>
      </c>
      <c r="HG22" s="244"/>
      <c r="HH22" s="71">
        <v>36</v>
      </c>
      <c r="HI22" s="71">
        <v>34</v>
      </c>
      <c r="HJ22" s="71">
        <v>21</v>
      </c>
      <c r="HK22" s="71">
        <v>8</v>
      </c>
      <c r="HL22" s="71">
        <v>12</v>
      </c>
      <c r="HM22" s="72">
        <v>111</v>
      </c>
      <c r="HN22" s="73">
        <v>150</v>
      </c>
      <c r="HO22" s="70">
        <v>40</v>
      </c>
      <c r="HP22" s="71">
        <v>48</v>
      </c>
      <c r="HQ22" s="72">
        <v>88</v>
      </c>
      <c r="HR22" s="244"/>
      <c r="HS22" s="71">
        <v>90</v>
      </c>
      <c r="HT22" s="71">
        <v>80</v>
      </c>
      <c r="HU22" s="71">
        <v>43</v>
      </c>
      <c r="HV22" s="71">
        <v>31</v>
      </c>
      <c r="HW22" s="71">
        <v>28</v>
      </c>
      <c r="HX22" s="72">
        <v>272</v>
      </c>
      <c r="HY22" s="73">
        <v>360</v>
      </c>
      <c r="HZ22" s="86">
        <v>86</v>
      </c>
      <c r="IA22" s="71">
        <v>86</v>
      </c>
      <c r="IB22" s="72">
        <v>172</v>
      </c>
      <c r="IC22" s="244"/>
      <c r="ID22" s="71">
        <v>155</v>
      </c>
      <c r="IE22" s="71">
        <v>105</v>
      </c>
      <c r="IF22" s="71">
        <v>74</v>
      </c>
      <c r="IG22" s="71">
        <v>64</v>
      </c>
      <c r="IH22" s="71">
        <v>49</v>
      </c>
      <c r="II22" s="72">
        <v>447</v>
      </c>
      <c r="IJ22" s="73">
        <v>619</v>
      </c>
      <c r="IK22" s="70">
        <v>157</v>
      </c>
      <c r="IL22" s="71">
        <v>135</v>
      </c>
      <c r="IM22" s="72">
        <v>292</v>
      </c>
      <c r="IN22" s="244"/>
      <c r="IO22" s="71">
        <v>231</v>
      </c>
      <c r="IP22" s="71">
        <v>182</v>
      </c>
      <c r="IQ22" s="71">
        <v>125</v>
      </c>
      <c r="IR22" s="71">
        <v>107</v>
      </c>
      <c r="IS22" s="71">
        <v>68</v>
      </c>
      <c r="IT22" s="72">
        <v>713</v>
      </c>
      <c r="IU22" s="73">
        <v>1005</v>
      </c>
      <c r="IV22" s="86">
        <v>125</v>
      </c>
      <c r="IW22" s="71">
        <v>162</v>
      </c>
      <c r="IX22" s="72">
        <v>287</v>
      </c>
      <c r="IY22" s="244"/>
      <c r="IZ22" s="71">
        <v>273</v>
      </c>
      <c r="JA22" s="71">
        <v>209</v>
      </c>
      <c r="JB22" s="71">
        <v>160</v>
      </c>
      <c r="JC22" s="71">
        <v>101</v>
      </c>
      <c r="JD22" s="71">
        <v>73</v>
      </c>
      <c r="JE22" s="72">
        <v>816</v>
      </c>
      <c r="JF22" s="73">
        <v>1103</v>
      </c>
      <c r="JG22" s="70">
        <v>63</v>
      </c>
      <c r="JH22" s="71">
        <v>109</v>
      </c>
      <c r="JI22" s="72">
        <v>172</v>
      </c>
      <c r="JJ22" s="244">
        <v>0</v>
      </c>
      <c r="JK22" s="71">
        <v>206</v>
      </c>
      <c r="JL22" s="71">
        <v>207</v>
      </c>
      <c r="JM22" s="71">
        <v>192</v>
      </c>
      <c r="JN22" s="71">
        <v>189</v>
      </c>
      <c r="JO22" s="71">
        <v>113</v>
      </c>
      <c r="JP22" s="72">
        <v>907</v>
      </c>
      <c r="JQ22" s="73">
        <v>1079</v>
      </c>
      <c r="JR22" s="70">
        <v>5</v>
      </c>
      <c r="JS22" s="71">
        <v>17</v>
      </c>
      <c r="JT22" s="72">
        <v>22</v>
      </c>
      <c r="JU22" s="244"/>
      <c r="JV22" s="71">
        <v>22</v>
      </c>
      <c r="JW22" s="71">
        <v>21</v>
      </c>
      <c r="JX22" s="71">
        <v>18</v>
      </c>
      <c r="JY22" s="71">
        <v>12</v>
      </c>
      <c r="JZ22" s="71">
        <v>10</v>
      </c>
      <c r="KA22" s="72">
        <v>83</v>
      </c>
      <c r="KB22" s="73">
        <v>105</v>
      </c>
      <c r="KC22" s="70">
        <v>498</v>
      </c>
      <c r="KD22" s="71">
        <v>574</v>
      </c>
      <c r="KE22" s="72">
        <v>1072</v>
      </c>
      <c r="KF22" s="244"/>
      <c r="KG22" s="71">
        <v>1013</v>
      </c>
      <c r="KH22" s="71">
        <v>838</v>
      </c>
      <c r="KI22" s="71">
        <v>633</v>
      </c>
      <c r="KJ22" s="71">
        <v>512</v>
      </c>
      <c r="KK22" s="71">
        <v>353</v>
      </c>
      <c r="KL22" s="72">
        <v>3349</v>
      </c>
      <c r="KM22" s="73">
        <v>4421</v>
      </c>
    </row>
    <row r="23" spans="2:299" ht="19.5" customHeight="1" x14ac:dyDescent="0.2">
      <c r="B23" s="126" t="s">
        <v>20</v>
      </c>
      <c r="C23" s="316">
        <v>244</v>
      </c>
      <c r="D23" s="82">
        <v>319</v>
      </c>
      <c r="E23" s="83">
        <v>563</v>
      </c>
      <c r="F23" s="241"/>
      <c r="G23" s="82">
        <v>548</v>
      </c>
      <c r="H23" s="82">
        <v>332</v>
      </c>
      <c r="I23" s="82">
        <v>250</v>
      </c>
      <c r="J23" s="82">
        <v>197</v>
      </c>
      <c r="K23" s="82">
        <v>104</v>
      </c>
      <c r="L23" s="84">
        <v>1431</v>
      </c>
      <c r="M23" s="85">
        <v>1994</v>
      </c>
      <c r="N23" s="70">
        <v>13</v>
      </c>
      <c r="O23" s="71">
        <v>7</v>
      </c>
      <c r="P23" s="72">
        <v>20</v>
      </c>
      <c r="Q23" s="244"/>
      <c r="R23" s="71">
        <v>26</v>
      </c>
      <c r="S23" s="71">
        <v>16</v>
      </c>
      <c r="T23" s="71">
        <v>14</v>
      </c>
      <c r="U23" s="71">
        <v>12</v>
      </c>
      <c r="V23" s="71">
        <v>7</v>
      </c>
      <c r="W23" s="72">
        <v>75</v>
      </c>
      <c r="X23" s="73">
        <v>95</v>
      </c>
      <c r="Y23" s="70">
        <v>27</v>
      </c>
      <c r="Z23" s="71">
        <v>34</v>
      </c>
      <c r="AA23" s="72">
        <v>61</v>
      </c>
      <c r="AB23" s="244"/>
      <c r="AC23" s="71">
        <v>68</v>
      </c>
      <c r="AD23" s="71">
        <v>45</v>
      </c>
      <c r="AE23" s="71">
        <v>32</v>
      </c>
      <c r="AF23" s="71">
        <v>28</v>
      </c>
      <c r="AG23" s="71">
        <v>19</v>
      </c>
      <c r="AH23" s="72">
        <v>192</v>
      </c>
      <c r="AI23" s="73">
        <v>253</v>
      </c>
      <c r="AJ23" s="70">
        <v>55</v>
      </c>
      <c r="AK23" s="71">
        <v>56</v>
      </c>
      <c r="AL23" s="72">
        <v>111</v>
      </c>
      <c r="AM23" s="244"/>
      <c r="AN23" s="71">
        <v>87</v>
      </c>
      <c r="AO23" s="71">
        <v>55</v>
      </c>
      <c r="AP23" s="71">
        <v>40</v>
      </c>
      <c r="AQ23" s="71">
        <v>38</v>
      </c>
      <c r="AR23" s="71">
        <v>25</v>
      </c>
      <c r="AS23" s="72">
        <v>245</v>
      </c>
      <c r="AT23" s="73">
        <v>356</v>
      </c>
      <c r="AU23" s="70">
        <v>53</v>
      </c>
      <c r="AV23" s="71">
        <v>101</v>
      </c>
      <c r="AW23" s="72">
        <v>154</v>
      </c>
      <c r="AX23" s="244"/>
      <c r="AY23" s="71">
        <v>167</v>
      </c>
      <c r="AZ23" s="71">
        <v>95</v>
      </c>
      <c r="BA23" s="71">
        <v>72</v>
      </c>
      <c r="BB23" s="71">
        <v>50</v>
      </c>
      <c r="BC23" s="71">
        <v>26</v>
      </c>
      <c r="BD23" s="72">
        <v>410</v>
      </c>
      <c r="BE23" s="73">
        <v>564</v>
      </c>
      <c r="BF23" s="70">
        <v>62</v>
      </c>
      <c r="BG23" s="71">
        <v>81</v>
      </c>
      <c r="BH23" s="72">
        <v>143</v>
      </c>
      <c r="BI23" s="244"/>
      <c r="BJ23" s="71">
        <v>137</v>
      </c>
      <c r="BK23" s="71">
        <v>81</v>
      </c>
      <c r="BL23" s="71">
        <v>54</v>
      </c>
      <c r="BM23" s="71">
        <v>44</v>
      </c>
      <c r="BN23" s="71">
        <v>18</v>
      </c>
      <c r="BO23" s="72">
        <v>334</v>
      </c>
      <c r="BP23" s="73">
        <v>477</v>
      </c>
      <c r="BQ23" s="70">
        <v>34</v>
      </c>
      <c r="BR23" s="71">
        <v>40</v>
      </c>
      <c r="BS23" s="72">
        <v>74</v>
      </c>
      <c r="BT23" s="244"/>
      <c r="BU23" s="71">
        <v>63</v>
      </c>
      <c r="BV23" s="71">
        <v>40</v>
      </c>
      <c r="BW23" s="71">
        <v>38</v>
      </c>
      <c r="BX23" s="71">
        <v>25</v>
      </c>
      <c r="BY23" s="71">
        <v>9</v>
      </c>
      <c r="BZ23" s="72">
        <v>175</v>
      </c>
      <c r="CA23" s="73">
        <v>249</v>
      </c>
      <c r="CB23" s="70">
        <v>5</v>
      </c>
      <c r="CC23" s="71">
        <v>16</v>
      </c>
      <c r="CD23" s="72">
        <v>21</v>
      </c>
      <c r="CE23" s="244"/>
      <c r="CF23" s="71">
        <v>25</v>
      </c>
      <c r="CG23" s="71">
        <v>9</v>
      </c>
      <c r="CH23" s="71">
        <v>15</v>
      </c>
      <c r="CI23" s="71">
        <v>12</v>
      </c>
      <c r="CJ23" s="71">
        <v>3</v>
      </c>
      <c r="CK23" s="72">
        <v>64</v>
      </c>
      <c r="CL23" s="73">
        <v>85</v>
      </c>
      <c r="CM23" s="70">
        <v>249</v>
      </c>
      <c r="CN23" s="71">
        <v>335</v>
      </c>
      <c r="CO23" s="72">
        <v>584</v>
      </c>
      <c r="CP23" s="244"/>
      <c r="CQ23" s="71">
        <v>573</v>
      </c>
      <c r="CR23" s="71">
        <v>341</v>
      </c>
      <c r="CS23" s="71">
        <v>265</v>
      </c>
      <c r="CT23" s="71">
        <v>209</v>
      </c>
      <c r="CU23" s="71">
        <v>107</v>
      </c>
      <c r="CV23" s="72">
        <v>1495</v>
      </c>
      <c r="CW23" s="73">
        <v>2079</v>
      </c>
      <c r="CX23" s="123">
        <v>460</v>
      </c>
      <c r="CY23" s="82">
        <v>576</v>
      </c>
      <c r="CZ23" s="83">
        <v>1036</v>
      </c>
      <c r="DA23" s="241"/>
      <c r="DB23" s="82">
        <v>817</v>
      </c>
      <c r="DC23" s="82">
        <v>493</v>
      </c>
      <c r="DD23" s="82">
        <v>463</v>
      </c>
      <c r="DE23" s="82">
        <v>415</v>
      </c>
      <c r="DF23" s="82">
        <v>256</v>
      </c>
      <c r="DG23" s="84">
        <v>2444</v>
      </c>
      <c r="DH23" s="85">
        <v>3480</v>
      </c>
      <c r="DI23" s="70">
        <v>8</v>
      </c>
      <c r="DJ23" s="71">
        <v>13</v>
      </c>
      <c r="DK23" s="72">
        <v>21</v>
      </c>
      <c r="DL23" s="244"/>
      <c r="DM23" s="71">
        <v>20</v>
      </c>
      <c r="DN23" s="71">
        <v>12</v>
      </c>
      <c r="DO23" s="71">
        <v>7</v>
      </c>
      <c r="DP23" s="71">
        <v>14</v>
      </c>
      <c r="DQ23" s="71">
        <v>6</v>
      </c>
      <c r="DR23" s="72">
        <v>59</v>
      </c>
      <c r="DS23" s="73">
        <v>80</v>
      </c>
      <c r="DT23" s="70">
        <v>45</v>
      </c>
      <c r="DU23" s="71">
        <v>39</v>
      </c>
      <c r="DV23" s="72">
        <v>84</v>
      </c>
      <c r="DW23" s="244"/>
      <c r="DX23" s="71">
        <v>62</v>
      </c>
      <c r="DY23" s="71">
        <v>28</v>
      </c>
      <c r="DZ23" s="71">
        <v>23</v>
      </c>
      <c r="EA23" s="71">
        <v>26</v>
      </c>
      <c r="EB23" s="71">
        <v>22</v>
      </c>
      <c r="EC23" s="72">
        <v>161</v>
      </c>
      <c r="ED23" s="73">
        <v>245</v>
      </c>
      <c r="EE23" s="70">
        <v>87</v>
      </c>
      <c r="EF23" s="71">
        <v>84</v>
      </c>
      <c r="EG23" s="72">
        <v>171</v>
      </c>
      <c r="EH23" s="244"/>
      <c r="EI23" s="71">
        <v>122</v>
      </c>
      <c r="EJ23" s="71">
        <v>61</v>
      </c>
      <c r="EK23" s="71">
        <v>34</v>
      </c>
      <c r="EL23" s="71">
        <v>37</v>
      </c>
      <c r="EM23" s="71">
        <v>39</v>
      </c>
      <c r="EN23" s="72">
        <v>293</v>
      </c>
      <c r="EO23" s="73">
        <v>464</v>
      </c>
      <c r="EP23" s="70">
        <v>136</v>
      </c>
      <c r="EQ23" s="71">
        <v>166</v>
      </c>
      <c r="ER23" s="72">
        <v>302</v>
      </c>
      <c r="ES23" s="244"/>
      <c r="ET23" s="71">
        <v>192</v>
      </c>
      <c r="EU23" s="71">
        <v>115</v>
      </c>
      <c r="EV23" s="71">
        <v>104</v>
      </c>
      <c r="EW23" s="71">
        <v>75</v>
      </c>
      <c r="EX23" s="71">
        <v>43</v>
      </c>
      <c r="EY23" s="72">
        <v>529</v>
      </c>
      <c r="EZ23" s="73">
        <v>831</v>
      </c>
      <c r="FA23" s="70">
        <v>133</v>
      </c>
      <c r="FB23" s="71">
        <v>158</v>
      </c>
      <c r="FC23" s="72">
        <v>291</v>
      </c>
      <c r="FD23" s="244"/>
      <c r="FE23" s="71">
        <v>217</v>
      </c>
      <c r="FF23" s="71">
        <v>131</v>
      </c>
      <c r="FG23" s="71">
        <v>138</v>
      </c>
      <c r="FH23" s="71">
        <v>103</v>
      </c>
      <c r="FI23" s="71">
        <v>69</v>
      </c>
      <c r="FJ23" s="72">
        <v>658</v>
      </c>
      <c r="FK23" s="73">
        <v>949</v>
      </c>
      <c r="FL23" s="70">
        <v>51</v>
      </c>
      <c r="FM23" s="71">
        <v>116</v>
      </c>
      <c r="FN23" s="72">
        <v>167</v>
      </c>
      <c r="FO23" s="244"/>
      <c r="FP23" s="71">
        <v>204</v>
      </c>
      <c r="FQ23" s="71">
        <v>146</v>
      </c>
      <c r="FR23" s="71">
        <v>157</v>
      </c>
      <c r="FS23" s="71">
        <v>160</v>
      </c>
      <c r="FT23" s="71">
        <v>77</v>
      </c>
      <c r="FU23" s="72">
        <v>744</v>
      </c>
      <c r="FV23" s="73">
        <v>911</v>
      </c>
      <c r="FW23" s="70">
        <v>6</v>
      </c>
      <c r="FX23" s="71">
        <v>14</v>
      </c>
      <c r="FY23" s="72">
        <v>20</v>
      </c>
      <c r="FZ23" s="244"/>
      <c r="GA23" s="71">
        <v>17</v>
      </c>
      <c r="GB23" s="71">
        <v>12</v>
      </c>
      <c r="GC23" s="71">
        <v>7</v>
      </c>
      <c r="GD23" s="71">
        <v>8</v>
      </c>
      <c r="GE23" s="71">
        <v>5</v>
      </c>
      <c r="GF23" s="72">
        <v>49</v>
      </c>
      <c r="GG23" s="73">
        <v>69</v>
      </c>
      <c r="GH23" s="70">
        <v>466</v>
      </c>
      <c r="GI23" s="71">
        <v>590</v>
      </c>
      <c r="GJ23" s="72">
        <v>1056</v>
      </c>
      <c r="GK23" s="244"/>
      <c r="GL23" s="71">
        <v>834</v>
      </c>
      <c r="GM23" s="71">
        <v>505</v>
      </c>
      <c r="GN23" s="71">
        <v>470</v>
      </c>
      <c r="GO23" s="71">
        <v>423</v>
      </c>
      <c r="GP23" s="71">
        <v>261</v>
      </c>
      <c r="GQ23" s="72">
        <v>2493</v>
      </c>
      <c r="GR23" s="73">
        <v>3549</v>
      </c>
      <c r="GS23" s="123">
        <v>704</v>
      </c>
      <c r="GT23" s="82">
        <v>895</v>
      </c>
      <c r="GU23" s="83">
        <v>1599</v>
      </c>
      <c r="GV23" s="241"/>
      <c r="GW23" s="82">
        <v>1365</v>
      </c>
      <c r="GX23" s="82">
        <v>825</v>
      </c>
      <c r="GY23" s="82">
        <v>713</v>
      </c>
      <c r="GZ23" s="82">
        <v>612</v>
      </c>
      <c r="HA23" s="82">
        <v>360</v>
      </c>
      <c r="HB23" s="84">
        <v>3875</v>
      </c>
      <c r="HC23" s="85">
        <v>5474</v>
      </c>
      <c r="HD23" s="70">
        <v>21</v>
      </c>
      <c r="HE23" s="71">
        <v>20</v>
      </c>
      <c r="HF23" s="72">
        <v>41</v>
      </c>
      <c r="HG23" s="244"/>
      <c r="HH23" s="71">
        <v>46</v>
      </c>
      <c r="HI23" s="71">
        <v>28</v>
      </c>
      <c r="HJ23" s="71">
        <v>21</v>
      </c>
      <c r="HK23" s="71">
        <v>26</v>
      </c>
      <c r="HL23" s="71">
        <v>13</v>
      </c>
      <c r="HM23" s="72">
        <v>134</v>
      </c>
      <c r="HN23" s="73">
        <v>175</v>
      </c>
      <c r="HO23" s="70">
        <v>72</v>
      </c>
      <c r="HP23" s="71">
        <v>73</v>
      </c>
      <c r="HQ23" s="72">
        <v>145</v>
      </c>
      <c r="HR23" s="244"/>
      <c r="HS23" s="71">
        <v>130</v>
      </c>
      <c r="HT23" s="71">
        <v>73</v>
      </c>
      <c r="HU23" s="71">
        <v>55</v>
      </c>
      <c r="HV23" s="71">
        <v>54</v>
      </c>
      <c r="HW23" s="71">
        <v>41</v>
      </c>
      <c r="HX23" s="72">
        <v>353</v>
      </c>
      <c r="HY23" s="73">
        <v>498</v>
      </c>
      <c r="HZ23" s="70">
        <v>142</v>
      </c>
      <c r="IA23" s="71">
        <v>140</v>
      </c>
      <c r="IB23" s="72">
        <v>282</v>
      </c>
      <c r="IC23" s="244"/>
      <c r="ID23" s="71">
        <v>209</v>
      </c>
      <c r="IE23" s="71">
        <v>116</v>
      </c>
      <c r="IF23" s="71">
        <v>74</v>
      </c>
      <c r="IG23" s="71">
        <v>75</v>
      </c>
      <c r="IH23" s="71">
        <v>64</v>
      </c>
      <c r="II23" s="72">
        <v>538</v>
      </c>
      <c r="IJ23" s="73">
        <v>820</v>
      </c>
      <c r="IK23" s="70">
        <v>189</v>
      </c>
      <c r="IL23" s="71">
        <v>267</v>
      </c>
      <c r="IM23" s="72">
        <v>456</v>
      </c>
      <c r="IN23" s="244"/>
      <c r="IO23" s="71">
        <v>359</v>
      </c>
      <c r="IP23" s="71">
        <v>210</v>
      </c>
      <c r="IQ23" s="71">
        <v>176</v>
      </c>
      <c r="IR23" s="71">
        <v>125</v>
      </c>
      <c r="IS23" s="71">
        <v>69</v>
      </c>
      <c r="IT23" s="72">
        <v>939</v>
      </c>
      <c r="IU23" s="73">
        <v>1395</v>
      </c>
      <c r="IV23" s="70">
        <v>195</v>
      </c>
      <c r="IW23" s="71">
        <v>239</v>
      </c>
      <c r="IX23" s="72">
        <v>434</v>
      </c>
      <c r="IY23" s="244"/>
      <c r="IZ23" s="71">
        <v>354</v>
      </c>
      <c r="JA23" s="71">
        <v>212</v>
      </c>
      <c r="JB23" s="71">
        <v>192</v>
      </c>
      <c r="JC23" s="71">
        <v>147</v>
      </c>
      <c r="JD23" s="71">
        <v>87</v>
      </c>
      <c r="JE23" s="72">
        <v>992</v>
      </c>
      <c r="JF23" s="73">
        <v>1426</v>
      </c>
      <c r="JG23" s="70">
        <v>85</v>
      </c>
      <c r="JH23" s="71">
        <v>156</v>
      </c>
      <c r="JI23" s="72">
        <v>241</v>
      </c>
      <c r="JJ23" s="244">
        <v>0</v>
      </c>
      <c r="JK23" s="71">
        <v>267</v>
      </c>
      <c r="JL23" s="71">
        <v>186</v>
      </c>
      <c r="JM23" s="71">
        <v>195</v>
      </c>
      <c r="JN23" s="71">
        <v>185</v>
      </c>
      <c r="JO23" s="71">
        <v>86</v>
      </c>
      <c r="JP23" s="72">
        <v>919</v>
      </c>
      <c r="JQ23" s="73">
        <v>1160</v>
      </c>
      <c r="JR23" s="70">
        <v>11</v>
      </c>
      <c r="JS23" s="71">
        <v>30</v>
      </c>
      <c r="JT23" s="72">
        <v>41</v>
      </c>
      <c r="JU23" s="244"/>
      <c r="JV23" s="71">
        <v>42</v>
      </c>
      <c r="JW23" s="71">
        <v>21</v>
      </c>
      <c r="JX23" s="71">
        <v>22</v>
      </c>
      <c r="JY23" s="71">
        <v>20</v>
      </c>
      <c r="JZ23" s="71">
        <v>8</v>
      </c>
      <c r="KA23" s="72">
        <v>113</v>
      </c>
      <c r="KB23" s="73">
        <v>154</v>
      </c>
      <c r="KC23" s="70">
        <v>715</v>
      </c>
      <c r="KD23" s="71">
        <v>925</v>
      </c>
      <c r="KE23" s="72">
        <v>1640</v>
      </c>
      <c r="KF23" s="244"/>
      <c r="KG23" s="71">
        <v>1407</v>
      </c>
      <c r="KH23" s="71">
        <v>846</v>
      </c>
      <c r="KI23" s="71">
        <v>735</v>
      </c>
      <c r="KJ23" s="71">
        <v>632</v>
      </c>
      <c r="KK23" s="71">
        <v>368</v>
      </c>
      <c r="KL23" s="72">
        <v>3988</v>
      </c>
      <c r="KM23" s="73">
        <v>5628</v>
      </c>
    </row>
    <row r="24" spans="2:299" ht="19.5" customHeight="1" x14ac:dyDescent="0.2">
      <c r="B24" s="126" t="s">
        <v>21</v>
      </c>
      <c r="C24" s="316">
        <v>288</v>
      </c>
      <c r="D24" s="82">
        <v>238</v>
      </c>
      <c r="E24" s="83">
        <v>526</v>
      </c>
      <c r="F24" s="241"/>
      <c r="G24" s="82">
        <v>412</v>
      </c>
      <c r="H24" s="82">
        <v>426</v>
      </c>
      <c r="I24" s="82">
        <v>298</v>
      </c>
      <c r="J24" s="82">
        <v>218</v>
      </c>
      <c r="K24" s="82">
        <v>121</v>
      </c>
      <c r="L24" s="84">
        <v>1475</v>
      </c>
      <c r="M24" s="85">
        <v>2001</v>
      </c>
      <c r="N24" s="70">
        <v>13</v>
      </c>
      <c r="O24" s="71">
        <v>14</v>
      </c>
      <c r="P24" s="72">
        <v>27</v>
      </c>
      <c r="Q24" s="244"/>
      <c r="R24" s="71">
        <v>16</v>
      </c>
      <c r="S24" s="71">
        <v>20</v>
      </c>
      <c r="T24" s="71">
        <v>14</v>
      </c>
      <c r="U24" s="71">
        <v>18</v>
      </c>
      <c r="V24" s="71">
        <v>12</v>
      </c>
      <c r="W24" s="72">
        <v>80</v>
      </c>
      <c r="X24" s="73">
        <v>107</v>
      </c>
      <c r="Y24" s="70">
        <v>35</v>
      </c>
      <c r="Z24" s="71">
        <v>32</v>
      </c>
      <c r="AA24" s="72">
        <v>67</v>
      </c>
      <c r="AB24" s="244"/>
      <c r="AC24" s="71">
        <v>42</v>
      </c>
      <c r="AD24" s="71">
        <v>54</v>
      </c>
      <c r="AE24" s="71">
        <v>35</v>
      </c>
      <c r="AF24" s="71">
        <v>34</v>
      </c>
      <c r="AG24" s="71">
        <v>18</v>
      </c>
      <c r="AH24" s="72">
        <v>183</v>
      </c>
      <c r="AI24" s="73">
        <v>250</v>
      </c>
      <c r="AJ24" s="70">
        <v>51</v>
      </c>
      <c r="AK24" s="71">
        <v>44</v>
      </c>
      <c r="AL24" s="72">
        <v>95</v>
      </c>
      <c r="AM24" s="244"/>
      <c r="AN24" s="71">
        <v>68</v>
      </c>
      <c r="AO24" s="71">
        <v>78</v>
      </c>
      <c r="AP24" s="71">
        <v>54</v>
      </c>
      <c r="AQ24" s="71">
        <v>35</v>
      </c>
      <c r="AR24" s="71">
        <v>13</v>
      </c>
      <c r="AS24" s="72">
        <v>248</v>
      </c>
      <c r="AT24" s="73">
        <v>343</v>
      </c>
      <c r="AU24" s="70">
        <v>77</v>
      </c>
      <c r="AV24" s="71">
        <v>60</v>
      </c>
      <c r="AW24" s="72">
        <v>137</v>
      </c>
      <c r="AX24" s="244"/>
      <c r="AY24" s="71">
        <v>101</v>
      </c>
      <c r="AZ24" s="71">
        <v>119</v>
      </c>
      <c r="BA24" s="71">
        <v>75</v>
      </c>
      <c r="BB24" s="71">
        <v>41</v>
      </c>
      <c r="BC24" s="71">
        <v>35</v>
      </c>
      <c r="BD24" s="72">
        <v>371</v>
      </c>
      <c r="BE24" s="73">
        <v>508</v>
      </c>
      <c r="BF24" s="70">
        <v>76</v>
      </c>
      <c r="BG24" s="71">
        <v>62</v>
      </c>
      <c r="BH24" s="72">
        <v>138</v>
      </c>
      <c r="BI24" s="244"/>
      <c r="BJ24" s="71">
        <v>130</v>
      </c>
      <c r="BK24" s="71">
        <v>96</v>
      </c>
      <c r="BL24" s="71">
        <v>72</v>
      </c>
      <c r="BM24" s="71">
        <v>62</v>
      </c>
      <c r="BN24" s="71">
        <v>23</v>
      </c>
      <c r="BO24" s="72">
        <v>383</v>
      </c>
      <c r="BP24" s="73">
        <v>521</v>
      </c>
      <c r="BQ24" s="70">
        <v>36</v>
      </c>
      <c r="BR24" s="71">
        <v>26</v>
      </c>
      <c r="BS24" s="72">
        <v>62</v>
      </c>
      <c r="BT24" s="244"/>
      <c r="BU24" s="71">
        <v>55</v>
      </c>
      <c r="BV24" s="71">
        <v>59</v>
      </c>
      <c r="BW24" s="71">
        <v>48</v>
      </c>
      <c r="BX24" s="71">
        <v>28</v>
      </c>
      <c r="BY24" s="71">
        <v>20</v>
      </c>
      <c r="BZ24" s="72">
        <v>210</v>
      </c>
      <c r="CA24" s="73">
        <v>272</v>
      </c>
      <c r="CB24" s="70">
        <v>4</v>
      </c>
      <c r="CC24" s="71">
        <v>14</v>
      </c>
      <c r="CD24" s="72">
        <v>18</v>
      </c>
      <c r="CE24" s="244"/>
      <c r="CF24" s="71">
        <v>10</v>
      </c>
      <c r="CG24" s="71">
        <v>19</v>
      </c>
      <c r="CH24" s="71">
        <v>7</v>
      </c>
      <c r="CI24" s="71">
        <v>7</v>
      </c>
      <c r="CJ24" s="71">
        <v>13</v>
      </c>
      <c r="CK24" s="72">
        <v>56</v>
      </c>
      <c r="CL24" s="73">
        <v>74</v>
      </c>
      <c r="CM24" s="70">
        <v>292</v>
      </c>
      <c r="CN24" s="71">
        <v>252</v>
      </c>
      <c r="CO24" s="72">
        <v>544</v>
      </c>
      <c r="CP24" s="244"/>
      <c r="CQ24" s="71">
        <v>422</v>
      </c>
      <c r="CR24" s="71">
        <v>445</v>
      </c>
      <c r="CS24" s="71">
        <v>305</v>
      </c>
      <c r="CT24" s="71">
        <v>225</v>
      </c>
      <c r="CU24" s="71">
        <v>134</v>
      </c>
      <c r="CV24" s="72">
        <v>1531</v>
      </c>
      <c r="CW24" s="73">
        <v>2075</v>
      </c>
      <c r="CX24" s="123">
        <v>513</v>
      </c>
      <c r="CY24" s="82">
        <v>574</v>
      </c>
      <c r="CZ24" s="83">
        <v>1087</v>
      </c>
      <c r="DA24" s="241"/>
      <c r="DB24" s="82">
        <v>701</v>
      </c>
      <c r="DC24" s="82">
        <v>717</v>
      </c>
      <c r="DD24" s="82">
        <v>536</v>
      </c>
      <c r="DE24" s="82">
        <v>434</v>
      </c>
      <c r="DF24" s="82">
        <v>341</v>
      </c>
      <c r="DG24" s="84">
        <v>2729</v>
      </c>
      <c r="DH24" s="85">
        <v>3816</v>
      </c>
      <c r="DI24" s="70">
        <v>11</v>
      </c>
      <c r="DJ24" s="71">
        <v>17</v>
      </c>
      <c r="DK24" s="72">
        <v>28</v>
      </c>
      <c r="DL24" s="244"/>
      <c r="DM24" s="71">
        <v>15</v>
      </c>
      <c r="DN24" s="71">
        <v>19</v>
      </c>
      <c r="DO24" s="71">
        <v>17</v>
      </c>
      <c r="DP24" s="71">
        <v>12</v>
      </c>
      <c r="DQ24" s="71">
        <v>10</v>
      </c>
      <c r="DR24" s="72">
        <v>73</v>
      </c>
      <c r="DS24" s="73">
        <v>101</v>
      </c>
      <c r="DT24" s="70">
        <v>49</v>
      </c>
      <c r="DU24" s="71">
        <v>51</v>
      </c>
      <c r="DV24" s="72">
        <v>100</v>
      </c>
      <c r="DW24" s="244"/>
      <c r="DX24" s="71">
        <v>40</v>
      </c>
      <c r="DY24" s="71">
        <v>39</v>
      </c>
      <c r="DZ24" s="71">
        <v>29</v>
      </c>
      <c r="EA24" s="71">
        <v>25</v>
      </c>
      <c r="EB24" s="71">
        <v>30</v>
      </c>
      <c r="EC24" s="72">
        <v>163</v>
      </c>
      <c r="ED24" s="73">
        <v>263</v>
      </c>
      <c r="EE24" s="70">
        <v>86</v>
      </c>
      <c r="EF24" s="71">
        <v>98</v>
      </c>
      <c r="EG24" s="72">
        <v>184</v>
      </c>
      <c r="EH24" s="244"/>
      <c r="EI24" s="71">
        <v>101</v>
      </c>
      <c r="EJ24" s="71">
        <v>89</v>
      </c>
      <c r="EK24" s="71">
        <v>61</v>
      </c>
      <c r="EL24" s="71">
        <v>47</v>
      </c>
      <c r="EM24" s="71">
        <v>33</v>
      </c>
      <c r="EN24" s="72">
        <v>331</v>
      </c>
      <c r="EO24" s="73">
        <v>515</v>
      </c>
      <c r="EP24" s="70">
        <v>166</v>
      </c>
      <c r="EQ24" s="71">
        <v>153</v>
      </c>
      <c r="ER24" s="72">
        <v>319</v>
      </c>
      <c r="ES24" s="244"/>
      <c r="ET24" s="71">
        <v>202</v>
      </c>
      <c r="EU24" s="71">
        <v>153</v>
      </c>
      <c r="EV24" s="71">
        <v>105</v>
      </c>
      <c r="EW24" s="71">
        <v>88</v>
      </c>
      <c r="EX24" s="71">
        <v>86</v>
      </c>
      <c r="EY24" s="72">
        <v>634</v>
      </c>
      <c r="EZ24" s="73">
        <v>953</v>
      </c>
      <c r="FA24" s="70">
        <v>130</v>
      </c>
      <c r="FB24" s="71">
        <v>167</v>
      </c>
      <c r="FC24" s="72">
        <v>297</v>
      </c>
      <c r="FD24" s="244"/>
      <c r="FE24" s="71">
        <v>190</v>
      </c>
      <c r="FF24" s="71">
        <v>205</v>
      </c>
      <c r="FG24" s="71">
        <v>152</v>
      </c>
      <c r="FH24" s="71">
        <v>113</v>
      </c>
      <c r="FI24" s="71">
        <v>83</v>
      </c>
      <c r="FJ24" s="72">
        <v>743</v>
      </c>
      <c r="FK24" s="73">
        <v>1040</v>
      </c>
      <c r="FL24" s="70">
        <v>71</v>
      </c>
      <c r="FM24" s="71">
        <v>88</v>
      </c>
      <c r="FN24" s="72">
        <v>159</v>
      </c>
      <c r="FO24" s="244"/>
      <c r="FP24" s="71">
        <v>153</v>
      </c>
      <c r="FQ24" s="71">
        <v>212</v>
      </c>
      <c r="FR24" s="71">
        <v>172</v>
      </c>
      <c r="FS24" s="71">
        <v>149</v>
      </c>
      <c r="FT24" s="71">
        <v>99</v>
      </c>
      <c r="FU24" s="72">
        <v>785</v>
      </c>
      <c r="FV24" s="73">
        <v>944</v>
      </c>
      <c r="FW24" s="70">
        <v>12</v>
      </c>
      <c r="FX24" s="71">
        <v>10</v>
      </c>
      <c r="FY24" s="72">
        <v>22</v>
      </c>
      <c r="FZ24" s="244"/>
      <c r="GA24" s="71">
        <v>7</v>
      </c>
      <c r="GB24" s="71">
        <v>22</v>
      </c>
      <c r="GC24" s="71">
        <v>9</v>
      </c>
      <c r="GD24" s="71">
        <v>5</v>
      </c>
      <c r="GE24" s="71">
        <v>7</v>
      </c>
      <c r="GF24" s="72">
        <v>50</v>
      </c>
      <c r="GG24" s="73">
        <v>72</v>
      </c>
      <c r="GH24" s="70">
        <v>525</v>
      </c>
      <c r="GI24" s="71">
        <v>584</v>
      </c>
      <c r="GJ24" s="72">
        <v>1109</v>
      </c>
      <c r="GK24" s="244"/>
      <c r="GL24" s="71">
        <v>708</v>
      </c>
      <c r="GM24" s="71">
        <v>739</v>
      </c>
      <c r="GN24" s="71">
        <v>545</v>
      </c>
      <c r="GO24" s="71">
        <v>439</v>
      </c>
      <c r="GP24" s="71">
        <v>348</v>
      </c>
      <c r="GQ24" s="72">
        <v>2779</v>
      </c>
      <c r="GR24" s="73">
        <v>3888</v>
      </c>
      <c r="GS24" s="123">
        <v>801</v>
      </c>
      <c r="GT24" s="82">
        <v>812</v>
      </c>
      <c r="GU24" s="83">
        <v>1613</v>
      </c>
      <c r="GV24" s="241"/>
      <c r="GW24" s="82">
        <v>1113</v>
      </c>
      <c r="GX24" s="82">
        <v>1143</v>
      </c>
      <c r="GY24" s="82">
        <v>834</v>
      </c>
      <c r="GZ24" s="82">
        <v>652</v>
      </c>
      <c r="HA24" s="82">
        <v>462</v>
      </c>
      <c r="HB24" s="84">
        <v>4204</v>
      </c>
      <c r="HC24" s="85">
        <v>5817</v>
      </c>
      <c r="HD24" s="70">
        <v>24</v>
      </c>
      <c r="HE24" s="71">
        <v>31</v>
      </c>
      <c r="HF24" s="72">
        <v>55</v>
      </c>
      <c r="HG24" s="244"/>
      <c r="HH24" s="71">
        <v>31</v>
      </c>
      <c r="HI24" s="71">
        <v>39</v>
      </c>
      <c r="HJ24" s="71">
        <v>31</v>
      </c>
      <c r="HK24" s="71">
        <v>30</v>
      </c>
      <c r="HL24" s="71">
        <v>22</v>
      </c>
      <c r="HM24" s="72">
        <v>153</v>
      </c>
      <c r="HN24" s="73">
        <v>208</v>
      </c>
      <c r="HO24" s="70">
        <v>84</v>
      </c>
      <c r="HP24" s="71">
        <v>83</v>
      </c>
      <c r="HQ24" s="72">
        <v>167</v>
      </c>
      <c r="HR24" s="244"/>
      <c r="HS24" s="71">
        <v>82</v>
      </c>
      <c r="HT24" s="71">
        <v>93</v>
      </c>
      <c r="HU24" s="71">
        <v>64</v>
      </c>
      <c r="HV24" s="71">
        <v>59</v>
      </c>
      <c r="HW24" s="71">
        <v>48</v>
      </c>
      <c r="HX24" s="72">
        <v>346</v>
      </c>
      <c r="HY24" s="73">
        <v>513</v>
      </c>
      <c r="HZ24" s="70">
        <v>137</v>
      </c>
      <c r="IA24" s="71">
        <v>142</v>
      </c>
      <c r="IB24" s="72">
        <v>279</v>
      </c>
      <c r="IC24" s="244"/>
      <c r="ID24" s="71">
        <v>169</v>
      </c>
      <c r="IE24" s="71">
        <v>167</v>
      </c>
      <c r="IF24" s="71">
        <v>115</v>
      </c>
      <c r="IG24" s="71">
        <v>82</v>
      </c>
      <c r="IH24" s="71">
        <v>46</v>
      </c>
      <c r="II24" s="72">
        <v>579</v>
      </c>
      <c r="IJ24" s="73">
        <v>858</v>
      </c>
      <c r="IK24" s="70">
        <v>243</v>
      </c>
      <c r="IL24" s="71">
        <v>213</v>
      </c>
      <c r="IM24" s="72">
        <v>456</v>
      </c>
      <c r="IN24" s="244"/>
      <c r="IO24" s="71">
        <v>303</v>
      </c>
      <c r="IP24" s="71">
        <v>272</v>
      </c>
      <c r="IQ24" s="71">
        <v>180</v>
      </c>
      <c r="IR24" s="71">
        <v>129</v>
      </c>
      <c r="IS24" s="71">
        <v>121</v>
      </c>
      <c r="IT24" s="72">
        <v>1005</v>
      </c>
      <c r="IU24" s="73">
        <v>1461</v>
      </c>
      <c r="IV24" s="70">
        <v>206</v>
      </c>
      <c r="IW24" s="71">
        <v>229</v>
      </c>
      <c r="IX24" s="72">
        <v>435</v>
      </c>
      <c r="IY24" s="244"/>
      <c r="IZ24" s="71">
        <v>320</v>
      </c>
      <c r="JA24" s="71">
        <v>301</v>
      </c>
      <c r="JB24" s="71">
        <v>224</v>
      </c>
      <c r="JC24" s="71">
        <v>175</v>
      </c>
      <c r="JD24" s="71">
        <v>106</v>
      </c>
      <c r="JE24" s="72">
        <v>1126</v>
      </c>
      <c r="JF24" s="73">
        <v>1561</v>
      </c>
      <c r="JG24" s="70">
        <v>107</v>
      </c>
      <c r="JH24" s="71">
        <v>114</v>
      </c>
      <c r="JI24" s="72">
        <v>221</v>
      </c>
      <c r="JJ24" s="244">
        <v>0</v>
      </c>
      <c r="JK24" s="71">
        <v>208</v>
      </c>
      <c r="JL24" s="71">
        <v>271</v>
      </c>
      <c r="JM24" s="71">
        <v>220</v>
      </c>
      <c r="JN24" s="71">
        <v>177</v>
      </c>
      <c r="JO24" s="71">
        <v>119</v>
      </c>
      <c r="JP24" s="72">
        <v>995</v>
      </c>
      <c r="JQ24" s="73">
        <v>1216</v>
      </c>
      <c r="JR24" s="70">
        <v>16</v>
      </c>
      <c r="JS24" s="71">
        <v>24</v>
      </c>
      <c r="JT24" s="72">
        <v>40</v>
      </c>
      <c r="JU24" s="244"/>
      <c r="JV24" s="71">
        <v>17</v>
      </c>
      <c r="JW24" s="71">
        <v>41</v>
      </c>
      <c r="JX24" s="71">
        <v>16</v>
      </c>
      <c r="JY24" s="71">
        <v>12</v>
      </c>
      <c r="JZ24" s="71">
        <v>20</v>
      </c>
      <c r="KA24" s="72">
        <v>106</v>
      </c>
      <c r="KB24" s="73">
        <v>146</v>
      </c>
      <c r="KC24" s="70">
        <v>817</v>
      </c>
      <c r="KD24" s="71">
        <v>836</v>
      </c>
      <c r="KE24" s="72">
        <v>1653</v>
      </c>
      <c r="KF24" s="244"/>
      <c r="KG24" s="71">
        <v>1130</v>
      </c>
      <c r="KH24" s="71">
        <v>1184</v>
      </c>
      <c r="KI24" s="71">
        <v>850</v>
      </c>
      <c r="KJ24" s="71">
        <v>664</v>
      </c>
      <c r="KK24" s="71">
        <v>482</v>
      </c>
      <c r="KL24" s="72">
        <v>4310</v>
      </c>
      <c r="KM24" s="73">
        <v>5963</v>
      </c>
    </row>
    <row r="25" spans="2:299" ht="19.5" customHeight="1" x14ac:dyDescent="0.2">
      <c r="B25" s="126" t="s">
        <v>22</v>
      </c>
      <c r="C25" s="316">
        <v>85</v>
      </c>
      <c r="D25" s="82">
        <v>62</v>
      </c>
      <c r="E25" s="83">
        <v>147</v>
      </c>
      <c r="F25" s="241"/>
      <c r="G25" s="82">
        <v>199</v>
      </c>
      <c r="H25" s="82">
        <v>163</v>
      </c>
      <c r="I25" s="82">
        <v>87</v>
      </c>
      <c r="J25" s="82">
        <v>81</v>
      </c>
      <c r="K25" s="82">
        <v>60</v>
      </c>
      <c r="L25" s="84">
        <v>590</v>
      </c>
      <c r="M25" s="85">
        <v>737</v>
      </c>
      <c r="N25" s="70">
        <v>3</v>
      </c>
      <c r="O25" s="71">
        <v>2</v>
      </c>
      <c r="P25" s="72">
        <v>5</v>
      </c>
      <c r="Q25" s="244"/>
      <c r="R25" s="71">
        <v>5</v>
      </c>
      <c r="S25" s="71">
        <v>7</v>
      </c>
      <c r="T25" s="71">
        <v>1</v>
      </c>
      <c r="U25" s="71">
        <v>4</v>
      </c>
      <c r="V25" s="71">
        <v>5</v>
      </c>
      <c r="W25" s="72">
        <v>22</v>
      </c>
      <c r="X25" s="73">
        <v>27</v>
      </c>
      <c r="Y25" s="70">
        <v>11</v>
      </c>
      <c r="Z25" s="71">
        <v>14</v>
      </c>
      <c r="AA25" s="72">
        <v>25</v>
      </c>
      <c r="AB25" s="244"/>
      <c r="AC25" s="71">
        <v>21</v>
      </c>
      <c r="AD25" s="71">
        <v>9</v>
      </c>
      <c r="AE25" s="71">
        <v>8</v>
      </c>
      <c r="AF25" s="71">
        <v>9</v>
      </c>
      <c r="AG25" s="71">
        <v>8</v>
      </c>
      <c r="AH25" s="72">
        <v>55</v>
      </c>
      <c r="AI25" s="73">
        <v>80</v>
      </c>
      <c r="AJ25" s="70">
        <v>10</v>
      </c>
      <c r="AK25" s="71">
        <v>9</v>
      </c>
      <c r="AL25" s="72">
        <v>19</v>
      </c>
      <c r="AM25" s="244"/>
      <c r="AN25" s="71">
        <v>36</v>
      </c>
      <c r="AO25" s="71">
        <v>22</v>
      </c>
      <c r="AP25" s="71">
        <v>16</v>
      </c>
      <c r="AQ25" s="71">
        <v>8</v>
      </c>
      <c r="AR25" s="71">
        <v>14</v>
      </c>
      <c r="AS25" s="72">
        <v>96</v>
      </c>
      <c r="AT25" s="73">
        <v>115</v>
      </c>
      <c r="AU25" s="70">
        <v>23</v>
      </c>
      <c r="AV25" s="71">
        <v>12</v>
      </c>
      <c r="AW25" s="72">
        <v>35</v>
      </c>
      <c r="AX25" s="244"/>
      <c r="AY25" s="71">
        <v>50</v>
      </c>
      <c r="AZ25" s="71">
        <v>48</v>
      </c>
      <c r="BA25" s="71">
        <v>20</v>
      </c>
      <c r="BB25" s="71">
        <v>24</v>
      </c>
      <c r="BC25" s="71">
        <v>13</v>
      </c>
      <c r="BD25" s="72">
        <v>155</v>
      </c>
      <c r="BE25" s="73">
        <v>190</v>
      </c>
      <c r="BF25" s="70">
        <v>21</v>
      </c>
      <c r="BG25" s="71">
        <v>18</v>
      </c>
      <c r="BH25" s="72">
        <v>39</v>
      </c>
      <c r="BI25" s="244"/>
      <c r="BJ25" s="71">
        <v>57</v>
      </c>
      <c r="BK25" s="71">
        <v>42</v>
      </c>
      <c r="BL25" s="71">
        <v>27</v>
      </c>
      <c r="BM25" s="71">
        <v>19</v>
      </c>
      <c r="BN25" s="71">
        <v>8</v>
      </c>
      <c r="BO25" s="72">
        <v>153</v>
      </c>
      <c r="BP25" s="73">
        <v>192</v>
      </c>
      <c r="BQ25" s="70">
        <v>17</v>
      </c>
      <c r="BR25" s="71">
        <v>7</v>
      </c>
      <c r="BS25" s="72">
        <v>24</v>
      </c>
      <c r="BT25" s="244"/>
      <c r="BU25" s="71">
        <v>30</v>
      </c>
      <c r="BV25" s="71">
        <v>35</v>
      </c>
      <c r="BW25" s="71">
        <v>15</v>
      </c>
      <c r="BX25" s="71">
        <v>17</v>
      </c>
      <c r="BY25" s="71">
        <v>12</v>
      </c>
      <c r="BZ25" s="72">
        <v>109</v>
      </c>
      <c r="CA25" s="73">
        <v>133</v>
      </c>
      <c r="CB25" s="70">
        <v>1</v>
      </c>
      <c r="CC25" s="71">
        <v>7</v>
      </c>
      <c r="CD25" s="72">
        <v>8</v>
      </c>
      <c r="CE25" s="244"/>
      <c r="CF25" s="71">
        <v>7</v>
      </c>
      <c r="CG25" s="71">
        <v>5</v>
      </c>
      <c r="CH25" s="71">
        <v>2</v>
      </c>
      <c r="CI25" s="71">
        <v>2</v>
      </c>
      <c r="CJ25" s="71">
        <v>2</v>
      </c>
      <c r="CK25" s="72">
        <v>18</v>
      </c>
      <c r="CL25" s="73">
        <v>26</v>
      </c>
      <c r="CM25" s="70">
        <v>86</v>
      </c>
      <c r="CN25" s="71">
        <v>69</v>
      </c>
      <c r="CO25" s="72">
        <v>155</v>
      </c>
      <c r="CP25" s="244"/>
      <c r="CQ25" s="71">
        <v>206</v>
      </c>
      <c r="CR25" s="71">
        <v>168</v>
      </c>
      <c r="CS25" s="71">
        <v>89</v>
      </c>
      <c r="CT25" s="71">
        <v>83</v>
      </c>
      <c r="CU25" s="71">
        <v>62</v>
      </c>
      <c r="CV25" s="72">
        <v>608</v>
      </c>
      <c r="CW25" s="73">
        <v>763</v>
      </c>
      <c r="CX25" s="123">
        <v>115</v>
      </c>
      <c r="CY25" s="82">
        <v>237</v>
      </c>
      <c r="CZ25" s="83">
        <v>352</v>
      </c>
      <c r="DA25" s="241"/>
      <c r="DB25" s="82">
        <v>355</v>
      </c>
      <c r="DC25" s="82">
        <v>304</v>
      </c>
      <c r="DD25" s="82">
        <v>196</v>
      </c>
      <c r="DE25" s="82">
        <v>206</v>
      </c>
      <c r="DF25" s="82">
        <v>113</v>
      </c>
      <c r="DG25" s="84">
        <v>1174</v>
      </c>
      <c r="DH25" s="85">
        <v>1526</v>
      </c>
      <c r="DI25" s="70">
        <v>6</v>
      </c>
      <c r="DJ25" s="71">
        <v>7</v>
      </c>
      <c r="DK25" s="72">
        <v>13</v>
      </c>
      <c r="DL25" s="244"/>
      <c r="DM25" s="71">
        <v>7</v>
      </c>
      <c r="DN25" s="71">
        <v>8</v>
      </c>
      <c r="DO25" s="71">
        <v>2</v>
      </c>
      <c r="DP25" s="71">
        <v>1</v>
      </c>
      <c r="DQ25" s="71">
        <v>3</v>
      </c>
      <c r="DR25" s="72">
        <v>21</v>
      </c>
      <c r="DS25" s="73">
        <v>34</v>
      </c>
      <c r="DT25" s="70">
        <v>6</v>
      </c>
      <c r="DU25" s="71">
        <v>11</v>
      </c>
      <c r="DV25" s="72">
        <v>17</v>
      </c>
      <c r="DW25" s="244"/>
      <c r="DX25" s="71">
        <v>21</v>
      </c>
      <c r="DY25" s="71">
        <v>13</v>
      </c>
      <c r="DZ25" s="71">
        <v>9</v>
      </c>
      <c r="EA25" s="71">
        <v>8</v>
      </c>
      <c r="EB25" s="71">
        <v>8</v>
      </c>
      <c r="EC25" s="72">
        <v>59</v>
      </c>
      <c r="ED25" s="73">
        <v>76</v>
      </c>
      <c r="EE25" s="70">
        <v>21</v>
      </c>
      <c r="EF25" s="71">
        <v>36</v>
      </c>
      <c r="EG25" s="72">
        <v>57</v>
      </c>
      <c r="EH25" s="244"/>
      <c r="EI25" s="71">
        <v>45</v>
      </c>
      <c r="EJ25" s="71">
        <v>35</v>
      </c>
      <c r="EK25" s="71">
        <v>16</v>
      </c>
      <c r="EL25" s="71">
        <v>16</v>
      </c>
      <c r="EM25" s="71">
        <v>13</v>
      </c>
      <c r="EN25" s="72">
        <v>125</v>
      </c>
      <c r="EO25" s="73">
        <v>182</v>
      </c>
      <c r="EP25" s="70">
        <v>37</v>
      </c>
      <c r="EQ25" s="71">
        <v>61</v>
      </c>
      <c r="ER25" s="72">
        <v>98</v>
      </c>
      <c r="ES25" s="244"/>
      <c r="ET25" s="71">
        <v>83</v>
      </c>
      <c r="EU25" s="71">
        <v>54</v>
      </c>
      <c r="EV25" s="71">
        <v>36</v>
      </c>
      <c r="EW25" s="71">
        <v>45</v>
      </c>
      <c r="EX25" s="71">
        <v>18</v>
      </c>
      <c r="EY25" s="72">
        <v>236</v>
      </c>
      <c r="EZ25" s="73">
        <v>334</v>
      </c>
      <c r="FA25" s="70">
        <v>28</v>
      </c>
      <c r="FB25" s="71">
        <v>75</v>
      </c>
      <c r="FC25" s="72">
        <v>103</v>
      </c>
      <c r="FD25" s="244"/>
      <c r="FE25" s="71">
        <v>108</v>
      </c>
      <c r="FF25" s="71">
        <v>86</v>
      </c>
      <c r="FG25" s="71">
        <v>51</v>
      </c>
      <c r="FH25" s="71">
        <v>50</v>
      </c>
      <c r="FI25" s="71">
        <v>38</v>
      </c>
      <c r="FJ25" s="72">
        <v>333</v>
      </c>
      <c r="FK25" s="73">
        <v>436</v>
      </c>
      <c r="FL25" s="70">
        <v>17</v>
      </c>
      <c r="FM25" s="71">
        <v>47</v>
      </c>
      <c r="FN25" s="72">
        <v>64</v>
      </c>
      <c r="FO25" s="244"/>
      <c r="FP25" s="71">
        <v>91</v>
      </c>
      <c r="FQ25" s="71">
        <v>108</v>
      </c>
      <c r="FR25" s="71">
        <v>82</v>
      </c>
      <c r="FS25" s="71">
        <v>86</v>
      </c>
      <c r="FT25" s="71">
        <v>33</v>
      </c>
      <c r="FU25" s="72">
        <v>400</v>
      </c>
      <c r="FV25" s="73">
        <v>464</v>
      </c>
      <c r="FW25" s="70">
        <v>1</v>
      </c>
      <c r="FX25" s="71">
        <v>2</v>
      </c>
      <c r="FY25" s="72">
        <v>3</v>
      </c>
      <c r="FZ25" s="244"/>
      <c r="GA25" s="71">
        <v>6</v>
      </c>
      <c r="GB25" s="71">
        <v>4</v>
      </c>
      <c r="GC25" s="71">
        <v>5</v>
      </c>
      <c r="GD25" s="71">
        <v>5</v>
      </c>
      <c r="GE25" s="71">
        <v>1</v>
      </c>
      <c r="GF25" s="72">
        <v>21</v>
      </c>
      <c r="GG25" s="73">
        <v>24</v>
      </c>
      <c r="GH25" s="70">
        <v>116</v>
      </c>
      <c r="GI25" s="71">
        <v>239</v>
      </c>
      <c r="GJ25" s="72">
        <v>355</v>
      </c>
      <c r="GK25" s="244"/>
      <c r="GL25" s="71">
        <v>361</v>
      </c>
      <c r="GM25" s="71">
        <v>308</v>
      </c>
      <c r="GN25" s="71">
        <v>201</v>
      </c>
      <c r="GO25" s="71">
        <v>211</v>
      </c>
      <c r="GP25" s="71">
        <v>114</v>
      </c>
      <c r="GQ25" s="72">
        <v>1195</v>
      </c>
      <c r="GR25" s="73">
        <v>1550</v>
      </c>
      <c r="GS25" s="123">
        <v>200</v>
      </c>
      <c r="GT25" s="82">
        <v>299</v>
      </c>
      <c r="GU25" s="83">
        <v>499</v>
      </c>
      <c r="GV25" s="241"/>
      <c r="GW25" s="82">
        <v>554</v>
      </c>
      <c r="GX25" s="82">
        <v>467</v>
      </c>
      <c r="GY25" s="82">
        <v>283</v>
      </c>
      <c r="GZ25" s="82">
        <v>287</v>
      </c>
      <c r="HA25" s="82">
        <v>173</v>
      </c>
      <c r="HB25" s="84">
        <v>1764</v>
      </c>
      <c r="HC25" s="85">
        <v>2263</v>
      </c>
      <c r="HD25" s="70">
        <v>9</v>
      </c>
      <c r="HE25" s="71">
        <v>9</v>
      </c>
      <c r="HF25" s="72">
        <v>18</v>
      </c>
      <c r="HG25" s="244"/>
      <c r="HH25" s="71">
        <v>12</v>
      </c>
      <c r="HI25" s="71">
        <v>15</v>
      </c>
      <c r="HJ25" s="71">
        <v>3</v>
      </c>
      <c r="HK25" s="71">
        <v>5</v>
      </c>
      <c r="HL25" s="71">
        <v>8</v>
      </c>
      <c r="HM25" s="72">
        <v>43</v>
      </c>
      <c r="HN25" s="73">
        <v>61</v>
      </c>
      <c r="HO25" s="70">
        <v>17</v>
      </c>
      <c r="HP25" s="71">
        <v>25</v>
      </c>
      <c r="HQ25" s="72">
        <v>42</v>
      </c>
      <c r="HR25" s="244"/>
      <c r="HS25" s="71">
        <v>42</v>
      </c>
      <c r="HT25" s="71">
        <v>22</v>
      </c>
      <c r="HU25" s="71">
        <v>17</v>
      </c>
      <c r="HV25" s="71">
        <v>17</v>
      </c>
      <c r="HW25" s="71">
        <v>16</v>
      </c>
      <c r="HX25" s="72">
        <v>114</v>
      </c>
      <c r="HY25" s="73">
        <v>156</v>
      </c>
      <c r="HZ25" s="70">
        <v>31</v>
      </c>
      <c r="IA25" s="71">
        <v>45</v>
      </c>
      <c r="IB25" s="72">
        <v>76</v>
      </c>
      <c r="IC25" s="244"/>
      <c r="ID25" s="71">
        <v>81</v>
      </c>
      <c r="IE25" s="71">
        <v>57</v>
      </c>
      <c r="IF25" s="71">
        <v>32</v>
      </c>
      <c r="IG25" s="71">
        <v>24</v>
      </c>
      <c r="IH25" s="71">
        <v>27</v>
      </c>
      <c r="II25" s="72">
        <v>221</v>
      </c>
      <c r="IJ25" s="73">
        <v>297</v>
      </c>
      <c r="IK25" s="70">
        <v>60</v>
      </c>
      <c r="IL25" s="71">
        <v>73</v>
      </c>
      <c r="IM25" s="72">
        <v>133</v>
      </c>
      <c r="IN25" s="244"/>
      <c r="IO25" s="71">
        <v>133</v>
      </c>
      <c r="IP25" s="71">
        <v>102</v>
      </c>
      <c r="IQ25" s="71">
        <v>56</v>
      </c>
      <c r="IR25" s="71">
        <v>69</v>
      </c>
      <c r="IS25" s="71">
        <v>31</v>
      </c>
      <c r="IT25" s="72">
        <v>391</v>
      </c>
      <c r="IU25" s="73">
        <v>524</v>
      </c>
      <c r="IV25" s="70">
        <v>49</v>
      </c>
      <c r="IW25" s="71">
        <v>93</v>
      </c>
      <c r="IX25" s="72">
        <v>142</v>
      </c>
      <c r="IY25" s="244"/>
      <c r="IZ25" s="71">
        <v>165</v>
      </c>
      <c r="JA25" s="71">
        <v>128</v>
      </c>
      <c r="JB25" s="71">
        <v>78</v>
      </c>
      <c r="JC25" s="71">
        <v>69</v>
      </c>
      <c r="JD25" s="71">
        <v>46</v>
      </c>
      <c r="JE25" s="72">
        <v>486</v>
      </c>
      <c r="JF25" s="73">
        <v>628</v>
      </c>
      <c r="JG25" s="70">
        <v>34</v>
      </c>
      <c r="JH25" s="71">
        <v>54</v>
      </c>
      <c r="JI25" s="72">
        <v>88</v>
      </c>
      <c r="JJ25" s="244">
        <v>0</v>
      </c>
      <c r="JK25" s="71">
        <v>121</v>
      </c>
      <c r="JL25" s="71">
        <v>143</v>
      </c>
      <c r="JM25" s="71">
        <v>97</v>
      </c>
      <c r="JN25" s="71">
        <v>103</v>
      </c>
      <c r="JO25" s="71">
        <v>45</v>
      </c>
      <c r="JP25" s="72">
        <v>509</v>
      </c>
      <c r="JQ25" s="73">
        <v>597</v>
      </c>
      <c r="JR25" s="70">
        <v>2</v>
      </c>
      <c r="JS25" s="71">
        <v>9</v>
      </c>
      <c r="JT25" s="72">
        <v>11</v>
      </c>
      <c r="JU25" s="244"/>
      <c r="JV25" s="71">
        <v>13</v>
      </c>
      <c r="JW25" s="71">
        <v>9</v>
      </c>
      <c r="JX25" s="71">
        <v>7</v>
      </c>
      <c r="JY25" s="71">
        <v>7</v>
      </c>
      <c r="JZ25" s="71">
        <v>3</v>
      </c>
      <c r="KA25" s="72">
        <v>39</v>
      </c>
      <c r="KB25" s="73">
        <v>50</v>
      </c>
      <c r="KC25" s="70">
        <v>202</v>
      </c>
      <c r="KD25" s="71">
        <v>308</v>
      </c>
      <c r="KE25" s="72">
        <v>510</v>
      </c>
      <c r="KF25" s="244"/>
      <c r="KG25" s="71">
        <v>567</v>
      </c>
      <c r="KH25" s="71">
        <v>476</v>
      </c>
      <c r="KI25" s="71">
        <v>290</v>
      </c>
      <c r="KJ25" s="71">
        <v>294</v>
      </c>
      <c r="KK25" s="71">
        <v>176</v>
      </c>
      <c r="KL25" s="72">
        <v>1803</v>
      </c>
      <c r="KM25" s="73">
        <v>2313</v>
      </c>
    </row>
    <row r="26" spans="2:299" ht="19.5" customHeight="1" x14ac:dyDescent="0.2">
      <c r="B26" s="126" t="s">
        <v>23</v>
      </c>
      <c r="C26" s="316">
        <v>179</v>
      </c>
      <c r="D26" s="82">
        <v>170</v>
      </c>
      <c r="E26" s="83">
        <v>349</v>
      </c>
      <c r="F26" s="241"/>
      <c r="G26" s="82">
        <v>305</v>
      </c>
      <c r="H26" s="82">
        <v>265</v>
      </c>
      <c r="I26" s="82">
        <v>193</v>
      </c>
      <c r="J26" s="82">
        <v>156</v>
      </c>
      <c r="K26" s="82">
        <v>87</v>
      </c>
      <c r="L26" s="84">
        <v>1006</v>
      </c>
      <c r="M26" s="85">
        <v>1355</v>
      </c>
      <c r="N26" s="70">
        <v>10</v>
      </c>
      <c r="O26" s="71">
        <v>12</v>
      </c>
      <c r="P26" s="72">
        <v>22</v>
      </c>
      <c r="Q26" s="244"/>
      <c r="R26" s="71">
        <v>11</v>
      </c>
      <c r="S26" s="71">
        <v>12</v>
      </c>
      <c r="T26" s="71">
        <v>6</v>
      </c>
      <c r="U26" s="71">
        <v>10</v>
      </c>
      <c r="V26" s="71">
        <v>2</v>
      </c>
      <c r="W26" s="72">
        <v>41</v>
      </c>
      <c r="X26" s="73">
        <v>63</v>
      </c>
      <c r="Y26" s="70">
        <v>27</v>
      </c>
      <c r="Z26" s="71">
        <v>18</v>
      </c>
      <c r="AA26" s="72">
        <v>45</v>
      </c>
      <c r="AB26" s="244"/>
      <c r="AC26" s="71">
        <v>34</v>
      </c>
      <c r="AD26" s="71">
        <v>32</v>
      </c>
      <c r="AE26" s="71">
        <v>19</v>
      </c>
      <c r="AF26" s="71">
        <v>19</v>
      </c>
      <c r="AG26" s="71">
        <v>16</v>
      </c>
      <c r="AH26" s="72">
        <v>120</v>
      </c>
      <c r="AI26" s="73">
        <v>165</v>
      </c>
      <c r="AJ26" s="70">
        <v>33</v>
      </c>
      <c r="AK26" s="71">
        <v>37</v>
      </c>
      <c r="AL26" s="72">
        <v>70</v>
      </c>
      <c r="AM26" s="244"/>
      <c r="AN26" s="71">
        <v>57</v>
      </c>
      <c r="AO26" s="71">
        <v>56</v>
      </c>
      <c r="AP26" s="71">
        <v>25</v>
      </c>
      <c r="AQ26" s="71">
        <v>25</v>
      </c>
      <c r="AR26" s="71">
        <v>27</v>
      </c>
      <c r="AS26" s="72">
        <v>190</v>
      </c>
      <c r="AT26" s="73">
        <v>260</v>
      </c>
      <c r="AU26" s="70">
        <v>50</v>
      </c>
      <c r="AV26" s="71">
        <v>50</v>
      </c>
      <c r="AW26" s="72">
        <v>100</v>
      </c>
      <c r="AX26" s="244"/>
      <c r="AY26" s="71">
        <v>96</v>
      </c>
      <c r="AZ26" s="71">
        <v>73</v>
      </c>
      <c r="BA26" s="71">
        <v>56</v>
      </c>
      <c r="BB26" s="71">
        <v>37</v>
      </c>
      <c r="BC26" s="71">
        <v>18</v>
      </c>
      <c r="BD26" s="72">
        <v>280</v>
      </c>
      <c r="BE26" s="73">
        <v>380</v>
      </c>
      <c r="BF26" s="70">
        <v>51</v>
      </c>
      <c r="BG26" s="71">
        <v>35</v>
      </c>
      <c r="BH26" s="72">
        <v>86</v>
      </c>
      <c r="BI26" s="244"/>
      <c r="BJ26" s="71">
        <v>78</v>
      </c>
      <c r="BK26" s="71">
        <v>56</v>
      </c>
      <c r="BL26" s="71">
        <v>52</v>
      </c>
      <c r="BM26" s="71">
        <v>39</v>
      </c>
      <c r="BN26" s="71">
        <v>13</v>
      </c>
      <c r="BO26" s="72">
        <v>238</v>
      </c>
      <c r="BP26" s="73">
        <v>324</v>
      </c>
      <c r="BQ26" s="70">
        <v>8</v>
      </c>
      <c r="BR26" s="71">
        <v>18</v>
      </c>
      <c r="BS26" s="72">
        <v>26</v>
      </c>
      <c r="BT26" s="244"/>
      <c r="BU26" s="71">
        <v>29</v>
      </c>
      <c r="BV26" s="71">
        <v>36</v>
      </c>
      <c r="BW26" s="71">
        <v>35</v>
      </c>
      <c r="BX26" s="71">
        <v>26</v>
      </c>
      <c r="BY26" s="71">
        <v>11</v>
      </c>
      <c r="BZ26" s="72">
        <v>137</v>
      </c>
      <c r="CA26" s="73">
        <v>163</v>
      </c>
      <c r="CB26" s="70">
        <v>6</v>
      </c>
      <c r="CC26" s="71">
        <v>8</v>
      </c>
      <c r="CD26" s="72">
        <v>14</v>
      </c>
      <c r="CE26" s="244"/>
      <c r="CF26" s="71">
        <v>5</v>
      </c>
      <c r="CG26" s="71">
        <v>11</v>
      </c>
      <c r="CH26" s="71">
        <v>5</v>
      </c>
      <c r="CI26" s="71">
        <v>7</v>
      </c>
      <c r="CJ26" s="71">
        <v>6</v>
      </c>
      <c r="CK26" s="72">
        <v>34</v>
      </c>
      <c r="CL26" s="73">
        <v>48</v>
      </c>
      <c r="CM26" s="70">
        <v>185</v>
      </c>
      <c r="CN26" s="71">
        <v>178</v>
      </c>
      <c r="CO26" s="72">
        <v>363</v>
      </c>
      <c r="CP26" s="244"/>
      <c r="CQ26" s="71">
        <v>310</v>
      </c>
      <c r="CR26" s="71">
        <v>276</v>
      </c>
      <c r="CS26" s="71">
        <v>198</v>
      </c>
      <c r="CT26" s="71">
        <v>163</v>
      </c>
      <c r="CU26" s="71">
        <v>93</v>
      </c>
      <c r="CV26" s="72">
        <v>1040</v>
      </c>
      <c r="CW26" s="73">
        <v>1403</v>
      </c>
      <c r="CX26" s="123">
        <v>311</v>
      </c>
      <c r="CY26" s="82">
        <v>381</v>
      </c>
      <c r="CZ26" s="83">
        <v>692</v>
      </c>
      <c r="DA26" s="241"/>
      <c r="DB26" s="82">
        <v>518</v>
      </c>
      <c r="DC26" s="82">
        <v>428</v>
      </c>
      <c r="DD26" s="82">
        <v>294</v>
      </c>
      <c r="DE26" s="82">
        <v>333</v>
      </c>
      <c r="DF26" s="82">
        <v>225</v>
      </c>
      <c r="DG26" s="84">
        <v>1798</v>
      </c>
      <c r="DH26" s="85">
        <v>2490</v>
      </c>
      <c r="DI26" s="70">
        <v>7</v>
      </c>
      <c r="DJ26" s="71">
        <v>19</v>
      </c>
      <c r="DK26" s="72">
        <v>26</v>
      </c>
      <c r="DL26" s="244"/>
      <c r="DM26" s="71">
        <v>10</v>
      </c>
      <c r="DN26" s="71">
        <v>12</v>
      </c>
      <c r="DO26" s="71">
        <v>6</v>
      </c>
      <c r="DP26" s="71">
        <v>7</v>
      </c>
      <c r="DQ26" s="71">
        <v>1</v>
      </c>
      <c r="DR26" s="72">
        <v>36</v>
      </c>
      <c r="DS26" s="73">
        <v>62</v>
      </c>
      <c r="DT26" s="70">
        <v>24</v>
      </c>
      <c r="DU26" s="71">
        <v>33</v>
      </c>
      <c r="DV26" s="72">
        <v>57</v>
      </c>
      <c r="DW26" s="244"/>
      <c r="DX26" s="71">
        <v>30</v>
      </c>
      <c r="DY26" s="71">
        <v>36</v>
      </c>
      <c r="DZ26" s="71">
        <v>20</v>
      </c>
      <c r="EA26" s="71">
        <v>27</v>
      </c>
      <c r="EB26" s="71">
        <v>17</v>
      </c>
      <c r="EC26" s="72">
        <v>130</v>
      </c>
      <c r="ED26" s="73">
        <v>187</v>
      </c>
      <c r="EE26" s="70">
        <v>54</v>
      </c>
      <c r="EF26" s="71">
        <v>72</v>
      </c>
      <c r="EG26" s="72">
        <v>126</v>
      </c>
      <c r="EH26" s="244"/>
      <c r="EI26" s="71">
        <v>91</v>
      </c>
      <c r="EJ26" s="71">
        <v>54</v>
      </c>
      <c r="EK26" s="71">
        <v>33</v>
      </c>
      <c r="EL26" s="71">
        <v>42</v>
      </c>
      <c r="EM26" s="71">
        <v>38</v>
      </c>
      <c r="EN26" s="72">
        <v>258</v>
      </c>
      <c r="EO26" s="73">
        <v>384</v>
      </c>
      <c r="EP26" s="70">
        <v>122</v>
      </c>
      <c r="EQ26" s="71">
        <v>114</v>
      </c>
      <c r="ER26" s="72">
        <v>236</v>
      </c>
      <c r="ES26" s="244"/>
      <c r="ET26" s="71">
        <v>144</v>
      </c>
      <c r="EU26" s="71">
        <v>101</v>
      </c>
      <c r="EV26" s="71">
        <v>61</v>
      </c>
      <c r="EW26" s="71">
        <v>69</v>
      </c>
      <c r="EX26" s="71">
        <v>48</v>
      </c>
      <c r="EY26" s="72">
        <v>423</v>
      </c>
      <c r="EZ26" s="73">
        <v>659</v>
      </c>
      <c r="FA26" s="70">
        <v>78</v>
      </c>
      <c r="FB26" s="71">
        <v>99</v>
      </c>
      <c r="FC26" s="72">
        <v>177</v>
      </c>
      <c r="FD26" s="244"/>
      <c r="FE26" s="71">
        <v>146</v>
      </c>
      <c r="FF26" s="71">
        <v>121</v>
      </c>
      <c r="FG26" s="71">
        <v>85</v>
      </c>
      <c r="FH26" s="71">
        <v>78</v>
      </c>
      <c r="FI26" s="71">
        <v>54</v>
      </c>
      <c r="FJ26" s="72">
        <v>484</v>
      </c>
      <c r="FK26" s="73">
        <v>661</v>
      </c>
      <c r="FL26" s="70">
        <v>26</v>
      </c>
      <c r="FM26" s="71">
        <v>44</v>
      </c>
      <c r="FN26" s="72">
        <v>70</v>
      </c>
      <c r="FO26" s="244"/>
      <c r="FP26" s="71">
        <v>97</v>
      </c>
      <c r="FQ26" s="71">
        <v>104</v>
      </c>
      <c r="FR26" s="71">
        <v>89</v>
      </c>
      <c r="FS26" s="71">
        <v>110</v>
      </c>
      <c r="FT26" s="71">
        <v>67</v>
      </c>
      <c r="FU26" s="72">
        <v>467</v>
      </c>
      <c r="FV26" s="73">
        <v>537</v>
      </c>
      <c r="FW26" s="70">
        <v>5</v>
      </c>
      <c r="FX26" s="71">
        <v>8</v>
      </c>
      <c r="FY26" s="72">
        <v>13</v>
      </c>
      <c r="FZ26" s="244"/>
      <c r="GA26" s="71">
        <v>4</v>
      </c>
      <c r="GB26" s="71">
        <v>8</v>
      </c>
      <c r="GC26" s="71">
        <v>2</v>
      </c>
      <c r="GD26" s="71">
        <v>3</v>
      </c>
      <c r="GE26" s="71">
        <v>7</v>
      </c>
      <c r="GF26" s="72">
        <v>24</v>
      </c>
      <c r="GG26" s="73">
        <v>37</v>
      </c>
      <c r="GH26" s="70">
        <v>316</v>
      </c>
      <c r="GI26" s="71">
        <v>389</v>
      </c>
      <c r="GJ26" s="72">
        <v>705</v>
      </c>
      <c r="GK26" s="244"/>
      <c r="GL26" s="71">
        <v>522</v>
      </c>
      <c r="GM26" s="71">
        <v>436</v>
      </c>
      <c r="GN26" s="71">
        <v>296</v>
      </c>
      <c r="GO26" s="71">
        <v>336</v>
      </c>
      <c r="GP26" s="71">
        <v>232</v>
      </c>
      <c r="GQ26" s="72">
        <v>1822</v>
      </c>
      <c r="GR26" s="73">
        <v>2527</v>
      </c>
      <c r="GS26" s="123">
        <v>490</v>
      </c>
      <c r="GT26" s="82">
        <v>551</v>
      </c>
      <c r="GU26" s="83">
        <v>1041</v>
      </c>
      <c r="GV26" s="241"/>
      <c r="GW26" s="82">
        <v>823</v>
      </c>
      <c r="GX26" s="82">
        <v>693</v>
      </c>
      <c r="GY26" s="82">
        <v>487</v>
      </c>
      <c r="GZ26" s="82">
        <v>489</v>
      </c>
      <c r="HA26" s="82">
        <v>312</v>
      </c>
      <c r="HB26" s="84">
        <v>2804</v>
      </c>
      <c r="HC26" s="85">
        <v>3845</v>
      </c>
      <c r="HD26" s="70">
        <v>17</v>
      </c>
      <c r="HE26" s="71">
        <v>31</v>
      </c>
      <c r="HF26" s="72">
        <v>48</v>
      </c>
      <c r="HG26" s="244"/>
      <c r="HH26" s="71">
        <v>21</v>
      </c>
      <c r="HI26" s="71">
        <v>24</v>
      </c>
      <c r="HJ26" s="71">
        <v>12</v>
      </c>
      <c r="HK26" s="71">
        <v>17</v>
      </c>
      <c r="HL26" s="71">
        <v>3</v>
      </c>
      <c r="HM26" s="72">
        <v>77</v>
      </c>
      <c r="HN26" s="73">
        <v>125</v>
      </c>
      <c r="HO26" s="70">
        <v>51</v>
      </c>
      <c r="HP26" s="71">
        <v>51</v>
      </c>
      <c r="HQ26" s="72">
        <v>102</v>
      </c>
      <c r="HR26" s="244"/>
      <c r="HS26" s="71">
        <v>64</v>
      </c>
      <c r="HT26" s="71">
        <v>68</v>
      </c>
      <c r="HU26" s="71">
        <v>39</v>
      </c>
      <c r="HV26" s="71">
        <v>46</v>
      </c>
      <c r="HW26" s="71">
        <v>33</v>
      </c>
      <c r="HX26" s="72">
        <v>250</v>
      </c>
      <c r="HY26" s="73">
        <v>352</v>
      </c>
      <c r="HZ26" s="70">
        <v>87</v>
      </c>
      <c r="IA26" s="71">
        <v>109</v>
      </c>
      <c r="IB26" s="72">
        <v>196</v>
      </c>
      <c r="IC26" s="244"/>
      <c r="ID26" s="71">
        <v>148</v>
      </c>
      <c r="IE26" s="71">
        <v>110</v>
      </c>
      <c r="IF26" s="71">
        <v>58</v>
      </c>
      <c r="IG26" s="71">
        <v>67</v>
      </c>
      <c r="IH26" s="71">
        <v>65</v>
      </c>
      <c r="II26" s="72">
        <v>448</v>
      </c>
      <c r="IJ26" s="73">
        <v>644</v>
      </c>
      <c r="IK26" s="70">
        <v>172</v>
      </c>
      <c r="IL26" s="71">
        <v>164</v>
      </c>
      <c r="IM26" s="72">
        <v>336</v>
      </c>
      <c r="IN26" s="244"/>
      <c r="IO26" s="71">
        <v>240</v>
      </c>
      <c r="IP26" s="71">
        <v>174</v>
      </c>
      <c r="IQ26" s="71">
        <v>117</v>
      </c>
      <c r="IR26" s="71">
        <v>106</v>
      </c>
      <c r="IS26" s="71">
        <v>66</v>
      </c>
      <c r="IT26" s="72">
        <v>703</v>
      </c>
      <c r="IU26" s="73">
        <v>1039</v>
      </c>
      <c r="IV26" s="70">
        <v>129</v>
      </c>
      <c r="IW26" s="71">
        <v>134</v>
      </c>
      <c r="IX26" s="72">
        <v>263</v>
      </c>
      <c r="IY26" s="244"/>
      <c r="IZ26" s="71">
        <v>224</v>
      </c>
      <c r="JA26" s="71">
        <v>177</v>
      </c>
      <c r="JB26" s="71">
        <v>137</v>
      </c>
      <c r="JC26" s="71">
        <v>117</v>
      </c>
      <c r="JD26" s="71">
        <v>67</v>
      </c>
      <c r="JE26" s="72">
        <v>722</v>
      </c>
      <c r="JF26" s="73">
        <v>985</v>
      </c>
      <c r="JG26" s="70">
        <v>34</v>
      </c>
      <c r="JH26" s="71">
        <v>62</v>
      </c>
      <c r="JI26" s="72">
        <v>96</v>
      </c>
      <c r="JJ26" s="244">
        <v>0</v>
      </c>
      <c r="JK26" s="71">
        <v>126</v>
      </c>
      <c r="JL26" s="71">
        <v>140</v>
      </c>
      <c r="JM26" s="71">
        <v>124</v>
      </c>
      <c r="JN26" s="71">
        <v>136</v>
      </c>
      <c r="JO26" s="71">
        <v>78</v>
      </c>
      <c r="JP26" s="72">
        <v>604</v>
      </c>
      <c r="JQ26" s="73">
        <v>700</v>
      </c>
      <c r="JR26" s="70">
        <v>11</v>
      </c>
      <c r="JS26" s="71">
        <v>16</v>
      </c>
      <c r="JT26" s="72">
        <v>27</v>
      </c>
      <c r="JU26" s="244"/>
      <c r="JV26" s="71">
        <v>9</v>
      </c>
      <c r="JW26" s="71">
        <v>19</v>
      </c>
      <c r="JX26" s="71">
        <v>7</v>
      </c>
      <c r="JY26" s="71">
        <v>10</v>
      </c>
      <c r="JZ26" s="71">
        <v>13</v>
      </c>
      <c r="KA26" s="72">
        <v>58</v>
      </c>
      <c r="KB26" s="73">
        <v>85</v>
      </c>
      <c r="KC26" s="70">
        <v>501</v>
      </c>
      <c r="KD26" s="71">
        <v>567</v>
      </c>
      <c r="KE26" s="72">
        <v>1068</v>
      </c>
      <c r="KF26" s="244"/>
      <c r="KG26" s="71">
        <v>832</v>
      </c>
      <c r="KH26" s="71">
        <v>712</v>
      </c>
      <c r="KI26" s="71">
        <v>494</v>
      </c>
      <c r="KJ26" s="71">
        <v>499</v>
      </c>
      <c r="KK26" s="71">
        <v>325</v>
      </c>
      <c r="KL26" s="72">
        <v>2862</v>
      </c>
      <c r="KM26" s="73">
        <v>3930</v>
      </c>
    </row>
    <row r="27" spans="2:299" ht="19.5" customHeight="1" x14ac:dyDescent="0.2">
      <c r="B27" s="126" t="s">
        <v>24</v>
      </c>
      <c r="C27" s="316">
        <v>104</v>
      </c>
      <c r="D27" s="82">
        <v>69</v>
      </c>
      <c r="E27" s="83">
        <v>173</v>
      </c>
      <c r="F27" s="241"/>
      <c r="G27" s="82">
        <v>165</v>
      </c>
      <c r="H27" s="82">
        <v>88</v>
      </c>
      <c r="I27" s="82">
        <v>70</v>
      </c>
      <c r="J27" s="82">
        <v>61</v>
      </c>
      <c r="K27" s="82">
        <v>50</v>
      </c>
      <c r="L27" s="84">
        <v>434</v>
      </c>
      <c r="M27" s="85">
        <v>607</v>
      </c>
      <c r="N27" s="70">
        <v>2</v>
      </c>
      <c r="O27" s="71">
        <v>0</v>
      </c>
      <c r="P27" s="72">
        <v>2</v>
      </c>
      <c r="Q27" s="244"/>
      <c r="R27" s="71">
        <v>8</v>
      </c>
      <c r="S27" s="71">
        <v>4</v>
      </c>
      <c r="T27" s="71">
        <v>3</v>
      </c>
      <c r="U27" s="71">
        <v>1</v>
      </c>
      <c r="V27" s="71">
        <v>4</v>
      </c>
      <c r="W27" s="72">
        <v>20</v>
      </c>
      <c r="X27" s="73">
        <v>22</v>
      </c>
      <c r="Y27" s="70">
        <v>6</v>
      </c>
      <c r="Z27" s="71">
        <v>6</v>
      </c>
      <c r="AA27" s="72">
        <v>12</v>
      </c>
      <c r="AB27" s="244"/>
      <c r="AC27" s="71">
        <v>14</v>
      </c>
      <c r="AD27" s="71">
        <v>9</v>
      </c>
      <c r="AE27" s="71">
        <v>5</v>
      </c>
      <c r="AF27" s="71">
        <v>3</v>
      </c>
      <c r="AG27" s="71">
        <v>6</v>
      </c>
      <c r="AH27" s="72">
        <v>37</v>
      </c>
      <c r="AI27" s="73">
        <v>49</v>
      </c>
      <c r="AJ27" s="70">
        <v>13</v>
      </c>
      <c r="AK27" s="71">
        <v>10</v>
      </c>
      <c r="AL27" s="72">
        <v>23</v>
      </c>
      <c r="AM27" s="244"/>
      <c r="AN27" s="71">
        <v>25</v>
      </c>
      <c r="AO27" s="71">
        <v>12</v>
      </c>
      <c r="AP27" s="71">
        <v>12</v>
      </c>
      <c r="AQ27" s="71">
        <v>8</v>
      </c>
      <c r="AR27" s="71">
        <v>6</v>
      </c>
      <c r="AS27" s="72">
        <v>63</v>
      </c>
      <c r="AT27" s="73">
        <v>86</v>
      </c>
      <c r="AU27" s="70">
        <v>24</v>
      </c>
      <c r="AV27" s="71">
        <v>17</v>
      </c>
      <c r="AW27" s="72">
        <v>41</v>
      </c>
      <c r="AX27" s="244"/>
      <c r="AY27" s="71">
        <v>33</v>
      </c>
      <c r="AZ27" s="71">
        <v>16</v>
      </c>
      <c r="BA27" s="71">
        <v>11</v>
      </c>
      <c r="BB27" s="71">
        <v>13</v>
      </c>
      <c r="BC27" s="71">
        <v>16</v>
      </c>
      <c r="BD27" s="72">
        <v>89</v>
      </c>
      <c r="BE27" s="73">
        <v>130</v>
      </c>
      <c r="BF27" s="70">
        <v>33</v>
      </c>
      <c r="BG27" s="71">
        <v>20</v>
      </c>
      <c r="BH27" s="72">
        <v>53</v>
      </c>
      <c r="BI27" s="244"/>
      <c r="BJ27" s="71">
        <v>46</v>
      </c>
      <c r="BK27" s="71">
        <v>31</v>
      </c>
      <c r="BL27" s="71">
        <v>16</v>
      </c>
      <c r="BM27" s="71">
        <v>19</v>
      </c>
      <c r="BN27" s="71">
        <v>14</v>
      </c>
      <c r="BO27" s="72">
        <v>126</v>
      </c>
      <c r="BP27" s="73">
        <v>179</v>
      </c>
      <c r="BQ27" s="70">
        <v>26</v>
      </c>
      <c r="BR27" s="71">
        <v>16</v>
      </c>
      <c r="BS27" s="72">
        <v>42</v>
      </c>
      <c r="BT27" s="244"/>
      <c r="BU27" s="71">
        <v>39</v>
      </c>
      <c r="BV27" s="71">
        <v>16</v>
      </c>
      <c r="BW27" s="71">
        <v>23</v>
      </c>
      <c r="BX27" s="71">
        <v>17</v>
      </c>
      <c r="BY27" s="71">
        <v>4</v>
      </c>
      <c r="BZ27" s="72">
        <v>99</v>
      </c>
      <c r="CA27" s="73">
        <v>141</v>
      </c>
      <c r="CB27" s="70">
        <v>6</v>
      </c>
      <c r="CC27" s="71">
        <v>5</v>
      </c>
      <c r="CD27" s="72">
        <v>11</v>
      </c>
      <c r="CE27" s="244"/>
      <c r="CF27" s="71">
        <v>2</v>
      </c>
      <c r="CG27" s="71">
        <v>4</v>
      </c>
      <c r="CH27" s="71">
        <v>1</v>
      </c>
      <c r="CI27" s="71">
        <v>2</v>
      </c>
      <c r="CJ27" s="71">
        <v>2</v>
      </c>
      <c r="CK27" s="72">
        <v>11</v>
      </c>
      <c r="CL27" s="73">
        <v>22</v>
      </c>
      <c r="CM27" s="70">
        <v>110</v>
      </c>
      <c r="CN27" s="71">
        <v>74</v>
      </c>
      <c r="CO27" s="72">
        <v>184</v>
      </c>
      <c r="CP27" s="244"/>
      <c r="CQ27" s="71">
        <v>167</v>
      </c>
      <c r="CR27" s="71">
        <v>92</v>
      </c>
      <c r="CS27" s="71">
        <v>71</v>
      </c>
      <c r="CT27" s="71">
        <v>63</v>
      </c>
      <c r="CU27" s="71">
        <v>52</v>
      </c>
      <c r="CV27" s="72">
        <v>445</v>
      </c>
      <c r="CW27" s="73">
        <v>629</v>
      </c>
      <c r="CX27" s="123">
        <v>218</v>
      </c>
      <c r="CY27" s="82">
        <v>150</v>
      </c>
      <c r="CZ27" s="83">
        <v>368</v>
      </c>
      <c r="DA27" s="241"/>
      <c r="DB27" s="82">
        <v>276</v>
      </c>
      <c r="DC27" s="82">
        <v>182</v>
      </c>
      <c r="DD27" s="82">
        <v>161</v>
      </c>
      <c r="DE27" s="82">
        <v>175</v>
      </c>
      <c r="DF27" s="82">
        <v>120</v>
      </c>
      <c r="DG27" s="84">
        <v>914</v>
      </c>
      <c r="DH27" s="85">
        <v>1282</v>
      </c>
      <c r="DI27" s="70">
        <v>5</v>
      </c>
      <c r="DJ27" s="71">
        <v>2</v>
      </c>
      <c r="DK27" s="72">
        <v>7</v>
      </c>
      <c r="DL27" s="244"/>
      <c r="DM27" s="71">
        <v>1</v>
      </c>
      <c r="DN27" s="71">
        <v>3</v>
      </c>
      <c r="DO27" s="71">
        <v>4</v>
      </c>
      <c r="DP27" s="71">
        <v>2</v>
      </c>
      <c r="DQ27" s="71">
        <v>3</v>
      </c>
      <c r="DR27" s="72">
        <v>13</v>
      </c>
      <c r="DS27" s="73">
        <v>20</v>
      </c>
      <c r="DT27" s="70">
        <v>18</v>
      </c>
      <c r="DU27" s="71">
        <v>6</v>
      </c>
      <c r="DV27" s="72">
        <v>24</v>
      </c>
      <c r="DW27" s="244"/>
      <c r="DX27" s="71">
        <v>8</v>
      </c>
      <c r="DY27" s="71">
        <v>7</v>
      </c>
      <c r="DZ27" s="71">
        <v>5</v>
      </c>
      <c r="EA27" s="71">
        <v>7</v>
      </c>
      <c r="EB27" s="71">
        <v>2</v>
      </c>
      <c r="EC27" s="72">
        <v>29</v>
      </c>
      <c r="ED27" s="73">
        <v>53</v>
      </c>
      <c r="EE27" s="70">
        <v>25</v>
      </c>
      <c r="EF27" s="71">
        <v>22</v>
      </c>
      <c r="EG27" s="72">
        <v>47</v>
      </c>
      <c r="EH27" s="244"/>
      <c r="EI27" s="71">
        <v>32</v>
      </c>
      <c r="EJ27" s="71">
        <v>21</v>
      </c>
      <c r="EK27" s="71">
        <v>11</v>
      </c>
      <c r="EL27" s="71">
        <v>10</v>
      </c>
      <c r="EM27" s="71">
        <v>4</v>
      </c>
      <c r="EN27" s="72">
        <v>78</v>
      </c>
      <c r="EO27" s="73">
        <v>125</v>
      </c>
      <c r="EP27" s="70">
        <v>57</v>
      </c>
      <c r="EQ27" s="71">
        <v>35</v>
      </c>
      <c r="ER27" s="72">
        <v>92</v>
      </c>
      <c r="ES27" s="244"/>
      <c r="ET27" s="71">
        <v>75</v>
      </c>
      <c r="EU27" s="71">
        <v>33</v>
      </c>
      <c r="EV27" s="71">
        <v>19</v>
      </c>
      <c r="EW27" s="71">
        <v>24</v>
      </c>
      <c r="EX27" s="71">
        <v>19</v>
      </c>
      <c r="EY27" s="72">
        <v>170</v>
      </c>
      <c r="EZ27" s="73">
        <v>262</v>
      </c>
      <c r="FA27" s="70">
        <v>66</v>
      </c>
      <c r="FB27" s="71">
        <v>55</v>
      </c>
      <c r="FC27" s="72">
        <v>121</v>
      </c>
      <c r="FD27" s="244"/>
      <c r="FE27" s="71">
        <v>78</v>
      </c>
      <c r="FF27" s="71">
        <v>54</v>
      </c>
      <c r="FG27" s="71">
        <v>48</v>
      </c>
      <c r="FH27" s="71">
        <v>39</v>
      </c>
      <c r="FI27" s="71">
        <v>31</v>
      </c>
      <c r="FJ27" s="72">
        <v>250</v>
      </c>
      <c r="FK27" s="73">
        <v>371</v>
      </c>
      <c r="FL27" s="70">
        <v>47</v>
      </c>
      <c r="FM27" s="71">
        <v>30</v>
      </c>
      <c r="FN27" s="72">
        <v>77</v>
      </c>
      <c r="FO27" s="244"/>
      <c r="FP27" s="71">
        <v>82</v>
      </c>
      <c r="FQ27" s="71">
        <v>64</v>
      </c>
      <c r="FR27" s="71">
        <v>74</v>
      </c>
      <c r="FS27" s="71">
        <v>93</v>
      </c>
      <c r="FT27" s="71">
        <v>61</v>
      </c>
      <c r="FU27" s="72">
        <v>374</v>
      </c>
      <c r="FV27" s="73">
        <v>451</v>
      </c>
      <c r="FW27" s="70">
        <v>2</v>
      </c>
      <c r="FX27" s="71">
        <v>2</v>
      </c>
      <c r="FY27" s="72">
        <v>4</v>
      </c>
      <c r="FZ27" s="244"/>
      <c r="GA27" s="71">
        <v>2</v>
      </c>
      <c r="GB27" s="71">
        <v>5</v>
      </c>
      <c r="GC27" s="71">
        <v>3</v>
      </c>
      <c r="GD27" s="71">
        <v>1</v>
      </c>
      <c r="GE27" s="71">
        <v>1</v>
      </c>
      <c r="GF27" s="72">
        <v>12</v>
      </c>
      <c r="GG27" s="73">
        <v>16</v>
      </c>
      <c r="GH27" s="70">
        <v>220</v>
      </c>
      <c r="GI27" s="71">
        <v>152</v>
      </c>
      <c r="GJ27" s="72">
        <v>372</v>
      </c>
      <c r="GK27" s="244"/>
      <c r="GL27" s="71">
        <v>278</v>
      </c>
      <c r="GM27" s="71">
        <v>187</v>
      </c>
      <c r="GN27" s="71">
        <v>164</v>
      </c>
      <c r="GO27" s="71">
        <v>176</v>
      </c>
      <c r="GP27" s="71">
        <v>121</v>
      </c>
      <c r="GQ27" s="72">
        <v>926</v>
      </c>
      <c r="GR27" s="73">
        <v>1298</v>
      </c>
      <c r="GS27" s="123">
        <v>322</v>
      </c>
      <c r="GT27" s="82">
        <v>219</v>
      </c>
      <c r="GU27" s="83">
        <v>541</v>
      </c>
      <c r="GV27" s="241"/>
      <c r="GW27" s="82">
        <v>441</v>
      </c>
      <c r="GX27" s="82">
        <v>270</v>
      </c>
      <c r="GY27" s="82">
        <v>231</v>
      </c>
      <c r="GZ27" s="82">
        <v>236</v>
      </c>
      <c r="HA27" s="82">
        <v>170</v>
      </c>
      <c r="HB27" s="84">
        <v>1348</v>
      </c>
      <c r="HC27" s="85">
        <v>1889</v>
      </c>
      <c r="HD27" s="70">
        <v>7</v>
      </c>
      <c r="HE27" s="71">
        <v>2</v>
      </c>
      <c r="HF27" s="72">
        <v>9</v>
      </c>
      <c r="HG27" s="244"/>
      <c r="HH27" s="71">
        <v>9</v>
      </c>
      <c r="HI27" s="71">
        <v>7</v>
      </c>
      <c r="HJ27" s="71">
        <v>7</v>
      </c>
      <c r="HK27" s="71">
        <v>3</v>
      </c>
      <c r="HL27" s="71">
        <v>7</v>
      </c>
      <c r="HM27" s="72">
        <v>33</v>
      </c>
      <c r="HN27" s="73">
        <v>42</v>
      </c>
      <c r="HO27" s="70">
        <v>24</v>
      </c>
      <c r="HP27" s="71">
        <v>12</v>
      </c>
      <c r="HQ27" s="72">
        <v>36</v>
      </c>
      <c r="HR27" s="244"/>
      <c r="HS27" s="71">
        <v>22</v>
      </c>
      <c r="HT27" s="71">
        <v>16</v>
      </c>
      <c r="HU27" s="71">
        <v>10</v>
      </c>
      <c r="HV27" s="71">
        <v>10</v>
      </c>
      <c r="HW27" s="71">
        <v>8</v>
      </c>
      <c r="HX27" s="72">
        <v>66</v>
      </c>
      <c r="HY27" s="73">
        <v>102</v>
      </c>
      <c r="HZ27" s="70">
        <v>38</v>
      </c>
      <c r="IA27" s="71">
        <v>32</v>
      </c>
      <c r="IB27" s="72">
        <v>70</v>
      </c>
      <c r="IC27" s="244"/>
      <c r="ID27" s="71">
        <v>57</v>
      </c>
      <c r="IE27" s="71">
        <v>33</v>
      </c>
      <c r="IF27" s="71">
        <v>23</v>
      </c>
      <c r="IG27" s="71">
        <v>18</v>
      </c>
      <c r="IH27" s="71">
        <v>10</v>
      </c>
      <c r="II27" s="72">
        <v>141</v>
      </c>
      <c r="IJ27" s="73">
        <v>211</v>
      </c>
      <c r="IK27" s="70">
        <v>81</v>
      </c>
      <c r="IL27" s="71">
        <v>52</v>
      </c>
      <c r="IM27" s="72">
        <v>133</v>
      </c>
      <c r="IN27" s="244"/>
      <c r="IO27" s="71">
        <v>108</v>
      </c>
      <c r="IP27" s="71">
        <v>49</v>
      </c>
      <c r="IQ27" s="71">
        <v>30</v>
      </c>
      <c r="IR27" s="71">
        <v>37</v>
      </c>
      <c r="IS27" s="71">
        <v>35</v>
      </c>
      <c r="IT27" s="72">
        <v>259</v>
      </c>
      <c r="IU27" s="73">
        <v>392</v>
      </c>
      <c r="IV27" s="70">
        <v>99</v>
      </c>
      <c r="IW27" s="71">
        <v>75</v>
      </c>
      <c r="IX27" s="72">
        <v>174</v>
      </c>
      <c r="IY27" s="244"/>
      <c r="IZ27" s="71">
        <v>124</v>
      </c>
      <c r="JA27" s="71">
        <v>85</v>
      </c>
      <c r="JB27" s="71">
        <v>64</v>
      </c>
      <c r="JC27" s="71">
        <v>58</v>
      </c>
      <c r="JD27" s="71">
        <v>45</v>
      </c>
      <c r="JE27" s="72">
        <v>376</v>
      </c>
      <c r="JF27" s="73">
        <v>550</v>
      </c>
      <c r="JG27" s="70">
        <v>73</v>
      </c>
      <c r="JH27" s="71">
        <v>46</v>
      </c>
      <c r="JI27" s="72">
        <v>119</v>
      </c>
      <c r="JJ27" s="244">
        <v>0</v>
      </c>
      <c r="JK27" s="71">
        <v>121</v>
      </c>
      <c r="JL27" s="71">
        <v>80</v>
      </c>
      <c r="JM27" s="71">
        <v>97</v>
      </c>
      <c r="JN27" s="71">
        <v>110</v>
      </c>
      <c r="JO27" s="71">
        <v>65</v>
      </c>
      <c r="JP27" s="72">
        <v>473</v>
      </c>
      <c r="JQ27" s="73">
        <v>592</v>
      </c>
      <c r="JR27" s="70">
        <v>8</v>
      </c>
      <c r="JS27" s="71">
        <v>7</v>
      </c>
      <c r="JT27" s="72">
        <v>15</v>
      </c>
      <c r="JU27" s="244"/>
      <c r="JV27" s="71">
        <v>4</v>
      </c>
      <c r="JW27" s="71">
        <v>9</v>
      </c>
      <c r="JX27" s="71">
        <v>4</v>
      </c>
      <c r="JY27" s="71">
        <v>3</v>
      </c>
      <c r="JZ27" s="71">
        <v>3</v>
      </c>
      <c r="KA27" s="72">
        <v>23</v>
      </c>
      <c r="KB27" s="73">
        <v>38</v>
      </c>
      <c r="KC27" s="70">
        <v>330</v>
      </c>
      <c r="KD27" s="71">
        <v>226</v>
      </c>
      <c r="KE27" s="72">
        <v>556</v>
      </c>
      <c r="KF27" s="244"/>
      <c r="KG27" s="71">
        <v>445</v>
      </c>
      <c r="KH27" s="71">
        <v>279</v>
      </c>
      <c r="KI27" s="71">
        <v>235</v>
      </c>
      <c r="KJ27" s="71">
        <v>239</v>
      </c>
      <c r="KK27" s="71">
        <v>173</v>
      </c>
      <c r="KL27" s="72">
        <v>1371</v>
      </c>
      <c r="KM27" s="73">
        <v>1927</v>
      </c>
    </row>
    <row r="28" spans="2:299" ht="19.5" customHeight="1" x14ac:dyDescent="0.2">
      <c r="B28" s="126" t="s">
        <v>25</v>
      </c>
      <c r="C28" s="316">
        <v>94</v>
      </c>
      <c r="D28" s="82">
        <v>100</v>
      </c>
      <c r="E28" s="83">
        <v>194</v>
      </c>
      <c r="F28" s="241"/>
      <c r="G28" s="82">
        <v>197</v>
      </c>
      <c r="H28" s="82">
        <v>121</v>
      </c>
      <c r="I28" s="82">
        <v>102</v>
      </c>
      <c r="J28" s="82">
        <v>107</v>
      </c>
      <c r="K28" s="82">
        <v>57</v>
      </c>
      <c r="L28" s="84">
        <v>584</v>
      </c>
      <c r="M28" s="85">
        <v>778</v>
      </c>
      <c r="N28" s="70">
        <v>2</v>
      </c>
      <c r="O28" s="71">
        <v>4</v>
      </c>
      <c r="P28" s="72">
        <v>6</v>
      </c>
      <c r="Q28" s="244"/>
      <c r="R28" s="71">
        <v>3</v>
      </c>
      <c r="S28" s="71">
        <v>8</v>
      </c>
      <c r="T28" s="71">
        <v>2</v>
      </c>
      <c r="U28" s="71">
        <v>5</v>
      </c>
      <c r="V28" s="71">
        <v>2</v>
      </c>
      <c r="W28" s="72">
        <v>20</v>
      </c>
      <c r="X28" s="73">
        <v>26</v>
      </c>
      <c r="Y28" s="70">
        <v>10</v>
      </c>
      <c r="Z28" s="71">
        <v>14</v>
      </c>
      <c r="AA28" s="72">
        <v>24</v>
      </c>
      <c r="AB28" s="244"/>
      <c r="AC28" s="71">
        <v>15</v>
      </c>
      <c r="AD28" s="71">
        <v>20</v>
      </c>
      <c r="AE28" s="71">
        <v>10</v>
      </c>
      <c r="AF28" s="71">
        <v>14</v>
      </c>
      <c r="AG28" s="71">
        <v>6</v>
      </c>
      <c r="AH28" s="72">
        <v>65</v>
      </c>
      <c r="AI28" s="73">
        <v>89</v>
      </c>
      <c r="AJ28" s="70">
        <v>16</v>
      </c>
      <c r="AK28" s="71">
        <v>21</v>
      </c>
      <c r="AL28" s="72">
        <v>37</v>
      </c>
      <c r="AM28" s="244"/>
      <c r="AN28" s="71">
        <v>34</v>
      </c>
      <c r="AO28" s="71">
        <v>18</v>
      </c>
      <c r="AP28" s="71">
        <v>17</v>
      </c>
      <c r="AQ28" s="71">
        <v>22</v>
      </c>
      <c r="AR28" s="71">
        <v>11</v>
      </c>
      <c r="AS28" s="72">
        <v>102</v>
      </c>
      <c r="AT28" s="73">
        <v>139</v>
      </c>
      <c r="AU28" s="70">
        <v>33</v>
      </c>
      <c r="AV28" s="71">
        <v>29</v>
      </c>
      <c r="AW28" s="72">
        <v>62</v>
      </c>
      <c r="AX28" s="244"/>
      <c r="AY28" s="71">
        <v>60</v>
      </c>
      <c r="AZ28" s="71">
        <v>32</v>
      </c>
      <c r="BA28" s="71">
        <v>29</v>
      </c>
      <c r="BB28" s="71">
        <v>32</v>
      </c>
      <c r="BC28" s="71">
        <v>21</v>
      </c>
      <c r="BD28" s="72">
        <v>174</v>
      </c>
      <c r="BE28" s="73">
        <v>236</v>
      </c>
      <c r="BF28" s="70">
        <v>22</v>
      </c>
      <c r="BG28" s="71">
        <v>21</v>
      </c>
      <c r="BH28" s="72">
        <v>43</v>
      </c>
      <c r="BI28" s="244"/>
      <c r="BJ28" s="71">
        <v>58</v>
      </c>
      <c r="BK28" s="71">
        <v>31</v>
      </c>
      <c r="BL28" s="71">
        <v>25</v>
      </c>
      <c r="BM28" s="71">
        <v>17</v>
      </c>
      <c r="BN28" s="71">
        <v>13</v>
      </c>
      <c r="BO28" s="72">
        <v>144</v>
      </c>
      <c r="BP28" s="73">
        <v>187</v>
      </c>
      <c r="BQ28" s="70">
        <v>11</v>
      </c>
      <c r="BR28" s="71">
        <v>11</v>
      </c>
      <c r="BS28" s="72">
        <v>22</v>
      </c>
      <c r="BT28" s="244"/>
      <c r="BU28" s="71">
        <v>27</v>
      </c>
      <c r="BV28" s="71">
        <v>12</v>
      </c>
      <c r="BW28" s="71">
        <v>19</v>
      </c>
      <c r="BX28" s="71">
        <v>17</v>
      </c>
      <c r="BY28" s="71">
        <v>4</v>
      </c>
      <c r="BZ28" s="72">
        <v>79</v>
      </c>
      <c r="CA28" s="73">
        <v>101</v>
      </c>
      <c r="CB28" s="70">
        <v>1</v>
      </c>
      <c r="CC28" s="71">
        <v>1</v>
      </c>
      <c r="CD28" s="72">
        <v>2</v>
      </c>
      <c r="CE28" s="244"/>
      <c r="CF28" s="71">
        <v>5</v>
      </c>
      <c r="CG28" s="71">
        <v>9</v>
      </c>
      <c r="CH28" s="71">
        <v>2</v>
      </c>
      <c r="CI28" s="71">
        <v>4</v>
      </c>
      <c r="CJ28" s="71">
        <v>2</v>
      </c>
      <c r="CK28" s="72">
        <v>22</v>
      </c>
      <c r="CL28" s="73">
        <v>24</v>
      </c>
      <c r="CM28" s="70">
        <v>95</v>
      </c>
      <c r="CN28" s="71">
        <v>101</v>
      </c>
      <c r="CO28" s="72">
        <v>196</v>
      </c>
      <c r="CP28" s="244"/>
      <c r="CQ28" s="71">
        <v>202</v>
      </c>
      <c r="CR28" s="71">
        <v>130</v>
      </c>
      <c r="CS28" s="71">
        <v>104</v>
      </c>
      <c r="CT28" s="71">
        <v>111</v>
      </c>
      <c r="CU28" s="71">
        <v>59</v>
      </c>
      <c r="CV28" s="72">
        <v>606</v>
      </c>
      <c r="CW28" s="73">
        <v>802</v>
      </c>
      <c r="CX28" s="123">
        <v>183</v>
      </c>
      <c r="CY28" s="82">
        <v>177</v>
      </c>
      <c r="CZ28" s="83">
        <v>360</v>
      </c>
      <c r="DA28" s="241"/>
      <c r="DB28" s="82">
        <v>314</v>
      </c>
      <c r="DC28" s="82">
        <v>210</v>
      </c>
      <c r="DD28" s="82">
        <v>148</v>
      </c>
      <c r="DE28" s="82">
        <v>187</v>
      </c>
      <c r="DF28" s="82">
        <v>112</v>
      </c>
      <c r="DG28" s="84">
        <v>971</v>
      </c>
      <c r="DH28" s="85">
        <v>1331</v>
      </c>
      <c r="DI28" s="70">
        <v>4</v>
      </c>
      <c r="DJ28" s="71">
        <v>6</v>
      </c>
      <c r="DK28" s="72">
        <v>10</v>
      </c>
      <c r="DL28" s="244"/>
      <c r="DM28" s="71">
        <v>10</v>
      </c>
      <c r="DN28" s="71">
        <v>8</v>
      </c>
      <c r="DO28" s="71">
        <v>3</v>
      </c>
      <c r="DP28" s="71">
        <v>5</v>
      </c>
      <c r="DQ28" s="71">
        <v>2</v>
      </c>
      <c r="DR28" s="72">
        <v>28</v>
      </c>
      <c r="DS28" s="73">
        <v>38</v>
      </c>
      <c r="DT28" s="70">
        <v>15</v>
      </c>
      <c r="DU28" s="71">
        <v>14</v>
      </c>
      <c r="DV28" s="72">
        <v>29</v>
      </c>
      <c r="DW28" s="244"/>
      <c r="DX28" s="71">
        <v>21</v>
      </c>
      <c r="DY28" s="71">
        <v>9</v>
      </c>
      <c r="DZ28" s="71">
        <v>15</v>
      </c>
      <c r="EA28" s="71">
        <v>9</v>
      </c>
      <c r="EB28" s="71">
        <v>10</v>
      </c>
      <c r="EC28" s="72">
        <v>64</v>
      </c>
      <c r="ED28" s="73">
        <v>93</v>
      </c>
      <c r="EE28" s="70">
        <v>42</v>
      </c>
      <c r="EF28" s="71">
        <v>31</v>
      </c>
      <c r="EG28" s="72">
        <v>73</v>
      </c>
      <c r="EH28" s="244"/>
      <c r="EI28" s="71">
        <v>46</v>
      </c>
      <c r="EJ28" s="71">
        <v>26</v>
      </c>
      <c r="EK28" s="71">
        <v>20</v>
      </c>
      <c r="EL28" s="71">
        <v>26</v>
      </c>
      <c r="EM28" s="71">
        <v>17</v>
      </c>
      <c r="EN28" s="72">
        <v>135</v>
      </c>
      <c r="EO28" s="73">
        <v>208</v>
      </c>
      <c r="EP28" s="70">
        <v>52</v>
      </c>
      <c r="EQ28" s="71">
        <v>45</v>
      </c>
      <c r="ER28" s="72">
        <v>97</v>
      </c>
      <c r="ES28" s="244"/>
      <c r="ET28" s="71">
        <v>71</v>
      </c>
      <c r="EU28" s="71">
        <v>52</v>
      </c>
      <c r="EV28" s="71">
        <v>24</v>
      </c>
      <c r="EW28" s="71">
        <v>37</v>
      </c>
      <c r="EX28" s="71">
        <v>14</v>
      </c>
      <c r="EY28" s="72">
        <v>198</v>
      </c>
      <c r="EZ28" s="73">
        <v>295</v>
      </c>
      <c r="FA28" s="70">
        <v>48</v>
      </c>
      <c r="FB28" s="71">
        <v>48</v>
      </c>
      <c r="FC28" s="72">
        <v>96</v>
      </c>
      <c r="FD28" s="244"/>
      <c r="FE28" s="71">
        <v>92</v>
      </c>
      <c r="FF28" s="71">
        <v>52</v>
      </c>
      <c r="FG28" s="71">
        <v>46</v>
      </c>
      <c r="FH28" s="71">
        <v>54</v>
      </c>
      <c r="FI28" s="71">
        <v>39</v>
      </c>
      <c r="FJ28" s="72">
        <v>283</v>
      </c>
      <c r="FK28" s="73">
        <v>379</v>
      </c>
      <c r="FL28" s="70">
        <v>22</v>
      </c>
      <c r="FM28" s="71">
        <v>33</v>
      </c>
      <c r="FN28" s="72">
        <v>55</v>
      </c>
      <c r="FO28" s="244"/>
      <c r="FP28" s="71">
        <v>74</v>
      </c>
      <c r="FQ28" s="71">
        <v>63</v>
      </c>
      <c r="FR28" s="71">
        <v>40</v>
      </c>
      <c r="FS28" s="71">
        <v>56</v>
      </c>
      <c r="FT28" s="71">
        <v>30</v>
      </c>
      <c r="FU28" s="72">
        <v>263</v>
      </c>
      <c r="FV28" s="73">
        <v>318</v>
      </c>
      <c r="FW28" s="70">
        <v>3</v>
      </c>
      <c r="FX28" s="71">
        <v>4</v>
      </c>
      <c r="FY28" s="72">
        <v>7</v>
      </c>
      <c r="FZ28" s="244"/>
      <c r="GA28" s="71">
        <v>3</v>
      </c>
      <c r="GB28" s="71">
        <v>2</v>
      </c>
      <c r="GC28" s="71">
        <v>3</v>
      </c>
      <c r="GD28" s="71">
        <v>3</v>
      </c>
      <c r="GE28" s="71">
        <v>7</v>
      </c>
      <c r="GF28" s="72">
        <v>18</v>
      </c>
      <c r="GG28" s="73">
        <v>25</v>
      </c>
      <c r="GH28" s="70">
        <v>186</v>
      </c>
      <c r="GI28" s="71">
        <v>181</v>
      </c>
      <c r="GJ28" s="72">
        <v>367</v>
      </c>
      <c r="GK28" s="244"/>
      <c r="GL28" s="71">
        <v>317</v>
      </c>
      <c r="GM28" s="71">
        <v>212</v>
      </c>
      <c r="GN28" s="71">
        <v>151</v>
      </c>
      <c r="GO28" s="71">
        <v>190</v>
      </c>
      <c r="GP28" s="71">
        <v>119</v>
      </c>
      <c r="GQ28" s="72">
        <v>989</v>
      </c>
      <c r="GR28" s="73">
        <v>1356</v>
      </c>
      <c r="GS28" s="123">
        <v>277</v>
      </c>
      <c r="GT28" s="82">
        <v>277</v>
      </c>
      <c r="GU28" s="83">
        <v>554</v>
      </c>
      <c r="GV28" s="241"/>
      <c r="GW28" s="82">
        <v>511</v>
      </c>
      <c r="GX28" s="82">
        <v>331</v>
      </c>
      <c r="GY28" s="82">
        <v>250</v>
      </c>
      <c r="GZ28" s="82">
        <v>294</v>
      </c>
      <c r="HA28" s="82">
        <v>169</v>
      </c>
      <c r="HB28" s="84">
        <v>1555</v>
      </c>
      <c r="HC28" s="85">
        <v>2109</v>
      </c>
      <c r="HD28" s="70">
        <v>6</v>
      </c>
      <c r="HE28" s="71">
        <v>10</v>
      </c>
      <c r="HF28" s="72">
        <v>16</v>
      </c>
      <c r="HG28" s="244"/>
      <c r="HH28" s="71">
        <v>13</v>
      </c>
      <c r="HI28" s="71">
        <v>16</v>
      </c>
      <c r="HJ28" s="71">
        <v>5</v>
      </c>
      <c r="HK28" s="71">
        <v>10</v>
      </c>
      <c r="HL28" s="71">
        <v>4</v>
      </c>
      <c r="HM28" s="72">
        <v>48</v>
      </c>
      <c r="HN28" s="73">
        <v>64</v>
      </c>
      <c r="HO28" s="70">
        <v>25</v>
      </c>
      <c r="HP28" s="71">
        <v>28</v>
      </c>
      <c r="HQ28" s="72">
        <v>53</v>
      </c>
      <c r="HR28" s="244"/>
      <c r="HS28" s="71">
        <v>36</v>
      </c>
      <c r="HT28" s="71">
        <v>29</v>
      </c>
      <c r="HU28" s="71">
        <v>25</v>
      </c>
      <c r="HV28" s="71">
        <v>23</v>
      </c>
      <c r="HW28" s="71">
        <v>16</v>
      </c>
      <c r="HX28" s="72">
        <v>129</v>
      </c>
      <c r="HY28" s="73">
        <v>182</v>
      </c>
      <c r="HZ28" s="70">
        <v>58</v>
      </c>
      <c r="IA28" s="71">
        <v>52</v>
      </c>
      <c r="IB28" s="72">
        <v>110</v>
      </c>
      <c r="IC28" s="244"/>
      <c r="ID28" s="71">
        <v>80</v>
      </c>
      <c r="IE28" s="71">
        <v>44</v>
      </c>
      <c r="IF28" s="71">
        <v>37</v>
      </c>
      <c r="IG28" s="71">
        <v>48</v>
      </c>
      <c r="IH28" s="71">
        <v>28</v>
      </c>
      <c r="II28" s="72">
        <v>237</v>
      </c>
      <c r="IJ28" s="73">
        <v>347</v>
      </c>
      <c r="IK28" s="70">
        <v>85</v>
      </c>
      <c r="IL28" s="71">
        <v>74</v>
      </c>
      <c r="IM28" s="72">
        <v>159</v>
      </c>
      <c r="IN28" s="244"/>
      <c r="IO28" s="71">
        <v>131</v>
      </c>
      <c r="IP28" s="71">
        <v>84</v>
      </c>
      <c r="IQ28" s="71">
        <v>53</v>
      </c>
      <c r="IR28" s="71">
        <v>69</v>
      </c>
      <c r="IS28" s="71">
        <v>35</v>
      </c>
      <c r="IT28" s="72">
        <v>372</v>
      </c>
      <c r="IU28" s="73">
        <v>531</v>
      </c>
      <c r="IV28" s="70">
        <v>70</v>
      </c>
      <c r="IW28" s="71">
        <v>69</v>
      </c>
      <c r="IX28" s="72">
        <v>139</v>
      </c>
      <c r="IY28" s="244"/>
      <c r="IZ28" s="71">
        <v>150</v>
      </c>
      <c r="JA28" s="71">
        <v>83</v>
      </c>
      <c r="JB28" s="71">
        <v>71</v>
      </c>
      <c r="JC28" s="71">
        <v>71</v>
      </c>
      <c r="JD28" s="71">
        <v>52</v>
      </c>
      <c r="JE28" s="72">
        <v>427</v>
      </c>
      <c r="JF28" s="73">
        <v>566</v>
      </c>
      <c r="JG28" s="70">
        <v>33</v>
      </c>
      <c r="JH28" s="71">
        <v>44</v>
      </c>
      <c r="JI28" s="72">
        <v>77</v>
      </c>
      <c r="JJ28" s="244">
        <v>0</v>
      </c>
      <c r="JK28" s="71">
        <v>101</v>
      </c>
      <c r="JL28" s="71">
        <v>75</v>
      </c>
      <c r="JM28" s="71">
        <v>59</v>
      </c>
      <c r="JN28" s="71">
        <v>73</v>
      </c>
      <c r="JO28" s="71">
        <v>34</v>
      </c>
      <c r="JP28" s="72">
        <v>342</v>
      </c>
      <c r="JQ28" s="73">
        <v>419</v>
      </c>
      <c r="JR28" s="70">
        <v>4</v>
      </c>
      <c r="JS28" s="71">
        <v>5</v>
      </c>
      <c r="JT28" s="72">
        <v>9</v>
      </c>
      <c r="JU28" s="244"/>
      <c r="JV28" s="71">
        <v>8</v>
      </c>
      <c r="JW28" s="71">
        <v>11</v>
      </c>
      <c r="JX28" s="71">
        <v>5</v>
      </c>
      <c r="JY28" s="71">
        <v>7</v>
      </c>
      <c r="JZ28" s="71">
        <v>9</v>
      </c>
      <c r="KA28" s="72">
        <v>40</v>
      </c>
      <c r="KB28" s="73">
        <v>49</v>
      </c>
      <c r="KC28" s="70">
        <v>281</v>
      </c>
      <c r="KD28" s="71">
        <v>282</v>
      </c>
      <c r="KE28" s="72">
        <v>563</v>
      </c>
      <c r="KF28" s="244"/>
      <c r="KG28" s="71">
        <v>519</v>
      </c>
      <c r="KH28" s="71">
        <v>342</v>
      </c>
      <c r="KI28" s="71">
        <v>255</v>
      </c>
      <c r="KJ28" s="71">
        <v>301</v>
      </c>
      <c r="KK28" s="71">
        <v>178</v>
      </c>
      <c r="KL28" s="72">
        <v>1595</v>
      </c>
      <c r="KM28" s="73">
        <v>2158</v>
      </c>
    </row>
    <row r="29" spans="2:299" ht="19.5" customHeight="1" x14ac:dyDescent="0.2">
      <c r="B29" s="126" t="s">
        <v>26</v>
      </c>
      <c r="C29" s="316">
        <v>98</v>
      </c>
      <c r="D29" s="82">
        <v>59</v>
      </c>
      <c r="E29" s="83">
        <v>157</v>
      </c>
      <c r="F29" s="241"/>
      <c r="G29" s="82">
        <v>140</v>
      </c>
      <c r="H29" s="82">
        <v>121</v>
      </c>
      <c r="I29" s="82">
        <v>90</v>
      </c>
      <c r="J29" s="82">
        <v>75</v>
      </c>
      <c r="K29" s="82">
        <v>37</v>
      </c>
      <c r="L29" s="84">
        <v>463</v>
      </c>
      <c r="M29" s="85">
        <v>620</v>
      </c>
      <c r="N29" s="70">
        <v>3</v>
      </c>
      <c r="O29" s="71">
        <v>2</v>
      </c>
      <c r="P29" s="72">
        <v>5</v>
      </c>
      <c r="Q29" s="244"/>
      <c r="R29" s="71">
        <v>6</v>
      </c>
      <c r="S29" s="71">
        <v>4</v>
      </c>
      <c r="T29" s="71">
        <v>3</v>
      </c>
      <c r="U29" s="71">
        <v>4</v>
      </c>
      <c r="V29" s="71">
        <v>2</v>
      </c>
      <c r="W29" s="72">
        <v>19</v>
      </c>
      <c r="X29" s="73">
        <v>24</v>
      </c>
      <c r="Y29" s="70">
        <v>12</v>
      </c>
      <c r="Z29" s="71">
        <v>4</v>
      </c>
      <c r="AA29" s="72">
        <v>16</v>
      </c>
      <c r="AB29" s="244"/>
      <c r="AC29" s="71">
        <v>13</v>
      </c>
      <c r="AD29" s="71">
        <v>10</v>
      </c>
      <c r="AE29" s="71">
        <v>10</v>
      </c>
      <c r="AF29" s="71">
        <v>7</v>
      </c>
      <c r="AG29" s="71">
        <v>10</v>
      </c>
      <c r="AH29" s="72">
        <v>50</v>
      </c>
      <c r="AI29" s="73">
        <v>66</v>
      </c>
      <c r="AJ29" s="70">
        <v>19</v>
      </c>
      <c r="AK29" s="71">
        <v>8</v>
      </c>
      <c r="AL29" s="72">
        <v>27</v>
      </c>
      <c r="AM29" s="244"/>
      <c r="AN29" s="71">
        <v>17</v>
      </c>
      <c r="AO29" s="71">
        <v>18</v>
      </c>
      <c r="AP29" s="71">
        <v>19</v>
      </c>
      <c r="AQ29" s="71">
        <v>9</v>
      </c>
      <c r="AR29" s="71">
        <v>4</v>
      </c>
      <c r="AS29" s="72">
        <v>67</v>
      </c>
      <c r="AT29" s="73">
        <v>94</v>
      </c>
      <c r="AU29" s="70">
        <v>21</v>
      </c>
      <c r="AV29" s="71">
        <v>17</v>
      </c>
      <c r="AW29" s="72">
        <v>38</v>
      </c>
      <c r="AX29" s="244"/>
      <c r="AY29" s="71">
        <v>48</v>
      </c>
      <c r="AZ29" s="71">
        <v>25</v>
      </c>
      <c r="BA29" s="71">
        <v>18</v>
      </c>
      <c r="BB29" s="71">
        <v>15</v>
      </c>
      <c r="BC29" s="71">
        <v>7</v>
      </c>
      <c r="BD29" s="72">
        <v>113</v>
      </c>
      <c r="BE29" s="73">
        <v>151</v>
      </c>
      <c r="BF29" s="70">
        <v>23</v>
      </c>
      <c r="BG29" s="71">
        <v>17</v>
      </c>
      <c r="BH29" s="72">
        <v>40</v>
      </c>
      <c r="BI29" s="244"/>
      <c r="BJ29" s="71">
        <v>24</v>
      </c>
      <c r="BK29" s="71">
        <v>40</v>
      </c>
      <c r="BL29" s="71">
        <v>25</v>
      </c>
      <c r="BM29" s="71">
        <v>17</v>
      </c>
      <c r="BN29" s="71">
        <v>10</v>
      </c>
      <c r="BO29" s="72">
        <v>116</v>
      </c>
      <c r="BP29" s="73">
        <v>156</v>
      </c>
      <c r="BQ29" s="70">
        <v>20</v>
      </c>
      <c r="BR29" s="71">
        <v>11</v>
      </c>
      <c r="BS29" s="72">
        <v>31</v>
      </c>
      <c r="BT29" s="244"/>
      <c r="BU29" s="71">
        <v>32</v>
      </c>
      <c r="BV29" s="71">
        <v>24</v>
      </c>
      <c r="BW29" s="71">
        <v>15</v>
      </c>
      <c r="BX29" s="71">
        <v>23</v>
      </c>
      <c r="BY29" s="71">
        <v>4</v>
      </c>
      <c r="BZ29" s="72">
        <v>98</v>
      </c>
      <c r="CA29" s="73">
        <v>129</v>
      </c>
      <c r="CB29" s="70">
        <v>2</v>
      </c>
      <c r="CC29" s="71">
        <v>1</v>
      </c>
      <c r="CD29" s="72">
        <v>3</v>
      </c>
      <c r="CE29" s="244"/>
      <c r="CF29" s="71">
        <v>4</v>
      </c>
      <c r="CG29" s="71">
        <v>3</v>
      </c>
      <c r="CH29" s="71">
        <v>1</v>
      </c>
      <c r="CI29" s="71">
        <v>3</v>
      </c>
      <c r="CJ29" s="71">
        <v>1</v>
      </c>
      <c r="CK29" s="72">
        <v>12</v>
      </c>
      <c r="CL29" s="73">
        <v>15</v>
      </c>
      <c r="CM29" s="70">
        <v>100</v>
      </c>
      <c r="CN29" s="71">
        <v>60</v>
      </c>
      <c r="CO29" s="72">
        <v>160</v>
      </c>
      <c r="CP29" s="244"/>
      <c r="CQ29" s="71">
        <v>144</v>
      </c>
      <c r="CR29" s="71">
        <v>124</v>
      </c>
      <c r="CS29" s="71">
        <v>91</v>
      </c>
      <c r="CT29" s="71">
        <v>78</v>
      </c>
      <c r="CU29" s="71">
        <v>38</v>
      </c>
      <c r="CV29" s="72">
        <v>475</v>
      </c>
      <c r="CW29" s="73">
        <v>635</v>
      </c>
      <c r="CX29" s="123">
        <v>177</v>
      </c>
      <c r="CY29" s="82">
        <v>186</v>
      </c>
      <c r="CZ29" s="83">
        <v>363</v>
      </c>
      <c r="DA29" s="241"/>
      <c r="DB29" s="82">
        <v>261</v>
      </c>
      <c r="DC29" s="82">
        <v>211</v>
      </c>
      <c r="DD29" s="82">
        <v>146</v>
      </c>
      <c r="DE29" s="82">
        <v>163</v>
      </c>
      <c r="DF29" s="82">
        <v>119</v>
      </c>
      <c r="DG29" s="84">
        <v>900</v>
      </c>
      <c r="DH29" s="85">
        <v>1263</v>
      </c>
      <c r="DI29" s="70">
        <v>4</v>
      </c>
      <c r="DJ29" s="71">
        <v>5</v>
      </c>
      <c r="DK29" s="72">
        <v>9</v>
      </c>
      <c r="DL29" s="244"/>
      <c r="DM29" s="71">
        <v>6</v>
      </c>
      <c r="DN29" s="71">
        <v>6</v>
      </c>
      <c r="DO29" s="71">
        <v>4</v>
      </c>
      <c r="DP29" s="71">
        <v>2</v>
      </c>
      <c r="DQ29" s="71">
        <v>2</v>
      </c>
      <c r="DR29" s="72">
        <v>20</v>
      </c>
      <c r="DS29" s="73">
        <v>29</v>
      </c>
      <c r="DT29" s="70">
        <v>15</v>
      </c>
      <c r="DU29" s="71">
        <v>11</v>
      </c>
      <c r="DV29" s="72">
        <v>26</v>
      </c>
      <c r="DW29" s="244"/>
      <c r="DX29" s="71">
        <v>14</v>
      </c>
      <c r="DY29" s="71">
        <v>9</v>
      </c>
      <c r="DZ29" s="71">
        <v>5</v>
      </c>
      <c r="EA29" s="71">
        <v>7</v>
      </c>
      <c r="EB29" s="71">
        <v>7</v>
      </c>
      <c r="EC29" s="72">
        <v>42</v>
      </c>
      <c r="ED29" s="73">
        <v>68</v>
      </c>
      <c r="EE29" s="70">
        <v>25</v>
      </c>
      <c r="EF29" s="71">
        <v>23</v>
      </c>
      <c r="EG29" s="72">
        <v>48</v>
      </c>
      <c r="EH29" s="244"/>
      <c r="EI29" s="71">
        <v>40</v>
      </c>
      <c r="EJ29" s="71">
        <v>26</v>
      </c>
      <c r="EK29" s="71">
        <v>14</v>
      </c>
      <c r="EL29" s="71">
        <v>11</v>
      </c>
      <c r="EM29" s="71">
        <v>8</v>
      </c>
      <c r="EN29" s="72">
        <v>99</v>
      </c>
      <c r="EO29" s="73">
        <v>147</v>
      </c>
      <c r="EP29" s="70">
        <v>49</v>
      </c>
      <c r="EQ29" s="71">
        <v>48</v>
      </c>
      <c r="ER29" s="72">
        <v>97</v>
      </c>
      <c r="ES29" s="244"/>
      <c r="ET29" s="71">
        <v>57</v>
      </c>
      <c r="EU29" s="71">
        <v>34</v>
      </c>
      <c r="EV29" s="71">
        <v>30</v>
      </c>
      <c r="EW29" s="71">
        <v>19</v>
      </c>
      <c r="EX29" s="71">
        <v>20</v>
      </c>
      <c r="EY29" s="72">
        <v>160</v>
      </c>
      <c r="EZ29" s="73">
        <v>257</v>
      </c>
      <c r="FA29" s="70">
        <v>52</v>
      </c>
      <c r="FB29" s="71">
        <v>62</v>
      </c>
      <c r="FC29" s="72">
        <v>114</v>
      </c>
      <c r="FD29" s="244"/>
      <c r="FE29" s="71">
        <v>75</v>
      </c>
      <c r="FF29" s="71">
        <v>52</v>
      </c>
      <c r="FG29" s="71">
        <v>33</v>
      </c>
      <c r="FH29" s="71">
        <v>41</v>
      </c>
      <c r="FI29" s="71">
        <v>22</v>
      </c>
      <c r="FJ29" s="72">
        <v>223</v>
      </c>
      <c r="FK29" s="73">
        <v>337</v>
      </c>
      <c r="FL29" s="70">
        <v>32</v>
      </c>
      <c r="FM29" s="71">
        <v>37</v>
      </c>
      <c r="FN29" s="72">
        <v>69</v>
      </c>
      <c r="FO29" s="244"/>
      <c r="FP29" s="71">
        <v>69</v>
      </c>
      <c r="FQ29" s="71">
        <v>84</v>
      </c>
      <c r="FR29" s="71">
        <v>60</v>
      </c>
      <c r="FS29" s="71">
        <v>83</v>
      </c>
      <c r="FT29" s="71">
        <v>60</v>
      </c>
      <c r="FU29" s="72">
        <v>356</v>
      </c>
      <c r="FV29" s="73">
        <v>425</v>
      </c>
      <c r="FW29" s="70">
        <v>0</v>
      </c>
      <c r="FX29" s="71">
        <v>2</v>
      </c>
      <c r="FY29" s="72">
        <v>2</v>
      </c>
      <c r="FZ29" s="244"/>
      <c r="GA29" s="71">
        <v>7</v>
      </c>
      <c r="GB29" s="71">
        <v>2</v>
      </c>
      <c r="GC29" s="71">
        <v>2</v>
      </c>
      <c r="GD29" s="71">
        <v>4</v>
      </c>
      <c r="GE29" s="71">
        <v>2</v>
      </c>
      <c r="GF29" s="72">
        <v>17</v>
      </c>
      <c r="GG29" s="73">
        <v>19</v>
      </c>
      <c r="GH29" s="70">
        <v>177</v>
      </c>
      <c r="GI29" s="71">
        <v>188</v>
      </c>
      <c r="GJ29" s="72">
        <v>365</v>
      </c>
      <c r="GK29" s="244"/>
      <c r="GL29" s="71">
        <v>268</v>
      </c>
      <c r="GM29" s="71">
        <v>213</v>
      </c>
      <c r="GN29" s="71">
        <v>148</v>
      </c>
      <c r="GO29" s="71">
        <v>167</v>
      </c>
      <c r="GP29" s="71">
        <v>121</v>
      </c>
      <c r="GQ29" s="72">
        <v>917</v>
      </c>
      <c r="GR29" s="73">
        <v>1282</v>
      </c>
      <c r="GS29" s="123">
        <v>275</v>
      </c>
      <c r="GT29" s="82">
        <v>245</v>
      </c>
      <c r="GU29" s="83">
        <v>520</v>
      </c>
      <c r="GV29" s="241"/>
      <c r="GW29" s="82">
        <v>401</v>
      </c>
      <c r="GX29" s="82">
        <v>332</v>
      </c>
      <c r="GY29" s="82">
        <v>236</v>
      </c>
      <c r="GZ29" s="82">
        <v>238</v>
      </c>
      <c r="HA29" s="82">
        <v>156</v>
      </c>
      <c r="HB29" s="84">
        <v>1363</v>
      </c>
      <c r="HC29" s="85">
        <v>1883</v>
      </c>
      <c r="HD29" s="70">
        <v>7</v>
      </c>
      <c r="HE29" s="71">
        <v>7</v>
      </c>
      <c r="HF29" s="72">
        <v>14</v>
      </c>
      <c r="HG29" s="244"/>
      <c r="HH29" s="71">
        <v>12</v>
      </c>
      <c r="HI29" s="71">
        <v>10</v>
      </c>
      <c r="HJ29" s="71">
        <v>7</v>
      </c>
      <c r="HK29" s="71">
        <v>6</v>
      </c>
      <c r="HL29" s="71">
        <v>4</v>
      </c>
      <c r="HM29" s="72">
        <v>39</v>
      </c>
      <c r="HN29" s="73">
        <v>53</v>
      </c>
      <c r="HO29" s="70">
        <v>27</v>
      </c>
      <c r="HP29" s="71">
        <v>15</v>
      </c>
      <c r="HQ29" s="72">
        <v>42</v>
      </c>
      <c r="HR29" s="244"/>
      <c r="HS29" s="71">
        <v>27</v>
      </c>
      <c r="HT29" s="71">
        <v>19</v>
      </c>
      <c r="HU29" s="71">
        <v>15</v>
      </c>
      <c r="HV29" s="71">
        <v>14</v>
      </c>
      <c r="HW29" s="71">
        <v>17</v>
      </c>
      <c r="HX29" s="72">
        <v>92</v>
      </c>
      <c r="HY29" s="73">
        <v>134</v>
      </c>
      <c r="HZ29" s="70">
        <v>44</v>
      </c>
      <c r="IA29" s="71">
        <v>31</v>
      </c>
      <c r="IB29" s="72">
        <v>75</v>
      </c>
      <c r="IC29" s="244"/>
      <c r="ID29" s="71">
        <v>57</v>
      </c>
      <c r="IE29" s="71">
        <v>44</v>
      </c>
      <c r="IF29" s="71">
        <v>33</v>
      </c>
      <c r="IG29" s="71">
        <v>20</v>
      </c>
      <c r="IH29" s="71">
        <v>12</v>
      </c>
      <c r="II29" s="72">
        <v>166</v>
      </c>
      <c r="IJ29" s="73">
        <v>241</v>
      </c>
      <c r="IK29" s="70">
        <v>70</v>
      </c>
      <c r="IL29" s="71">
        <v>65</v>
      </c>
      <c r="IM29" s="72">
        <v>135</v>
      </c>
      <c r="IN29" s="244"/>
      <c r="IO29" s="71">
        <v>105</v>
      </c>
      <c r="IP29" s="71">
        <v>59</v>
      </c>
      <c r="IQ29" s="71">
        <v>48</v>
      </c>
      <c r="IR29" s="71">
        <v>34</v>
      </c>
      <c r="IS29" s="71">
        <v>27</v>
      </c>
      <c r="IT29" s="72">
        <v>273</v>
      </c>
      <c r="IU29" s="73">
        <v>408</v>
      </c>
      <c r="IV29" s="70">
        <v>75</v>
      </c>
      <c r="IW29" s="71">
        <v>79</v>
      </c>
      <c r="IX29" s="72">
        <v>154</v>
      </c>
      <c r="IY29" s="244"/>
      <c r="IZ29" s="71">
        <v>99</v>
      </c>
      <c r="JA29" s="71">
        <v>92</v>
      </c>
      <c r="JB29" s="71">
        <v>58</v>
      </c>
      <c r="JC29" s="71">
        <v>58</v>
      </c>
      <c r="JD29" s="71">
        <v>32</v>
      </c>
      <c r="JE29" s="72">
        <v>339</v>
      </c>
      <c r="JF29" s="73">
        <v>493</v>
      </c>
      <c r="JG29" s="70">
        <v>52</v>
      </c>
      <c r="JH29" s="71">
        <v>48</v>
      </c>
      <c r="JI29" s="72">
        <v>100</v>
      </c>
      <c r="JJ29" s="244">
        <v>0</v>
      </c>
      <c r="JK29" s="71">
        <v>101</v>
      </c>
      <c r="JL29" s="71">
        <v>108</v>
      </c>
      <c r="JM29" s="71">
        <v>75</v>
      </c>
      <c r="JN29" s="71">
        <v>106</v>
      </c>
      <c r="JO29" s="71">
        <v>64</v>
      </c>
      <c r="JP29" s="72">
        <v>454</v>
      </c>
      <c r="JQ29" s="73">
        <v>554</v>
      </c>
      <c r="JR29" s="70">
        <v>2</v>
      </c>
      <c r="JS29" s="71">
        <v>3</v>
      </c>
      <c r="JT29" s="72">
        <v>5</v>
      </c>
      <c r="JU29" s="244"/>
      <c r="JV29" s="71">
        <v>11</v>
      </c>
      <c r="JW29" s="71">
        <v>5</v>
      </c>
      <c r="JX29" s="71">
        <v>3</v>
      </c>
      <c r="JY29" s="71">
        <v>7</v>
      </c>
      <c r="JZ29" s="71">
        <v>3</v>
      </c>
      <c r="KA29" s="72">
        <v>29</v>
      </c>
      <c r="KB29" s="73">
        <v>34</v>
      </c>
      <c r="KC29" s="70">
        <v>277</v>
      </c>
      <c r="KD29" s="71">
        <v>248</v>
      </c>
      <c r="KE29" s="72">
        <v>525</v>
      </c>
      <c r="KF29" s="244"/>
      <c r="KG29" s="71">
        <v>412</v>
      </c>
      <c r="KH29" s="71">
        <v>337</v>
      </c>
      <c r="KI29" s="71">
        <v>239</v>
      </c>
      <c r="KJ29" s="71">
        <v>245</v>
      </c>
      <c r="KK29" s="71">
        <v>159</v>
      </c>
      <c r="KL29" s="72">
        <v>1392</v>
      </c>
      <c r="KM29" s="73">
        <v>1917</v>
      </c>
    </row>
    <row r="30" spans="2:299" ht="19.5" customHeight="1" x14ac:dyDescent="0.2">
      <c r="B30" s="126" t="s">
        <v>27</v>
      </c>
      <c r="C30" s="316">
        <v>86</v>
      </c>
      <c r="D30" s="82">
        <v>118</v>
      </c>
      <c r="E30" s="83">
        <v>204</v>
      </c>
      <c r="F30" s="241"/>
      <c r="G30" s="82">
        <v>100</v>
      </c>
      <c r="H30" s="82">
        <v>93</v>
      </c>
      <c r="I30" s="82">
        <v>79</v>
      </c>
      <c r="J30" s="82">
        <v>73</v>
      </c>
      <c r="K30" s="82">
        <v>28</v>
      </c>
      <c r="L30" s="84">
        <v>373</v>
      </c>
      <c r="M30" s="85">
        <v>577</v>
      </c>
      <c r="N30" s="70">
        <v>4</v>
      </c>
      <c r="O30" s="71">
        <v>2</v>
      </c>
      <c r="P30" s="72">
        <v>6</v>
      </c>
      <c r="Q30" s="244"/>
      <c r="R30" s="71">
        <v>1</v>
      </c>
      <c r="S30" s="71">
        <v>5</v>
      </c>
      <c r="T30" s="71">
        <v>3</v>
      </c>
      <c r="U30" s="71">
        <v>0</v>
      </c>
      <c r="V30" s="71">
        <v>1</v>
      </c>
      <c r="W30" s="72">
        <v>10</v>
      </c>
      <c r="X30" s="73">
        <v>16</v>
      </c>
      <c r="Y30" s="70">
        <v>8</v>
      </c>
      <c r="Z30" s="71">
        <v>11</v>
      </c>
      <c r="AA30" s="72">
        <v>19</v>
      </c>
      <c r="AB30" s="244"/>
      <c r="AC30" s="71">
        <v>9</v>
      </c>
      <c r="AD30" s="71">
        <v>19</v>
      </c>
      <c r="AE30" s="71">
        <v>4</v>
      </c>
      <c r="AF30" s="71">
        <v>14</v>
      </c>
      <c r="AG30" s="71">
        <v>2</v>
      </c>
      <c r="AH30" s="72">
        <v>48</v>
      </c>
      <c r="AI30" s="73">
        <v>67</v>
      </c>
      <c r="AJ30" s="70">
        <v>14</v>
      </c>
      <c r="AK30" s="71">
        <v>20</v>
      </c>
      <c r="AL30" s="72">
        <v>34</v>
      </c>
      <c r="AM30" s="244"/>
      <c r="AN30" s="71">
        <v>17</v>
      </c>
      <c r="AO30" s="71">
        <v>17</v>
      </c>
      <c r="AP30" s="71">
        <v>16</v>
      </c>
      <c r="AQ30" s="71">
        <v>7</v>
      </c>
      <c r="AR30" s="71">
        <v>6</v>
      </c>
      <c r="AS30" s="72">
        <v>63</v>
      </c>
      <c r="AT30" s="73">
        <v>97</v>
      </c>
      <c r="AU30" s="70">
        <v>24</v>
      </c>
      <c r="AV30" s="71">
        <v>29</v>
      </c>
      <c r="AW30" s="72">
        <v>53</v>
      </c>
      <c r="AX30" s="244"/>
      <c r="AY30" s="71">
        <v>29</v>
      </c>
      <c r="AZ30" s="71">
        <v>12</v>
      </c>
      <c r="BA30" s="71">
        <v>20</v>
      </c>
      <c r="BB30" s="71">
        <v>14</v>
      </c>
      <c r="BC30" s="71">
        <v>5</v>
      </c>
      <c r="BD30" s="72">
        <v>80</v>
      </c>
      <c r="BE30" s="73">
        <v>133</v>
      </c>
      <c r="BF30" s="70">
        <v>23</v>
      </c>
      <c r="BG30" s="71">
        <v>32</v>
      </c>
      <c r="BH30" s="72">
        <v>55</v>
      </c>
      <c r="BI30" s="244"/>
      <c r="BJ30" s="71">
        <v>24</v>
      </c>
      <c r="BK30" s="71">
        <v>21</v>
      </c>
      <c r="BL30" s="71">
        <v>18</v>
      </c>
      <c r="BM30" s="71">
        <v>21</v>
      </c>
      <c r="BN30" s="71">
        <v>9</v>
      </c>
      <c r="BO30" s="72">
        <v>93</v>
      </c>
      <c r="BP30" s="73">
        <v>148</v>
      </c>
      <c r="BQ30" s="70">
        <v>13</v>
      </c>
      <c r="BR30" s="71">
        <v>24</v>
      </c>
      <c r="BS30" s="72">
        <v>37</v>
      </c>
      <c r="BT30" s="244"/>
      <c r="BU30" s="71">
        <v>20</v>
      </c>
      <c r="BV30" s="71">
        <v>19</v>
      </c>
      <c r="BW30" s="71">
        <v>18</v>
      </c>
      <c r="BX30" s="71">
        <v>17</v>
      </c>
      <c r="BY30" s="71">
        <v>5</v>
      </c>
      <c r="BZ30" s="72">
        <v>79</v>
      </c>
      <c r="CA30" s="73">
        <v>116</v>
      </c>
      <c r="CB30" s="70">
        <v>1</v>
      </c>
      <c r="CC30" s="71">
        <v>2</v>
      </c>
      <c r="CD30" s="72">
        <v>3</v>
      </c>
      <c r="CE30" s="244"/>
      <c r="CF30" s="71">
        <v>4</v>
      </c>
      <c r="CG30" s="71">
        <v>2</v>
      </c>
      <c r="CH30" s="71">
        <v>5</v>
      </c>
      <c r="CI30" s="71">
        <v>0</v>
      </c>
      <c r="CJ30" s="71">
        <v>2</v>
      </c>
      <c r="CK30" s="72">
        <v>13</v>
      </c>
      <c r="CL30" s="73">
        <v>16</v>
      </c>
      <c r="CM30" s="70">
        <v>87</v>
      </c>
      <c r="CN30" s="71">
        <v>120</v>
      </c>
      <c r="CO30" s="72">
        <v>207</v>
      </c>
      <c r="CP30" s="244"/>
      <c r="CQ30" s="71">
        <v>104</v>
      </c>
      <c r="CR30" s="71">
        <v>95</v>
      </c>
      <c r="CS30" s="71">
        <v>84</v>
      </c>
      <c r="CT30" s="71">
        <v>73</v>
      </c>
      <c r="CU30" s="71">
        <v>30</v>
      </c>
      <c r="CV30" s="72">
        <v>386</v>
      </c>
      <c r="CW30" s="73">
        <v>593</v>
      </c>
      <c r="CX30" s="123">
        <v>243</v>
      </c>
      <c r="CY30" s="82">
        <v>162</v>
      </c>
      <c r="CZ30" s="83">
        <v>405</v>
      </c>
      <c r="DA30" s="241"/>
      <c r="DB30" s="82">
        <v>212</v>
      </c>
      <c r="DC30" s="82">
        <v>156</v>
      </c>
      <c r="DD30" s="82">
        <v>158</v>
      </c>
      <c r="DE30" s="82">
        <v>134</v>
      </c>
      <c r="DF30" s="82">
        <v>96</v>
      </c>
      <c r="DG30" s="84">
        <v>756</v>
      </c>
      <c r="DH30" s="85">
        <v>1161</v>
      </c>
      <c r="DI30" s="70">
        <v>2</v>
      </c>
      <c r="DJ30" s="71">
        <v>3</v>
      </c>
      <c r="DK30" s="72">
        <v>5</v>
      </c>
      <c r="DL30" s="244"/>
      <c r="DM30" s="71">
        <v>1</v>
      </c>
      <c r="DN30" s="71">
        <v>1</v>
      </c>
      <c r="DO30" s="71">
        <v>2</v>
      </c>
      <c r="DP30" s="71">
        <v>2</v>
      </c>
      <c r="DQ30" s="71">
        <v>2</v>
      </c>
      <c r="DR30" s="72">
        <v>8</v>
      </c>
      <c r="DS30" s="73">
        <v>13</v>
      </c>
      <c r="DT30" s="70">
        <v>17</v>
      </c>
      <c r="DU30" s="71">
        <v>9</v>
      </c>
      <c r="DV30" s="72">
        <v>26</v>
      </c>
      <c r="DW30" s="244"/>
      <c r="DX30" s="71">
        <v>10</v>
      </c>
      <c r="DY30" s="71">
        <v>10</v>
      </c>
      <c r="DZ30" s="71">
        <v>9</v>
      </c>
      <c r="EA30" s="71">
        <v>8</v>
      </c>
      <c r="EB30" s="71">
        <v>3</v>
      </c>
      <c r="EC30" s="72">
        <v>40</v>
      </c>
      <c r="ED30" s="73">
        <v>66</v>
      </c>
      <c r="EE30" s="70">
        <v>28</v>
      </c>
      <c r="EF30" s="71">
        <v>15</v>
      </c>
      <c r="EG30" s="72">
        <v>43</v>
      </c>
      <c r="EH30" s="244"/>
      <c r="EI30" s="71">
        <v>19</v>
      </c>
      <c r="EJ30" s="71">
        <v>18</v>
      </c>
      <c r="EK30" s="71">
        <v>9</v>
      </c>
      <c r="EL30" s="71">
        <v>11</v>
      </c>
      <c r="EM30" s="71">
        <v>10</v>
      </c>
      <c r="EN30" s="72">
        <v>67</v>
      </c>
      <c r="EO30" s="73">
        <v>110</v>
      </c>
      <c r="EP30" s="70">
        <v>68</v>
      </c>
      <c r="EQ30" s="71">
        <v>45</v>
      </c>
      <c r="ER30" s="72">
        <v>113</v>
      </c>
      <c r="ES30" s="244"/>
      <c r="ET30" s="71">
        <v>46</v>
      </c>
      <c r="EU30" s="71">
        <v>26</v>
      </c>
      <c r="EV30" s="71">
        <v>29</v>
      </c>
      <c r="EW30" s="71">
        <v>20</v>
      </c>
      <c r="EX30" s="71">
        <v>22</v>
      </c>
      <c r="EY30" s="72">
        <v>143</v>
      </c>
      <c r="EZ30" s="73">
        <v>256</v>
      </c>
      <c r="FA30" s="70">
        <v>82</v>
      </c>
      <c r="FB30" s="71">
        <v>52</v>
      </c>
      <c r="FC30" s="72">
        <v>134</v>
      </c>
      <c r="FD30" s="244"/>
      <c r="FE30" s="71">
        <v>71</v>
      </c>
      <c r="FF30" s="71">
        <v>43</v>
      </c>
      <c r="FG30" s="71">
        <v>32</v>
      </c>
      <c r="FH30" s="71">
        <v>25</v>
      </c>
      <c r="FI30" s="71">
        <v>25</v>
      </c>
      <c r="FJ30" s="72">
        <v>196</v>
      </c>
      <c r="FK30" s="73">
        <v>330</v>
      </c>
      <c r="FL30" s="70">
        <v>46</v>
      </c>
      <c r="FM30" s="71">
        <v>38</v>
      </c>
      <c r="FN30" s="72">
        <v>84</v>
      </c>
      <c r="FO30" s="244"/>
      <c r="FP30" s="71">
        <v>65</v>
      </c>
      <c r="FQ30" s="71">
        <v>58</v>
      </c>
      <c r="FR30" s="71">
        <v>77</v>
      </c>
      <c r="FS30" s="71">
        <v>68</v>
      </c>
      <c r="FT30" s="71">
        <v>34</v>
      </c>
      <c r="FU30" s="72">
        <v>302</v>
      </c>
      <c r="FV30" s="73">
        <v>386</v>
      </c>
      <c r="FW30" s="70">
        <v>0</v>
      </c>
      <c r="FX30" s="71">
        <v>3</v>
      </c>
      <c r="FY30" s="72">
        <v>3</v>
      </c>
      <c r="FZ30" s="244"/>
      <c r="GA30" s="71">
        <v>5</v>
      </c>
      <c r="GB30" s="71">
        <v>3</v>
      </c>
      <c r="GC30" s="71">
        <v>1</v>
      </c>
      <c r="GD30" s="71">
        <v>1</v>
      </c>
      <c r="GE30" s="71">
        <v>3</v>
      </c>
      <c r="GF30" s="72">
        <v>13</v>
      </c>
      <c r="GG30" s="73">
        <v>16</v>
      </c>
      <c r="GH30" s="70">
        <v>243</v>
      </c>
      <c r="GI30" s="71">
        <v>165</v>
      </c>
      <c r="GJ30" s="72">
        <v>408</v>
      </c>
      <c r="GK30" s="244"/>
      <c r="GL30" s="71">
        <v>217</v>
      </c>
      <c r="GM30" s="71">
        <v>159</v>
      </c>
      <c r="GN30" s="71">
        <v>159</v>
      </c>
      <c r="GO30" s="71">
        <v>135</v>
      </c>
      <c r="GP30" s="71">
        <v>99</v>
      </c>
      <c r="GQ30" s="72">
        <v>769</v>
      </c>
      <c r="GR30" s="73">
        <v>1177</v>
      </c>
      <c r="GS30" s="123">
        <v>329</v>
      </c>
      <c r="GT30" s="82">
        <v>280</v>
      </c>
      <c r="GU30" s="83">
        <v>609</v>
      </c>
      <c r="GV30" s="241"/>
      <c r="GW30" s="82">
        <v>312</v>
      </c>
      <c r="GX30" s="82">
        <v>249</v>
      </c>
      <c r="GY30" s="82">
        <v>237</v>
      </c>
      <c r="GZ30" s="82">
        <v>207</v>
      </c>
      <c r="HA30" s="82">
        <v>124</v>
      </c>
      <c r="HB30" s="84">
        <v>1129</v>
      </c>
      <c r="HC30" s="85">
        <v>1738</v>
      </c>
      <c r="HD30" s="70">
        <v>6</v>
      </c>
      <c r="HE30" s="71">
        <v>5</v>
      </c>
      <c r="HF30" s="72">
        <v>11</v>
      </c>
      <c r="HG30" s="244"/>
      <c r="HH30" s="71">
        <v>2</v>
      </c>
      <c r="HI30" s="71">
        <v>6</v>
      </c>
      <c r="HJ30" s="71">
        <v>5</v>
      </c>
      <c r="HK30" s="71">
        <v>2</v>
      </c>
      <c r="HL30" s="71">
        <v>3</v>
      </c>
      <c r="HM30" s="72">
        <v>18</v>
      </c>
      <c r="HN30" s="73">
        <v>29</v>
      </c>
      <c r="HO30" s="70">
        <v>25</v>
      </c>
      <c r="HP30" s="71">
        <v>20</v>
      </c>
      <c r="HQ30" s="72">
        <v>45</v>
      </c>
      <c r="HR30" s="244"/>
      <c r="HS30" s="71">
        <v>19</v>
      </c>
      <c r="HT30" s="71">
        <v>29</v>
      </c>
      <c r="HU30" s="71">
        <v>13</v>
      </c>
      <c r="HV30" s="71">
        <v>22</v>
      </c>
      <c r="HW30" s="71">
        <v>5</v>
      </c>
      <c r="HX30" s="72">
        <v>88</v>
      </c>
      <c r="HY30" s="73">
        <v>133</v>
      </c>
      <c r="HZ30" s="70">
        <v>42</v>
      </c>
      <c r="IA30" s="71">
        <v>35</v>
      </c>
      <c r="IB30" s="72">
        <v>77</v>
      </c>
      <c r="IC30" s="244"/>
      <c r="ID30" s="71">
        <v>36</v>
      </c>
      <c r="IE30" s="71">
        <v>35</v>
      </c>
      <c r="IF30" s="71">
        <v>25</v>
      </c>
      <c r="IG30" s="71">
        <v>18</v>
      </c>
      <c r="IH30" s="71">
        <v>16</v>
      </c>
      <c r="II30" s="72">
        <v>130</v>
      </c>
      <c r="IJ30" s="73">
        <v>207</v>
      </c>
      <c r="IK30" s="70">
        <v>92</v>
      </c>
      <c r="IL30" s="71">
        <v>74</v>
      </c>
      <c r="IM30" s="72">
        <v>166</v>
      </c>
      <c r="IN30" s="244"/>
      <c r="IO30" s="71">
        <v>75</v>
      </c>
      <c r="IP30" s="71">
        <v>38</v>
      </c>
      <c r="IQ30" s="71">
        <v>49</v>
      </c>
      <c r="IR30" s="71">
        <v>34</v>
      </c>
      <c r="IS30" s="71">
        <v>27</v>
      </c>
      <c r="IT30" s="72">
        <v>223</v>
      </c>
      <c r="IU30" s="73">
        <v>389</v>
      </c>
      <c r="IV30" s="70">
        <v>105</v>
      </c>
      <c r="IW30" s="71">
        <v>84</v>
      </c>
      <c r="IX30" s="72">
        <v>189</v>
      </c>
      <c r="IY30" s="244"/>
      <c r="IZ30" s="71">
        <v>95</v>
      </c>
      <c r="JA30" s="71">
        <v>64</v>
      </c>
      <c r="JB30" s="71">
        <v>50</v>
      </c>
      <c r="JC30" s="71">
        <v>46</v>
      </c>
      <c r="JD30" s="71">
        <v>34</v>
      </c>
      <c r="JE30" s="72">
        <v>289</v>
      </c>
      <c r="JF30" s="73">
        <v>478</v>
      </c>
      <c r="JG30" s="70">
        <v>59</v>
      </c>
      <c r="JH30" s="71">
        <v>62</v>
      </c>
      <c r="JI30" s="72">
        <v>121</v>
      </c>
      <c r="JJ30" s="244">
        <v>0</v>
      </c>
      <c r="JK30" s="71">
        <v>85</v>
      </c>
      <c r="JL30" s="71">
        <v>77</v>
      </c>
      <c r="JM30" s="71">
        <v>95</v>
      </c>
      <c r="JN30" s="71">
        <v>85</v>
      </c>
      <c r="JO30" s="71">
        <v>39</v>
      </c>
      <c r="JP30" s="72">
        <v>381</v>
      </c>
      <c r="JQ30" s="73">
        <v>502</v>
      </c>
      <c r="JR30" s="70">
        <v>1</v>
      </c>
      <c r="JS30" s="71">
        <v>5</v>
      </c>
      <c r="JT30" s="72">
        <v>6</v>
      </c>
      <c r="JU30" s="244"/>
      <c r="JV30" s="71">
        <v>9</v>
      </c>
      <c r="JW30" s="71">
        <v>5</v>
      </c>
      <c r="JX30" s="71">
        <v>6</v>
      </c>
      <c r="JY30" s="71">
        <v>1</v>
      </c>
      <c r="JZ30" s="71">
        <v>5</v>
      </c>
      <c r="KA30" s="72">
        <v>26</v>
      </c>
      <c r="KB30" s="73">
        <v>32</v>
      </c>
      <c r="KC30" s="70">
        <v>330</v>
      </c>
      <c r="KD30" s="71">
        <v>285</v>
      </c>
      <c r="KE30" s="72">
        <v>615</v>
      </c>
      <c r="KF30" s="244"/>
      <c r="KG30" s="71">
        <v>321</v>
      </c>
      <c r="KH30" s="71">
        <v>254</v>
      </c>
      <c r="KI30" s="71">
        <v>243</v>
      </c>
      <c r="KJ30" s="71">
        <v>208</v>
      </c>
      <c r="KK30" s="71">
        <v>129</v>
      </c>
      <c r="KL30" s="72">
        <v>1155</v>
      </c>
      <c r="KM30" s="73">
        <v>1770</v>
      </c>
    </row>
    <row r="31" spans="2:299" ht="19.5" customHeight="1" x14ac:dyDescent="0.2">
      <c r="B31" s="126" t="s">
        <v>28</v>
      </c>
      <c r="C31" s="316">
        <v>14</v>
      </c>
      <c r="D31" s="82">
        <v>16</v>
      </c>
      <c r="E31" s="83">
        <v>30</v>
      </c>
      <c r="F31" s="241"/>
      <c r="G31" s="82">
        <v>37</v>
      </c>
      <c r="H31" s="82">
        <v>46</v>
      </c>
      <c r="I31" s="82">
        <v>24</v>
      </c>
      <c r="J31" s="82">
        <v>21</v>
      </c>
      <c r="K31" s="82">
        <v>12</v>
      </c>
      <c r="L31" s="84">
        <v>140</v>
      </c>
      <c r="M31" s="85">
        <v>170</v>
      </c>
      <c r="N31" s="70">
        <v>0</v>
      </c>
      <c r="O31" s="71">
        <v>2</v>
      </c>
      <c r="P31" s="72">
        <v>2</v>
      </c>
      <c r="Q31" s="244"/>
      <c r="R31" s="71">
        <v>1</v>
      </c>
      <c r="S31" s="71">
        <v>1</v>
      </c>
      <c r="T31" s="71">
        <v>2</v>
      </c>
      <c r="U31" s="71">
        <v>0</v>
      </c>
      <c r="V31" s="71">
        <v>2</v>
      </c>
      <c r="W31" s="72">
        <v>6</v>
      </c>
      <c r="X31" s="73">
        <v>8</v>
      </c>
      <c r="Y31" s="70">
        <v>1</v>
      </c>
      <c r="Z31" s="71">
        <v>3</v>
      </c>
      <c r="AA31" s="72">
        <v>4</v>
      </c>
      <c r="AB31" s="244"/>
      <c r="AC31" s="71">
        <v>3</v>
      </c>
      <c r="AD31" s="71">
        <v>9</v>
      </c>
      <c r="AE31" s="71">
        <v>2</v>
      </c>
      <c r="AF31" s="71">
        <v>3</v>
      </c>
      <c r="AG31" s="71">
        <v>0</v>
      </c>
      <c r="AH31" s="72">
        <v>17</v>
      </c>
      <c r="AI31" s="73">
        <v>21</v>
      </c>
      <c r="AJ31" s="70">
        <v>3</v>
      </c>
      <c r="AK31" s="71">
        <v>3</v>
      </c>
      <c r="AL31" s="72">
        <v>6</v>
      </c>
      <c r="AM31" s="244"/>
      <c r="AN31" s="71">
        <v>5</v>
      </c>
      <c r="AO31" s="71">
        <v>7</v>
      </c>
      <c r="AP31" s="71">
        <v>4</v>
      </c>
      <c r="AQ31" s="71">
        <v>4</v>
      </c>
      <c r="AR31" s="71">
        <v>2</v>
      </c>
      <c r="AS31" s="72">
        <v>22</v>
      </c>
      <c r="AT31" s="73">
        <v>28</v>
      </c>
      <c r="AU31" s="70">
        <v>6</v>
      </c>
      <c r="AV31" s="71">
        <v>3</v>
      </c>
      <c r="AW31" s="72">
        <v>9</v>
      </c>
      <c r="AX31" s="244"/>
      <c r="AY31" s="71">
        <v>7</v>
      </c>
      <c r="AZ31" s="71">
        <v>8</v>
      </c>
      <c r="BA31" s="71">
        <v>2</v>
      </c>
      <c r="BB31" s="71">
        <v>2</v>
      </c>
      <c r="BC31" s="71">
        <v>3</v>
      </c>
      <c r="BD31" s="72">
        <v>22</v>
      </c>
      <c r="BE31" s="73">
        <v>31</v>
      </c>
      <c r="BF31" s="70">
        <v>3</v>
      </c>
      <c r="BG31" s="71">
        <v>4</v>
      </c>
      <c r="BH31" s="72">
        <v>7</v>
      </c>
      <c r="BI31" s="244"/>
      <c r="BJ31" s="71">
        <v>16</v>
      </c>
      <c r="BK31" s="71">
        <v>6</v>
      </c>
      <c r="BL31" s="71">
        <v>4</v>
      </c>
      <c r="BM31" s="71">
        <v>8</v>
      </c>
      <c r="BN31" s="71">
        <v>3</v>
      </c>
      <c r="BO31" s="72">
        <v>37</v>
      </c>
      <c r="BP31" s="73">
        <v>44</v>
      </c>
      <c r="BQ31" s="70">
        <v>1</v>
      </c>
      <c r="BR31" s="71">
        <v>1</v>
      </c>
      <c r="BS31" s="72">
        <v>2</v>
      </c>
      <c r="BT31" s="244"/>
      <c r="BU31" s="71">
        <v>5</v>
      </c>
      <c r="BV31" s="71">
        <v>15</v>
      </c>
      <c r="BW31" s="71">
        <v>10</v>
      </c>
      <c r="BX31" s="71">
        <v>4</v>
      </c>
      <c r="BY31" s="71">
        <v>2</v>
      </c>
      <c r="BZ31" s="72">
        <v>36</v>
      </c>
      <c r="CA31" s="73">
        <v>38</v>
      </c>
      <c r="CB31" s="70">
        <v>0</v>
      </c>
      <c r="CC31" s="71">
        <v>1</v>
      </c>
      <c r="CD31" s="72">
        <v>1</v>
      </c>
      <c r="CE31" s="244"/>
      <c r="CF31" s="71">
        <v>0</v>
      </c>
      <c r="CG31" s="71">
        <v>1</v>
      </c>
      <c r="CH31" s="71">
        <v>0</v>
      </c>
      <c r="CI31" s="71">
        <v>1</v>
      </c>
      <c r="CJ31" s="71">
        <v>2</v>
      </c>
      <c r="CK31" s="72">
        <v>4</v>
      </c>
      <c r="CL31" s="73">
        <v>5</v>
      </c>
      <c r="CM31" s="70">
        <v>14</v>
      </c>
      <c r="CN31" s="71">
        <v>17</v>
      </c>
      <c r="CO31" s="72">
        <v>31</v>
      </c>
      <c r="CP31" s="244"/>
      <c r="CQ31" s="71">
        <v>37</v>
      </c>
      <c r="CR31" s="71">
        <v>47</v>
      </c>
      <c r="CS31" s="71">
        <v>24</v>
      </c>
      <c r="CT31" s="71">
        <v>22</v>
      </c>
      <c r="CU31" s="71">
        <v>14</v>
      </c>
      <c r="CV31" s="72">
        <v>144</v>
      </c>
      <c r="CW31" s="73">
        <v>175</v>
      </c>
      <c r="CX31" s="123">
        <v>21</v>
      </c>
      <c r="CY31" s="82">
        <v>33</v>
      </c>
      <c r="CZ31" s="83">
        <v>54</v>
      </c>
      <c r="DA31" s="241"/>
      <c r="DB31" s="82">
        <v>52</v>
      </c>
      <c r="DC31" s="82">
        <v>73</v>
      </c>
      <c r="DD31" s="82">
        <v>46</v>
      </c>
      <c r="DE31" s="82">
        <v>56</v>
      </c>
      <c r="DF31" s="82">
        <v>32</v>
      </c>
      <c r="DG31" s="84">
        <v>259</v>
      </c>
      <c r="DH31" s="85">
        <v>313</v>
      </c>
      <c r="DI31" s="70">
        <v>4</v>
      </c>
      <c r="DJ31" s="71">
        <v>4</v>
      </c>
      <c r="DK31" s="72">
        <v>8</v>
      </c>
      <c r="DL31" s="244"/>
      <c r="DM31" s="71">
        <v>2</v>
      </c>
      <c r="DN31" s="71">
        <v>2</v>
      </c>
      <c r="DO31" s="71">
        <v>0</v>
      </c>
      <c r="DP31" s="71">
        <v>0</v>
      </c>
      <c r="DQ31" s="71">
        <v>0</v>
      </c>
      <c r="DR31" s="72">
        <v>4</v>
      </c>
      <c r="DS31" s="73">
        <v>12</v>
      </c>
      <c r="DT31" s="70">
        <v>2</v>
      </c>
      <c r="DU31" s="71">
        <v>3</v>
      </c>
      <c r="DV31" s="72">
        <v>5</v>
      </c>
      <c r="DW31" s="244"/>
      <c r="DX31" s="71">
        <v>1</v>
      </c>
      <c r="DY31" s="71">
        <v>4</v>
      </c>
      <c r="DZ31" s="71">
        <v>1</v>
      </c>
      <c r="EA31" s="71">
        <v>4</v>
      </c>
      <c r="EB31" s="71">
        <v>0</v>
      </c>
      <c r="EC31" s="72">
        <v>10</v>
      </c>
      <c r="ED31" s="73">
        <v>15</v>
      </c>
      <c r="EE31" s="70">
        <v>5</v>
      </c>
      <c r="EF31" s="71">
        <v>6</v>
      </c>
      <c r="EG31" s="72">
        <v>11</v>
      </c>
      <c r="EH31" s="244"/>
      <c r="EI31" s="71">
        <v>9</v>
      </c>
      <c r="EJ31" s="71">
        <v>6</v>
      </c>
      <c r="EK31" s="71">
        <v>9</v>
      </c>
      <c r="EL31" s="71">
        <v>5</v>
      </c>
      <c r="EM31" s="71">
        <v>4</v>
      </c>
      <c r="EN31" s="72">
        <v>33</v>
      </c>
      <c r="EO31" s="73">
        <v>44</v>
      </c>
      <c r="EP31" s="70">
        <v>8</v>
      </c>
      <c r="EQ31" s="71">
        <v>7</v>
      </c>
      <c r="ER31" s="72">
        <v>15</v>
      </c>
      <c r="ES31" s="244"/>
      <c r="ET31" s="71">
        <v>13</v>
      </c>
      <c r="EU31" s="71">
        <v>18</v>
      </c>
      <c r="EV31" s="71">
        <v>5</v>
      </c>
      <c r="EW31" s="71">
        <v>7</v>
      </c>
      <c r="EX31" s="71">
        <v>10</v>
      </c>
      <c r="EY31" s="72">
        <v>53</v>
      </c>
      <c r="EZ31" s="73">
        <v>68</v>
      </c>
      <c r="FA31" s="70">
        <v>2</v>
      </c>
      <c r="FB31" s="71">
        <v>7</v>
      </c>
      <c r="FC31" s="72">
        <v>9</v>
      </c>
      <c r="FD31" s="244"/>
      <c r="FE31" s="71">
        <v>16</v>
      </c>
      <c r="FF31" s="71">
        <v>23</v>
      </c>
      <c r="FG31" s="71">
        <v>8</v>
      </c>
      <c r="FH31" s="71">
        <v>19</v>
      </c>
      <c r="FI31" s="71">
        <v>6</v>
      </c>
      <c r="FJ31" s="72">
        <v>72</v>
      </c>
      <c r="FK31" s="73">
        <v>81</v>
      </c>
      <c r="FL31" s="70">
        <v>0</v>
      </c>
      <c r="FM31" s="71">
        <v>6</v>
      </c>
      <c r="FN31" s="72">
        <v>6</v>
      </c>
      <c r="FO31" s="244"/>
      <c r="FP31" s="71">
        <v>11</v>
      </c>
      <c r="FQ31" s="71">
        <v>20</v>
      </c>
      <c r="FR31" s="71">
        <v>23</v>
      </c>
      <c r="FS31" s="71">
        <v>21</v>
      </c>
      <c r="FT31" s="71">
        <v>12</v>
      </c>
      <c r="FU31" s="72">
        <v>87</v>
      </c>
      <c r="FV31" s="73">
        <v>93</v>
      </c>
      <c r="FW31" s="70">
        <v>0</v>
      </c>
      <c r="FX31" s="71">
        <v>1</v>
      </c>
      <c r="FY31" s="72">
        <v>1</v>
      </c>
      <c r="FZ31" s="244"/>
      <c r="GA31" s="71">
        <v>1</v>
      </c>
      <c r="GB31" s="71">
        <v>1</v>
      </c>
      <c r="GC31" s="71">
        <v>0</v>
      </c>
      <c r="GD31" s="71">
        <v>1</v>
      </c>
      <c r="GE31" s="71">
        <v>2</v>
      </c>
      <c r="GF31" s="72">
        <v>5</v>
      </c>
      <c r="GG31" s="73">
        <v>6</v>
      </c>
      <c r="GH31" s="70">
        <v>21</v>
      </c>
      <c r="GI31" s="71">
        <v>34</v>
      </c>
      <c r="GJ31" s="72">
        <v>55</v>
      </c>
      <c r="GK31" s="244"/>
      <c r="GL31" s="71">
        <v>53</v>
      </c>
      <c r="GM31" s="71">
        <v>74</v>
      </c>
      <c r="GN31" s="71">
        <v>46</v>
      </c>
      <c r="GO31" s="71">
        <v>57</v>
      </c>
      <c r="GP31" s="71">
        <v>34</v>
      </c>
      <c r="GQ31" s="72">
        <v>264</v>
      </c>
      <c r="GR31" s="73">
        <v>319</v>
      </c>
      <c r="GS31" s="123">
        <v>35</v>
      </c>
      <c r="GT31" s="82">
        <v>49</v>
      </c>
      <c r="GU31" s="83">
        <v>84</v>
      </c>
      <c r="GV31" s="241"/>
      <c r="GW31" s="82">
        <v>89</v>
      </c>
      <c r="GX31" s="82">
        <v>119</v>
      </c>
      <c r="GY31" s="82">
        <v>70</v>
      </c>
      <c r="GZ31" s="82">
        <v>77</v>
      </c>
      <c r="HA31" s="82">
        <v>44</v>
      </c>
      <c r="HB31" s="84">
        <v>399</v>
      </c>
      <c r="HC31" s="85">
        <v>483</v>
      </c>
      <c r="HD31" s="70">
        <v>4</v>
      </c>
      <c r="HE31" s="71">
        <v>6</v>
      </c>
      <c r="HF31" s="72">
        <v>10</v>
      </c>
      <c r="HG31" s="244"/>
      <c r="HH31" s="71">
        <v>3</v>
      </c>
      <c r="HI31" s="71">
        <v>3</v>
      </c>
      <c r="HJ31" s="71">
        <v>2</v>
      </c>
      <c r="HK31" s="71">
        <v>0</v>
      </c>
      <c r="HL31" s="71">
        <v>2</v>
      </c>
      <c r="HM31" s="72">
        <v>10</v>
      </c>
      <c r="HN31" s="73">
        <v>20</v>
      </c>
      <c r="HO31" s="70">
        <v>3</v>
      </c>
      <c r="HP31" s="71">
        <v>6</v>
      </c>
      <c r="HQ31" s="72">
        <v>9</v>
      </c>
      <c r="HR31" s="244"/>
      <c r="HS31" s="71">
        <v>4</v>
      </c>
      <c r="HT31" s="71">
        <v>13</v>
      </c>
      <c r="HU31" s="71">
        <v>3</v>
      </c>
      <c r="HV31" s="71">
        <v>7</v>
      </c>
      <c r="HW31" s="71">
        <v>0</v>
      </c>
      <c r="HX31" s="72">
        <v>27</v>
      </c>
      <c r="HY31" s="73">
        <v>36</v>
      </c>
      <c r="HZ31" s="70">
        <v>8</v>
      </c>
      <c r="IA31" s="71">
        <v>9</v>
      </c>
      <c r="IB31" s="72">
        <v>17</v>
      </c>
      <c r="IC31" s="244"/>
      <c r="ID31" s="71">
        <v>14</v>
      </c>
      <c r="IE31" s="71">
        <v>13</v>
      </c>
      <c r="IF31" s="71">
        <v>13</v>
      </c>
      <c r="IG31" s="71">
        <v>9</v>
      </c>
      <c r="IH31" s="71">
        <v>6</v>
      </c>
      <c r="II31" s="72">
        <v>55</v>
      </c>
      <c r="IJ31" s="73">
        <v>72</v>
      </c>
      <c r="IK31" s="70">
        <v>14</v>
      </c>
      <c r="IL31" s="71">
        <v>10</v>
      </c>
      <c r="IM31" s="72">
        <v>24</v>
      </c>
      <c r="IN31" s="244"/>
      <c r="IO31" s="71">
        <v>20</v>
      </c>
      <c r="IP31" s="71">
        <v>26</v>
      </c>
      <c r="IQ31" s="71">
        <v>7</v>
      </c>
      <c r="IR31" s="71">
        <v>9</v>
      </c>
      <c r="IS31" s="71">
        <v>13</v>
      </c>
      <c r="IT31" s="72">
        <v>75</v>
      </c>
      <c r="IU31" s="73">
        <v>99</v>
      </c>
      <c r="IV31" s="70">
        <v>5</v>
      </c>
      <c r="IW31" s="71">
        <v>11</v>
      </c>
      <c r="IX31" s="72">
        <v>16</v>
      </c>
      <c r="IY31" s="244"/>
      <c r="IZ31" s="71">
        <v>32</v>
      </c>
      <c r="JA31" s="71">
        <v>29</v>
      </c>
      <c r="JB31" s="71">
        <v>12</v>
      </c>
      <c r="JC31" s="71">
        <v>27</v>
      </c>
      <c r="JD31" s="71">
        <v>9</v>
      </c>
      <c r="JE31" s="72">
        <v>109</v>
      </c>
      <c r="JF31" s="73">
        <v>125</v>
      </c>
      <c r="JG31" s="70">
        <v>1</v>
      </c>
      <c r="JH31" s="71">
        <v>7</v>
      </c>
      <c r="JI31" s="72">
        <v>8</v>
      </c>
      <c r="JJ31" s="244">
        <v>0</v>
      </c>
      <c r="JK31" s="71">
        <v>16</v>
      </c>
      <c r="JL31" s="71">
        <v>35</v>
      </c>
      <c r="JM31" s="71">
        <v>33</v>
      </c>
      <c r="JN31" s="71">
        <v>25</v>
      </c>
      <c r="JO31" s="71">
        <v>14</v>
      </c>
      <c r="JP31" s="72">
        <v>123</v>
      </c>
      <c r="JQ31" s="73">
        <v>131</v>
      </c>
      <c r="JR31" s="70">
        <v>0</v>
      </c>
      <c r="JS31" s="71">
        <v>2</v>
      </c>
      <c r="JT31" s="72">
        <v>2</v>
      </c>
      <c r="JU31" s="244"/>
      <c r="JV31" s="71">
        <v>1</v>
      </c>
      <c r="JW31" s="71">
        <v>2</v>
      </c>
      <c r="JX31" s="71">
        <v>0</v>
      </c>
      <c r="JY31" s="71">
        <v>2</v>
      </c>
      <c r="JZ31" s="71">
        <v>4</v>
      </c>
      <c r="KA31" s="72">
        <v>9</v>
      </c>
      <c r="KB31" s="73">
        <v>11</v>
      </c>
      <c r="KC31" s="70">
        <v>35</v>
      </c>
      <c r="KD31" s="71">
        <v>51</v>
      </c>
      <c r="KE31" s="72">
        <v>86</v>
      </c>
      <c r="KF31" s="244"/>
      <c r="KG31" s="71">
        <v>90</v>
      </c>
      <c r="KH31" s="71">
        <v>121</v>
      </c>
      <c r="KI31" s="71">
        <v>70</v>
      </c>
      <c r="KJ31" s="71">
        <v>79</v>
      </c>
      <c r="KK31" s="71">
        <v>48</v>
      </c>
      <c r="KL31" s="72">
        <v>408</v>
      </c>
      <c r="KM31" s="73">
        <v>494</v>
      </c>
    </row>
    <row r="32" spans="2:299" ht="19.5" customHeight="1" x14ac:dyDescent="0.2">
      <c r="B32" s="126" t="s">
        <v>29</v>
      </c>
      <c r="C32" s="316">
        <v>31</v>
      </c>
      <c r="D32" s="82">
        <v>20</v>
      </c>
      <c r="E32" s="83">
        <v>51</v>
      </c>
      <c r="F32" s="241"/>
      <c r="G32" s="82">
        <v>46</v>
      </c>
      <c r="H32" s="82">
        <v>50</v>
      </c>
      <c r="I32" s="82">
        <v>38</v>
      </c>
      <c r="J32" s="82">
        <v>45</v>
      </c>
      <c r="K32" s="82">
        <v>15</v>
      </c>
      <c r="L32" s="84">
        <v>194</v>
      </c>
      <c r="M32" s="85">
        <v>245</v>
      </c>
      <c r="N32" s="70">
        <v>2</v>
      </c>
      <c r="O32" s="71">
        <v>1</v>
      </c>
      <c r="P32" s="72">
        <v>3</v>
      </c>
      <c r="Q32" s="244"/>
      <c r="R32" s="71">
        <v>3</v>
      </c>
      <c r="S32" s="71">
        <v>2</v>
      </c>
      <c r="T32" s="71">
        <v>6</v>
      </c>
      <c r="U32" s="71">
        <v>1</v>
      </c>
      <c r="V32" s="71">
        <v>0</v>
      </c>
      <c r="W32" s="72">
        <v>12</v>
      </c>
      <c r="X32" s="73">
        <v>15</v>
      </c>
      <c r="Y32" s="70">
        <v>4</v>
      </c>
      <c r="Z32" s="71">
        <v>4</v>
      </c>
      <c r="AA32" s="72">
        <v>8</v>
      </c>
      <c r="AB32" s="244"/>
      <c r="AC32" s="71">
        <v>11</v>
      </c>
      <c r="AD32" s="71">
        <v>3</v>
      </c>
      <c r="AE32" s="71">
        <v>1</v>
      </c>
      <c r="AF32" s="71">
        <v>6</v>
      </c>
      <c r="AG32" s="71">
        <v>3</v>
      </c>
      <c r="AH32" s="72">
        <v>24</v>
      </c>
      <c r="AI32" s="73">
        <v>32</v>
      </c>
      <c r="AJ32" s="70">
        <v>10</v>
      </c>
      <c r="AK32" s="71">
        <v>5</v>
      </c>
      <c r="AL32" s="72">
        <v>15</v>
      </c>
      <c r="AM32" s="244"/>
      <c r="AN32" s="71">
        <v>9</v>
      </c>
      <c r="AO32" s="71">
        <v>10</v>
      </c>
      <c r="AP32" s="71">
        <v>6</v>
      </c>
      <c r="AQ32" s="71">
        <v>5</v>
      </c>
      <c r="AR32" s="71">
        <v>1</v>
      </c>
      <c r="AS32" s="72">
        <v>31</v>
      </c>
      <c r="AT32" s="73">
        <v>46</v>
      </c>
      <c r="AU32" s="70">
        <v>8</v>
      </c>
      <c r="AV32" s="71">
        <v>4</v>
      </c>
      <c r="AW32" s="72">
        <v>12</v>
      </c>
      <c r="AX32" s="244"/>
      <c r="AY32" s="71">
        <v>5</v>
      </c>
      <c r="AZ32" s="71">
        <v>13</v>
      </c>
      <c r="BA32" s="71">
        <v>8</v>
      </c>
      <c r="BB32" s="71">
        <v>12</v>
      </c>
      <c r="BC32" s="71">
        <v>3</v>
      </c>
      <c r="BD32" s="72">
        <v>41</v>
      </c>
      <c r="BE32" s="73">
        <v>53</v>
      </c>
      <c r="BF32" s="70">
        <v>5</v>
      </c>
      <c r="BG32" s="71">
        <v>3</v>
      </c>
      <c r="BH32" s="72">
        <v>8</v>
      </c>
      <c r="BI32" s="244"/>
      <c r="BJ32" s="71">
        <v>12</v>
      </c>
      <c r="BK32" s="71">
        <v>11</v>
      </c>
      <c r="BL32" s="71">
        <v>7</v>
      </c>
      <c r="BM32" s="71">
        <v>17</v>
      </c>
      <c r="BN32" s="71">
        <v>5</v>
      </c>
      <c r="BO32" s="72">
        <v>52</v>
      </c>
      <c r="BP32" s="73">
        <v>60</v>
      </c>
      <c r="BQ32" s="70">
        <v>2</v>
      </c>
      <c r="BR32" s="71">
        <v>3</v>
      </c>
      <c r="BS32" s="72">
        <v>5</v>
      </c>
      <c r="BT32" s="244"/>
      <c r="BU32" s="71">
        <v>6</v>
      </c>
      <c r="BV32" s="71">
        <v>11</v>
      </c>
      <c r="BW32" s="71">
        <v>10</v>
      </c>
      <c r="BX32" s="71">
        <v>4</v>
      </c>
      <c r="BY32" s="71">
        <v>3</v>
      </c>
      <c r="BZ32" s="72">
        <v>34</v>
      </c>
      <c r="CA32" s="73">
        <v>39</v>
      </c>
      <c r="CB32" s="70">
        <v>1</v>
      </c>
      <c r="CC32" s="71">
        <v>2</v>
      </c>
      <c r="CD32" s="72">
        <v>3</v>
      </c>
      <c r="CE32" s="244"/>
      <c r="CF32" s="71">
        <v>1</v>
      </c>
      <c r="CG32" s="71">
        <v>5</v>
      </c>
      <c r="CH32" s="71">
        <v>3</v>
      </c>
      <c r="CI32" s="71">
        <v>1</v>
      </c>
      <c r="CJ32" s="71">
        <v>1</v>
      </c>
      <c r="CK32" s="72">
        <v>11</v>
      </c>
      <c r="CL32" s="73">
        <v>14</v>
      </c>
      <c r="CM32" s="70">
        <v>32</v>
      </c>
      <c r="CN32" s="71">
        <v>22</v>
      </c>
      <c r="CO32" s="72">
        <v>54</v>
      </c>
      <c r="CP32" s="244"/>
      <c r="CQ32" s="71">
        <v>47</v>
      </c>
      <c r="CR32" s="71">
        <v>55</v>
      </c>
      <c r="CS32" s="71">
        <v>41</v>
      </c>
      <c r="CT32" s="71">
        <v>46</v>
      </c>
      <c r="CU32" s="71">
        <v>16</v>
      </c>
      <c r="CV32" s="72">
        <v>205</v>
      </c>
      <c r="CW32" s="73">
        <v>259</v>
      </c>
      <c r="CX32" s="123">
        <v>44</v>
      </c>
      <c r="CY32" s="82">
        <v>49</v>
      </c>
      <c r="CZ32" s="83">
        <v>93</v>
      </c>
      <c r="DA32" s="241"/>
      <c r="DB32" s="82">
        <v>87</v>
      </c>
      <c r="DC32" s="82">
        <v>79</v>
      </c>
      <c r="DD32" s="82">
        <v>59</v>
      </c>
      <c r="DE32" s="82">
        <v>80</v>
      </c>
      <c r="DF32" s="82">
        <v>56</v>
      </c>
      <c r="DG32" s="84">
        <v>361</v>
      </c>
      <c r="DH32" s="85">
        <v>454</v>
      </c>
      <c r="DI32" s="70">
        <v>2</v>
      </c>
      <c r="DJ32" s="71">
        <v>3</v>
      </c>
      <c r="DK32" s="72">
        <v>5</v>
      </c>
      <c r="DL32" s="244"/>
      <c r="DM32" s="71">
        <v>3</v>
      </c>
      <c r="DN32" s="71">
        <v>4</v>
      </c>
      <c r="DO32" s="71">
        <v>0</v>
      </c>
      <c r="DP32" s="71">
        <v>2</v>
      </c>
      <c r="DQ32" s="71">
        <v>3</v>
      </c>
      <c r="DR32" s="72">
        <v>12</v>
      </c>
      <c r="DS32" s="73">
        <v>17</v>
      </c>
      <c r="DT32" s="70">
        <v>4</v>
      </c>
      <c r="DU32" s="71">
        <v>1</v>
      </c>
      <c r="DV32" s="72">
        <v>5</v>
      </c>
      <c r="DW32" s="244"/>
      <c r="DX32" s="71">
        <v>4</v>
      </c>
      <c r="DY32" s="71">
        <v>4</v>
      </c>
      <c r="DZ32" s="71">
        <v>4</v>
      </c>
      <c r="EA32" s="71">
        <v>4</v>
      </c>
      <c r="EB32" s="71">
        <v>2</v>
      </c>
      <c r="EC32" s="72">
        <v>18</v>
      </c>
      <c r="ED32" s="73">
        <v>23</v>
      </c>
      <c r="EE32" s="70">
        <v>8</v>
      </c>
      <c r="EF32" s="71">
        <v>8</v>
      </c>
      <c r="EG32" s="72">
        <v>16</v>
      </c>
      <c r="EH32" s="244"/>
      <c r="EI32" s="71">
        <v>12</v>
      </c>
      <c r="EJ32" s="71">
        <v>7</v>
      </c>
      <c r="EK32" s="71">
        <v>4</v>
      </c>
      <c r="EL32" s="71">
        <v>6</v>
      </c>
      <c r="EM32" s="71">
        <v>6</v>
      </c>
      <c r="EN32" s="72">
        <v>35</v>
      </c>
      <c r="EO32" s="73">
        <v>51</v>
      </c>
      <c r="EP32" s="70">
        <v>8</v>
      </c>
      <c r="EQ32" s="71">
        <v>16</v>
      </c>
      <c r="ER32" s="72">
        <v>24</v>
      </c>
      <c r="ES32" s="244"/>
      <c r="ET32" s="71">
        <v>26</v>
      </c>
      <c r="EU32" s="71">
        <v>18</v>
      </c>
      <c r="EV32" s="71">
        <v>12</v>
      </c>
      <c r="EW32" s="71">
        <v>18</v>
      </c>
      <c r="EX32" s="71">
        <v>8</v>
      </c>
      <c r="EY32" s="72">
        <v>82</v>
      </c>
      <c r="EZ32" s="73">
        <v>106</v>
      </c>
      <c r="FA32" s="70">
        <v>14</v>
      </c>
      <c r="FB32" s="71">
        <v>13</v>
      </c>
      <c r="FC32" s="72">
        <v>27</v>
      </c>
      <c r="FD32" s="244"/>
      <c r="FE32" s="71">
        <v>29</v>
      </c>
      <c r="FF32" s="71">
        <v>16</v>
      </c>
      <c r="FG32" s="71">
        <v>17</v>
      </c>
      <c r="FH32" s="71">
        <v>24</v>
      </c>
      <c r="FI32" s="71">
        <v>16</v>
      </c>
      <c r="FJ32" s="72">
        <v>102</v>
      </c>
      <c r="FK32" s="73">
        <v>129</v>
      </c>
      <c r="FL32" s="70">
        <v>8</v>
      </c>
      <c r="FM32" s="71">
        <v>8</v>
      </c>
      <c r="FN32" s="72">
        <v>16</v>
      </c>
      <c r="FO32" s="244"/>
      <c r="FP32" s="71">
        <v>13</v>
      </c>
      <c r="FQ32" s="71">
        <v>30</v>
      </c>
      <c r="FR32" s="71">
        <v>22</v>
      </c>
      <c r="FS32" s="71">
        <v>26</v>
      </c>
      <c r="FT32" s="71">
        <v>21</v>
      </c>
      <c r="FU32" s="72">
        <v>112</v>
      </c>
      <c r="FV32" s="73">
        <v>128</v>
      </c>
      <c r="FW32" s="70">
        <v>0</v>
      </c>
      <c r="FX32" s="71">
        <v>1</v>
      </c>
      <c r="FY32" s="72">
        <v>1</v>
      </c>
      <c r="FZ32" s="244"/>
      <c r="GA32" s="71">
        <v>1</v>
      </c>
      <c r="GB32" s="71">
        <v>1</v>
      </c>
      <c r="GC32" s="71">
        <v>0</v>
      </c>
      <c r="GD32" s="71">
        <v>0</v>
      </c>
      <c r="GE32" s="71">
        <v>0</v>
      </c>
      <c r="GF32" s="72">
        <v>2</v>
      </c>
      <c r="GG32" s="73">
        <v>3</v>
      </c>
      <c r="GH32" s="70">
        <v>44</v>
      </c>
      <c r="GI32" s="71">
        <v>50</v>
      </c>
      <c r="GJ32" s="72">
        <v>94</v>
      </c>
      <c r="GK32" s="244"/>
      <c r="GL32" s="71">
        <v>88</v>
      </c>
      <c r="GM32" s="71">
        <v>80</v>
      </c>
      <c r="GN32" s="71">
        <v>59</v>
      </c>
      <c r="GO32" s="71">
        <v>80</v>
      </c>
      <c r="GP32" s="71">
        <v>56</v>
      </c>
      <c r="GQ32" s="72">
        <v>363</v>
      </c>
      <c r="GR32" s="73">
        <v>457</v>
      </c>
      <c r="GS32" s="123">
        <v>75</v>
      </c>
      <c r="GT32" s="82">
        <v>69</v>
      </c>
      <c r="GU32" s="83">
        <v>144</v>
      </c>
      <c r="GV32" s="241"/>
      <c r="GW32" s="82">
        <v>133</v>
      </c>
      <c r="GX32" s="82">
        <v>129</v>
      </c>
      <c r="GY32" s="82">
        <v>97</v>
      </c>
      <c r="GZ32" s="82">
        <v>125</v>
      </c>
      <c r="HA32" s="82">
        <v>71</v>
      </c>
      <c r="HB32" s="84">
        <v>555</v>
      </c>
      <c r="HC32" s="85">
        <v>699</v>
      </c>
      <c r="HD32" s="70">
        <v>4</v>
      </c>
      <c r="HE32" s="71">
        <v>4</v>
      </c>
      <c r="HF32" s="72">
        <v>8</v>
      </c>
      <c r="HG32" s="244"/>
      <c r="HH32" s="71">
        <v>6</v>
      </c>
      <c r="HI32" s="71">
        <v>6</v>
      </c>
      <c r="HJ32" s="71">
        <v>6</v>
      </c>
      <c r="HK32" s="71">
        <v>3</v>
      </c>
      <c r="HL32" s="71">
        <v>3</v>
      </c>
      <c r="HM32" s="72">
        <v>24</v>
      </c>
      <c r="HN32" s="73">
        <v>32</v>
      </c>
      <c r="HO32" s="70">
        <v>8</v>
      </c>
      <c r="HP32" s="71">
        <v>5</v>
      </c>
      <c r="HQ32" s="72">
        <v>13</v>
      </c>
      <c r="HR32" s="244"/>
      <c r="HS32" s="71">
        <v>15</v>
      </c>
      <c r="HT32" s="71">
        <v>7</v>
      </c>
      <c r="HU32" s="71">
        <v>5</v>
      </c>
      <c r="HV32" s="71">
        <v>10</v>
      </c>
      <c r="HW32" s="71">
        <v>5</v>
      </c>
      <c r="HX32" s="72">
        <v>42</v>
      </c>
      <c r="HY32" s="73">
        <v>55</v>
      </c>
      <c r="HZ32" s="70">
        <v>18</v>
      </c>
      <c r="IA32" s="71">
        <v>13</v>
      </c>
      <c r="IB32" s="72">
        <v>31</v>
      </c>
      <c r="IC32" s="244"/>
      <c r="ID32" s="71">
        <v>21</v>
      </c>
      <c r="IE32" s="71">
        <v>17</v>
      </c>
      <c r="IF32" s="71">
        <v>10</v>
      </c>
      <c r="IG32" s="71">
        <v>11</v>
      </c>
      <c r="IH32" s="71">
        <v>7</v>
      </c>
      <c r="II32" s="72">
        <v>66</v>
      </c>
      <c r="IJ32" s="73">
        <v>97</v>
      </c>
      <c r="IK32" s="70">
        <v>16</v>
      </c>
      <c r="IL32" s="71">
        <v>20</v>
      </c>
      <c r="IM32" s="72">
        <v>36</v>
      </c>
      <c r="IN32" s="244"/>
      <c r="IO32" s="71">
        <v>31</v>
      </c>
      <c r="IP32" s="71">
        <v>31</v>
      </c>
      <c r="IQ32" s="71">
        <v>20</v>
      </c>
      <c r="IR32" s="71">
        <v>30</v>
      </c>
      <c r="IS32" s="71">
        <v>11</v>
      </c>
      <c r="IT32" s="72">
        <v>123</v>
      </c>
      <c r="IU32" s="73">
        <v>159</v>
      </c>
      <c r="IV32" s="70">
        <v>19</v>
      </c>
      <c r="IW32" s="71">
        <v>16</v>
      </c>
      <c r="IX32" s="72">
        <v>35</v>
      </c>
      <c r="IY32" s="244"/>
      <c r="IZ32" s="71">
        <v>41</v>
      </c>
      <c r="JA32" s="71">
        <v>27</v>
      </c>
      <c r="JB32" s="71">
        <v>24</v>
      </c>
      <c r="JC32" s="71">
        <v>41</v>
      </c>
      <c r="JD32" s="71">
        <v>21</v>
      </c>
      <c r="JE32" s="72">
        <v>154</v>
      </c>
      <c r="JF32" s="73">
        <v>189</v>
      </c>
      <c r="JG32" s="70">
        <v>10</v>
      </c>
      <c r="JH32" s="71">
        <v>11</v>
      </c>
      <c r="JI32" s="72">
        <v>21</v>
      </c>
      <c r="JJ32" s="244">
        <v>0</v>
      </c>
      <c r="JK32" s="71">
        <v>19</v>
      </c>
      <c r="JL32" s="71">
        <v>41</v>
      </c>
      <c r="JM32" s="71">
        <v>32</v>
      </c>
      <c r="JN32" s="71">
        <v>30</v>
      </c>
      <c r="JO32" s="71">
        <v>24</v>
      </c>
      <c r="JP32" s="72">
        <v>146</v>
      </c>
      <c r="JQ32" s="73">
        <v>167</v>
      </c>
      <c r="JR32" s="70">
        <v>1</v>
      </c>
      <c r="JS32" s="71">
        <v>3</v>
      </c>
      <c r="JT32" s="72">
        <v>4</v>
      </c>
      <c r="JU32" s="244"/>
      <c r="JV32" s="71">
        <v>2</v>
      </c>
      <c r="JW32" s="71">
        <v>6</v>
      </c>
      <c r="JX32" s="71">
        <v>3</v>
      </c>
      <c r="JY32" s="71">
        <v>1</v>
      </c>
      <c r="JZ32" s="71">
        <v>1</v>
      </c>
      <c r="KA32" s="72">
        <v>13</v>
      </c>
      <c r="KB32" s="73">
        <v>17</v>
      </c>
      <c r="KC32" s="70">
        <v>76</v>
      </c>
      <c r="KD32" s="71">
        <v>72</v>
      </c>
      <c r="KE32" s="72">
        <v>148</v>
      </c>
      <c r="KF32" s="244"/>
      <c r="KG32" s="71">
        <v>135</v>
      </c>
      <c r="KH32" s="71">
        <v>135</v>
      </c>
      <c r="KI32" s="71">
        <v>100</v>
      </c>
      <c r="KJ32" s="71">
        <v>126</v>
      </c>
      <c r="KK32" s="71">
        <v>72</v>
      </c>
      <c r="KL32" s="72">
        <v>568</v>
      </c>
      <c r="KM32" s="73">
        <v>716</v>
      </c>
    </row>
    <row r="33" spans="2:299" ht="19.5" customHeight="1" x14ac:dyDescent="0.2">
      <c r="B33" s="126" t="s">
        <v>30</v>
      </c>
      <c r="C33" s="316">
        <v>16</v>
      </c>
      <c r="D33" s="82">
        <v>12</v>
      </c>
      <c r="E33" s="83">
        <v>28</v>
      </c>
      <c r="F33" s="241"/>
      <c r="G33" s="82">
        <v>49</v>
      </c>
      <c r="H33" s="82">
        <v>37</v>
      </c>
      <c r="I33" s="82">
        <v>27</v>
      </c>
      <c r="J33" s="82">
        <v>36</v>
      </c>
      <c r="K33" s="82">
        <v>9</v>
      </c>
      <c r="L33" s="84">
        <v>158</v>
      </c>
      <c r="M33" s="85">
        <v>186</v>
      </c>
      <c r="N33" s="70">
        <v>2</v>
      </c>
      <c r="O33" s="71">
        <v>0</v>
      </c>
      <c r="P33" s="72">
        <v>2</v>
      </c>
      <c r="Q33" s="244"/>
      <c r="R33" s="71">
        <v>6</v>
      </c>
      <c r="S33" s="71">
        <v>4</v>
      </c>
      <c r="T33" s="71">
        <v>2</v>
      </c>
      <c r="U33" s="71">
        <v>3</v>
      </c>
      <c r="V33" s="71">
        <v>0</v>
      </c>
      <c r="W33" s="72">
        <v>15</v>
      </c>
      <c r="X33" s="73">
        <v>17</v>
      </c>
      <c r="Y33" s="70">
        <v>4</v>
      </c>
      <c r="Z33" s="71">
        <v>2</v>
      </c>
      <c r="AA33" s="72">
        <v>6</v>
      </c>
      <c r="AB33" s="244"/>
      <c r="AC33" s="71">
        <v>5</v>
      </c>
      <c r="AD33" s="71">
        <v>4</v>
      </c>
      <c r="AE33" s="71">
        <v>2</v>
      </c>
      <c r="AF33" s="71">
        <v>6</v>
      </c>
      <c r="AG33" s="71">
        <v>2</v>
      </c>
      <c r="AH33" s="72">
        <v>19</v>
      </c>
      <c r="AI33" s="73">
        <v>25</v>
      </c>
      <c r="AJ33" s="70">
        <v>2</v>
      </c>
      <c r="AK33" s="71">
        <v>1</v>
      </c>
      <c r="AL33" s="72">
        <v>3</v>
      </c>
      <c r="AM33" s="244"/>
      <c r="AN33" s="71">
        <v>5</v>
      </c>
      <c r="AO33" s="71">
        <v>3</v>
      </c>
      <c r="AP33" s="71">
        <v>5</v>
      </c>
      <c r="AQ33" s="71">
        <v>5</v>
      </c>
      <c r="AR33" s="71">
        <v>1</v>
      </c>
      <c r="AS33" s="72">
        <v>19</v>
      </c>
      <c r="AT33" s="73">
        <v>22</v>
      </c>
      <c r="AU33" s="70">
        <v>1</v>
      </c>
      <c r="AV33" s="71">
        <v>4</v>
      </c>
      <c r="AW33" s="72">
        <v>5</v>
      </c>
      <c r="AX33" s="244"/>
      <c r="AY33" s="71">
        <v>9</v>
      </c>
      <c r="AZ33" s="71">
        <v>8</v>
      </c>
      <c r="BA33" s="71">
        <v>8</v>
      </c>
      <c r="BB33" s="71">
        <v>7</v>
      </c>
      <c r="BC33" s="71">
        <v>1</v>
      </c>
      <c r="BD33" s="72">
        <v>33</v>
      </c>
      <c r="BE33" s="73">
        <v>38</v>
      </c>
      <c r="BF33" s="70">
        <v>5</v>
      </c>
      <c r="BG33" s="71">
        <v>3</v>
      </c>
      <c r="BH33" s="72">
        <v>8</v>
      </c>
      <c r="BI33" s="244"/>
      <c r="BJ33" s="71">
        <v>12</v>
      </c>
      <c r="BK33" s="71">
        <v>10</v>
      </c>
      <c r="BL33" s="71">
        <v>4</v>
      </c>
      <c r="BM33" s="71">
        <v>6</v>
      </c>
      <c r="BN33" s="71">
        <v>4</v>
      </c>
      <c r="BO33" s="72">
        <v>36</v>
      </c>
      <c r="BP33" s="73">
        <v>44</v>
      </c>
      <c r="BQ33" s="70">
        <v>2</v>
      </c>
      <c r="BR33" s="71">
        <v>2</v>
      </c>
      <c r="BS33" s="72">
        <v>4</v>
      </c>
      <c r="BT33" s="244"/>
      <c r="BU33" s="71">
        <v>12</v>
      </c>
      <c r="BV33" s="71">
        <v>8</v>
      </c>
      <c r="BW33" s="71">
        <v>6</v>
      </c>
      <c r="BX33" s="71">
        <v>9</v>
      </c>
      <c r="BY33" s="71">
        <v>1</v>
      </c>
      <c r="BZ33" s="72">
        <v>36</v>
      </c>
      <c r="CA33" s="73">
        <v>40</v>
      </c>
      <c r="CB33" s="70">
        <v>0</v>
      </c>
      <c r="CC33" s="71">
        <v>0</v>
      </c>
      <c r="CD33" s="72">
        <v>0</v>
      </c>
      <c r="CE33" s="244"/>
      <c r="CF33" s="71">
        <v>1</v>
      </c>
      <c r="CG33" s="71">
        <v>0</v>
      </c>
      <c r="CH33" s="71">
        <v>2</v>
      </c>
      <c r="CI33" s="71">
        <v>0</v>
      </c>
      <c r="CJ33" s="71">
        <v>2</v>
      </c>
      <c r="CK33" s="72">
        <v>5</v>
      </c>
      <c r="CL33" s="73">
        <v>5</v>
      </c>
      <c r="CM33" s="70">
        <v>16</v>
      </c>
      <c r="CN33" s="71">
        <v>12</v>
      </c>
      <c r="CO33" s="72">
        <v>28</v>
      </c>
      <c r="CP33" s="244"/>
      <c r="CQ33" s="71">
        <v>50</v>
      </c>
      <c r="CR33" s="71">
        <v>37</v>
      </c>
      <c r="CS33" s="71">
        <v>29</v>
      </c>
      <c r="CT33" s="71">
        <v>36</v>
      </c>
      <c r="CU33" s="71">
        <v>11</v>
      </c>
      <c r="CV33" s="72">
        <v>163</v>
      </c>
      <c r="CW33" s="73">
        <v>191</v>
      </c>
      <c r="CX33" s="123">
        <v>40</v>
      </c>
      <c r="CY33" s="82">
        <v>33</v>
      </c>
      <c r="CZ33" s="83">
        <v>73</v>
      </c>
      <c r="DA33" s="241"/>
      <c r="DB33" s="82">
        <v>96</v>
      </c>
      <c r="DC33" s="82">
        <v>67</v>
      </c>
      <c r="DD33" s="82">
        <v>77</v>
      </c>
      <c r="DE33" s="82">
        <v>68</v>
      </c>
      <c r="DF33" s="82">
        <v>39</v>
      </c>
      <c r="DG33" s="84">
        <v>347</v>
      </c>
      <c r="DH33" s="85">
        <v>420</v>
      </c>
      <c r="DI33" s="70">
        <v>1</v>
      </c>
      <c r="DJ33" s="71">
        <v>0</v>
      </c>
      <c r="DK33" s="72">
        <v>1</v>
      </c>
      <c r="DL33" s="244"/>
      <c r="DM33" s="71">
        <v>1</v>
      </c>
      <c r="DN33" s="71">
        <v>2</v>
      </c>
      <c r="DO33" s="71">
        <v>1</v>
      </c>
      <c r="DP33" s="71">
        <v>0</v>
      </c>
      <c r="DQ33" s="71">
        <v>2</v>
      </c>
      <c r="DR33" s="72">
        <v>6</v>
      </c>
      <c r="DS33" s="73">
        <v>7</v>
      </c>
      <c r="DT33" s="70">
        <v>1</v>
      </c>
      <c r="DU33" s="71">
        <v>4</v>
      </c>
      <c r="DV33" s="72">
        <v>5</v>
      </c>
      <c r="DW33" s="244"/>
      <c r="DX33" s="71">
        <v>3</v>
      </c>
      <c r="DY33" s="71">
        <v>4</v>
      </c>
      <c r="DZ33" s="71">
        <v>5</v>
      </c>
      <c r="EA33" s="71">
        <v>0</v>
      </c>
      <c r="EB33" s="71">
        <v>3</v>
      </c>
      <c r="EC33" s="72">
        <v>15</v>
      </c>
      <c r="ED33" s="73">
        <v>20</v>
      </c>
      <c r="EE33" s="70">
        <v>12</v>
      </c>
      <c r="EF33" s="71">
        <v>1</v>
      </c>
      <c r="EG33" s="72">
        <v>13</v>
      </c>
      <c r="EH33" s="244"/>
      <c r="EI33" s="71">
        <v>15</v>
      </c>
      <c r="EJ33" s="71">
        <v>5</v>
      </c>
      <c r="EK33" s="71">
        <v>12</v>
      </c>
      <c r="EL33" s="71">
        <v>6</v>
      </c>
      <c r="EM33" s="71">
        <v>2</v>
      </c>
      <c r="EN33" s="72">
        <v>40</v>
      </c>
      <c r="EO33" s="73">
        <v>53</v>
      </c>
      <c r="EP33" s="70">
        <v>9</v>
      </c>
      <c r="EQ33" s="71">
        <v>10</v>
      </c>
      <c r="ER33" s="72">
        <v>19</v>
      </c>
      <c r="ES33" s="244"/>
      <c r="ET33" s="71">
        <v>29</v>
      </c>
      <c r="EU33" s="71">
        <v>14</v>
      </c>
      <c r="EV33" s="71">
        <v>9</v>
      </c>
      <c r="EW33" s="71">
        <v>9</v>
      </c>
      <c r="EX33" s="71">
        <v>10</v>
      </c>
      <c r="EY33" s="72">
        <v>71</v>
      </c>
      <c r="EZ33" s="73">
        <v>90</v>
      </c>
      <c r="FA33" s="70">
        <v>9</v>
      </c>
      <c r="FB33" s="71">
        <v>9</v>
      </c>
      <c r="FC33" s="72">
        <v>18</v>
      </c>
      <c r="FD33" s="244"/>
      <c r="FE33" s="71">
        <v>24</v>
      </c>
      <c r="FF33" s="71">
        <v>19</v>
      </c>
      <c r="FG33" s="71">
        <v>20</v>
      </c>
      <c r="FH33" s="71">
        <v>24</v>
      </c>
      <c r="FI33" s="71">
        <v>11</v>
      </c>
      <c r="FJ33" s="72">
        <v>98</v>
      </c>
      <c r="FK33" s="73">
        <v>116</v>
      </c>
      <c r="FL33" s="70">
        <v>8</v>
      </c>
      <c r="FM33" s="71">
        <v>9</v>
      </c>
      <c r="FN33" s="72">
        <v>17</v>
      </c>
      <c r="FO33" s="244"/>
      <c r="FP33" s="71">
        <v>24</v>
      </c>
      <c r="FQ33" s="71">
        <v>23</v>
      </c>
      <c r="FR33" s="71">
        <v>30</v>
      </c>
      <c r="FS33" s="71">
        <v>29</v>
      </c>
      <c r="FT33" s="71">
        <v>11</v>
      </c>
      <c r="FU33" s="72">
        <v>117</v>
      </c>
      <c r="FV33" s="73">
        <v>134</v>
      </c>
      <c r="FW33" s="70">
        <v>0</v>
      </c>
      <c r="FX33" s="71">
        <v>0</v>
      </c>
      <c r="FY33" s="72">
        <v>0</v>
      </c>
      <c r="FZ33" s="244"/>
      <c r="GA33" s="71">
        <v>0</v>
      </c>
      <c r="GB33" s="71">
        <v>0</v>
      </c>
      <c r="GC33" s="71">
        <v>0</v>
      </c>
      <c r="GD33" s="71">
        <v>1</v>
      </c>
      <c r="GE33" s="71">
        <v>1</v>
      </c>
      <c r="GF33" s="72">
        <v>2</v>
      </c>
      <c r="GG33" s="73">
        <v>2</v>
      </c>
      <c r="GH33" s="70">
        <v>40</v>
      </c>
      <c r="GI33" s="71">
        <v>33</v>
      </c>
      <c r="GJ33" s="72">
        <v>73</v>
      </c>
      <c r="GK33" s="244"/>
      <c r="GL33" s="71">
        <v>96</v>
      </c>
      <c r="GM33" s="71">
        <v>67</v>
      </c>
      <c r="GN33" s="71">
        <v>77</v>
      </c>
      <c r="GO33" s="71">
        <v>69</v>
      </c>
      <c r="GP33" s="71">
        <v>40</v>
      </c>
      <c r="GQ33" s="72">
        <v>349</v>
      </c>
      <c r="GR33" s="73">
        <v>422</v>
      </c>
      <c r="GS33" s="123">
        <v>56</v>
      </c>
      <c r="GT33" s="82">
        <v>45</v>
      </c>
      <c r="GU33" s="83">
        <v>101</v>
      </c>
      <c r="GV33" s="241"/>
      <c r="GW33" s="82">
        <v>145</v>
      </c>
      <c r="GX33" s="82">
        <v>104</v>
      </c>
      <c r="GY33" s="82">
        <v>104</v>
      </c>
      <c r="GZ33" s="82">
        <v>104</v>
      </c>
      <c r="HA33" s="82">
        <v>48</v>
      </c>
      <c r="HB33" s="84">
        <v>505</v>
      </c>
      <c r="HC33" s="85">
        <v>606</v>
      </c>
      <c r="HD33" s="70">
        <v>3</v>
      </c>
      <c r="HE33" s="71">
        <v>0</v>
      </c>
      <c r="HF33" s="72">
        <v>3</v>
      </c>
      <c r="HG33" s="244"/>
      <c r="HH33" s="71">
        <v>7</v>
      </c>
      <c r="HI33" s="71">
        <v>6</v>
      </c>
      <c r="HJ33" s="71">
        <v>3</v>
      </c>
      <c r="HK33" s="71">
        <v>3</v>
      </c>
      <c r="HL33" s="71">
        <v>2</v>
      </c>
      <c r="HM33" s="72">
        <v>21</v>
      </c>
      <c r="HN33" s="73">
        <v>24</v>
      </c>
      <c r="HO33" s="70">
        <v>5</v>
      </c>
      <c r="HP33" s="71">
        <v>6</v>
      </c>
      <c r="HQ33" s="72">
        <v>11</v>
      </c>
      <c r="HR33" s="244"/>
      <c r="HS33" s="71">
        <v>8</v>
      </c>
      <c r="HT33" s="71">
        <v>8</v>
      </c>
      <c r="HU33" s="71">
        <v>7</v>
      </c>
      <c r="HV33" s="71">
        <v>6</v>
      </c>
      <c r="HW33" s="71">
        <v>5</v>
      </c>
      <c r="HX33" s="72">
        <v>34</v>
      </c>
      <c r="HY33" s="73">
        <v>45</v>
      </c>
      <c r="HZ33" s="70">
        <v>14</v>
      </c>
      <c r="IA33" s="71">
        <v>2</v>
      </c>
      <c r="IB33" s="72">
        <v>16</v>
      </c>
      <c r="IC33" s="244"/>
      <c r="ID33" s="71">
        <v>20</v>
      </c>
      <c r="IE33" s="71">
        <v>8</v>
      </c>
      <c r="IF33" s="71">
        <v>17</v>
      </c>
      <c r="IG33" s="71">
        <v>11</v>
      </c>
      <c r="IH33" s="71">
        <v>3</v>
      </c>
      <c r="II33" s="72">
        <v>59</v>
      </c>
      <c r="IJ33" s="73">
        <v>75</v>
      </c>
      <c r="IK33" s="70">
        <v>10</v>
      </c>
      <c r="IL33" s="71">
        <v>14</v>
      </c>
      <c r="IM33" s="72">
        <v>24</v>
      </c>
      <c r="IN33" s="244"/>
      <c r="IO33" s="71">
        <v>38</v>
      </c>
      <c r="IP33" s="71">
        <v>22</v>
      </c>
      <c r="IQ33" s="71">
        <v>17</v>
      </c>
      <c r="IR33" s="71">
        <v>16</v>
      </c>
      <c r="IS33" s="71">
        <v>11</v>
      </c>
      <c r="IT33" s="72">
        <v>104</v>
      </c>
      <c r="IU33" s="73">
        <v>128</v>
      </c>
      <c r="IV33" s="70">
        <v>14</v>
      </c>
      <c r="IW33" s="71">
        <v>12</v>
      </c>
      <c r="IX33" s="72">
        <v>26</v>
      </c>
      <c r="IY33" s="244"/>
      <c r="IZ33" s="71">
        <v>36</v>
      </c>
      <c r="JA33" s="71">
        <v>29</v>
      </c>
      <c r="JB33" s="71">
        <v>24</v>
      </c>
      <c r="JC33" s="71">
        <v>30</v>
      </c>
      <c r="JD33" s="71">
        <v>15</v>
      </c>
      <c r="JE33" s="72">
        <v>134</v>
      </c>
      <c r="JF33" s="73">
        <v>160</v>
      </c>
      <c r="JG33" s="70">
        <v>10</v>
      </c>
      <c r="JH33" s="71">
        <v>11</v>
      </c>
      <c r="JI33" s="72">
        <v>21</v>
      </c>
      <c r="JJ33" s="244">
        <v>0</v>
      </c>
      <c r="JK33" s="71">
        <v>36</v>
      </c>
      <c r="JL33" s="71">
        <v>31</v>
      </c>
      <c r="JM33" s="71">
        <v>36</v>
      </c>
      <c r="JN33" s="71">
        <v>38</v>
      </c>
      <c r="JO33" s="71">
        <v>12</v>
      </c>
      <c r="JP33" s="72">
        <v>153</v>
      </c>
      <c r="JQ33" s="73">
        <v>174</v>
      </c>
      <c r="JR33" s="70">
        <v>0</v>
      </c>
      <c r="JS33" s="71">
        <v>0</v>
      </c>
      <c r="JT33" s="72">
        <v>0</v>
      </c>
      <c r="JU33" s="244"/>
      <c r="JV33" s="71">
        <v>1</v>
      </c>
      <c r="JW33" s="71">
        <v>0</v>
      </c>
      <c r="JX33" s="71">
        <v>2</v>
      </c>
      <c r="JY33" s="71">
        <v>1</v>
      </c>
      <c r="JZ33" s="71">
        <v>3</v>
      </c>
      <c r="KA33" s="72">
        <v>7</v>
      </c>
      <c r="KB33" s="73">
        <v>7</v>
      </c>
      <c r="KC33" s="70">
        <v>56</v>
      </c>
      <c r="KD33" s="71">
        <v>45</v>
      </c>
      <c r="KE33" s="72">
        <v>101</v>
      </c>
      <c r="KF33" s="244"/>
      <c r="KG33" s="71">
        <v>146</v>
      </c>
      <c r="KH33" s="71">
        <v>104</v>
      </c>
      <c r="KI33" s="71">
        <v>106</v>
      </c>
      <c r="KJ33" s="71">
        <v>105</v>
      </c>
      <c r="KK33" s="71">
        <v>51</v>
      </c>
      <c r="KL33" s="72">
        <v>512</v>
      </c>
      <c r="KM33" s="73">
        <v>613</v>
      </c>
    </row>
    <row r="34" spans="2:299" ht="19.5" customHeight="1" x14ac:dyDescent="0.2">
      <c r="B34" s="126" t="s">
        <v>31</v>
      </c>
      <c r="C34" s="316">
        <v>22</v>
      </c>
      <c r="D34" s="82">
        <v>37</v>
      </c>
      <c r="E34" s="83">
        <v>59</v>
      </c>
      <c r="F34" s="241"/>
      <c r="G34" s="82">
        <v>56</v>
      </c>
      <c r="H34" s="82">
        <v>54</v>
      </c>
      <c r="I34" s="82">
        <v>40</v>
      </c>
      <c r="J34" s="82">
        <v>23</v>
      </c>
      <c r="K34" s="82">
        <v>12</v>
      </c>
      <c r="L34" s="84">
        <v>185</v>
      </c>
      <c r="M34" s="85">
        <v>244</v>
      </c>
      <c r="N34" s="70">
        <v>0</v>
      </c>
      <c r="O34" s="71">
        <v>0</v>
      </c>
      <c r="P34" s="72">
        <v>0</v>
      </c>
      <c r="Q34" s="244"/>
      <c r="R34" s="71">
        <v>2</v>
      </c>
      <c r="S34" s="71">
        <v>3</v>
      </c>
      <c r="T34" s="71">
        <v>4</v>
      </c>
      <c r="U34" s="71">
        <v>2</v>
      </c>
      <c r="V34" s="71">
        <v>1</v>
      </c>
      <c r="W34" s="72">
        <v>12</v>
      </c>
      <c r="X34" s="73">
        <v>12</v>
      </c>
      <c r="Y34" s="70">
        <v>3</v>
      </c>
      <c r="Z34" s="71">
        <v>5</v>
      </c>
      <c r="AA34" s="72">
        <v>8</v>
      </c>
      <c r="AB34" s="244"/>
      <c r="AC34" s="71">
        <v>9</v>
      </c>
      <c r="AD34" s="71">
        <v>8</v>
      </c>
      <c r="AE34" s="71">
        <v>7</v>
      </c>
      <c r="AF34" s="71">
        <v>3</v>
      </c>
      <c r="AG34" s="71">
        <v>2</v>
      </c>
      <c r="AH34" s="72">
        <v>29</v>
      </c>
      <c r="AI34" s="73">
        <v>37</v>
      </c>
      <c r="AJ34" s="70">
        <v>2</v>
      </c>
      <c r="AK34" s="71">
        <v>5</v>
      </c>
      <c r="AL34" s="72">
        <v>7</v>
      </c>
      <c r="AM34" s="244"/>
      <c r="AN34" s="71">
        <v>6</v>
      </c>
      <c r="AO34" s="71">
        <v>6</v>
      </c>
      <c r="AP34" s="71">
        <v>4</v>
      </c>
      <c r="AQ34" s="71">
        <v>3</v>
      </c>
      <c r="AR34" s="71">
        <v>3</v>
      </c>
      <c r="AS34" s="72">
        <v>22</v>
      </c>
      <c r="AT34" s="73">
        <v>29</v>
      </c>
      <c r="AU34" s="70">
        <v>4</v>
      </c>
      <c r="AV34" s="71">
        <v>11</v>
      </c>
      <c r="AW34" s="72">
        <v>15</v>
      </c>
      <c r="AX34" s="244"/>
      <c r="AY34" s="71">
        <v>17</v>
      </c>
      <c r="AZ34" s="71">
        <v>16</v>
      </c>
      <c r="BA34" s="71">
        <v>4</v>
      </c>
      <c r="BB34" s="71">
        <v>1</v>
      </c>
      <c r="BC34" s="71">
        <v>2</v>
      </c>
      <c r="BD34" s="72">
        <v>40</v>
      </c>
      <c r="BE34" s="73">
        <v>55</v>
      </c>
      <c r="BF34" s="70">
        <v>7</v>
      </c>
      <c r="BG34" s="71">
        <v>10</v>
      </c>
      <c r="BH34" s="72">
        <v>17</v>
      </c>
      <c r="BI34" s="244"/>
      <c r="BJ34" s="71">
        <v>13</v>
      </c>
      <c r="BK34" s="71">
        <v>8</v>
      </c>
      <c r="BL34" s="71">
        <v>9</v>
      </c>
      <c r="BM34" s="71">
        <v>5</v>
      </c>
      <c r="BN34" s="71">
        <v>1</v>
      </c>
      <c r="BO34" s="72">
        <v>36</v>
      </c>
      <c r="BP34" s="73">
        <v>53</v>
      </c>
      <c r="BQ34" s="70">
        <v>6</v>
      </c>
      <c r="BR34" s="71">
        <v>6</v>
      </c>
      <c r="BS34" s="72">
        <v>12</v>
      </c>
      <c r="BT34" s="244"/>
      <c r="BU34" s="71">
        <v>9</v>
      </c>
      <c r="BV34" s="71">
        <v>13</v>
      </c>
      <c r="BW34" s="71">
        <v>12</v>
      </c>
      <c r="BX34" s="71">
        <v>9</v>
      </c>
      <c r="BY34" s="71">
        <v>3</v>
      </c>
      <c r="BZ34" s="72">
        <v>46</v>
      </c>
      <c r="CA34" s="73">
        <v>58</v>
      </c>
      <c r="CB34" s="70">
        <v>0</v>
      </c>
      <c r="CC34" s="71">
        <v>4</v>
      </c>
      <c r="CD34" s="72">
        <v>4</v>
      </c>
      <c r="CE34" s="244"/>
      <c r="CF34" s="71">
        <v>2</v>
      </c>
      <c r="CG34" s="71">
        <v>1</v>
      </c>
      <c r="CH34" s="71">
        <v>0</v>
      </c>
      <c r="CI34" s="71">
        <v>1</v>
      </c>
      <c r="CJ34" s="71">
        <v>1</v>
      </c>
      <c r="CK34" s="72">
        <v>5</v>
      </c>
      <c r="CL34" s="73">
        <v>9</v>
      </c>
      <c r="CM34" s="70">
        <v>22</v>
      </c>
      <c r="CN34" s="71">
        <v>41</v>
      </c>
      <c r="CO34" s="72">
        <v>63</v>
      </c>
      <c r="CP34" s="244"/>
      <c r="CQ34" s="71">
        <v>58</v>
      </c>
      <c r="CR34" s="71">
        <v>55</v>
      </c>
      <c r="CS34" s="71">
        <v>40</v>
      </c>
      <c r="CT34" s="71">
        <v>24</v>
      </c>
      <c r="CU34" s="71">
        <v>13</v>
      </c>
      <c r="CV34" s="72">
        <v>190</v>
      </c>
      <c r="CW34" s="73">
        <v>253</v>
      </c>
      <c r="CX34" s="123">
        <v>52</v>
      </c>
      <c r="CY34" s="82">
        <v>82</v>
      </c>
      <c r="CZ34" s="83">
        <v>134</v>
      </c>
      <c r="DA34" s="241"/>
      <c r="DB34" s="82">
        <v>110</v>
      </c>
      <c r="DC34" s="82">
        <v>90</v>
      </c>
      <c r="DD34" s="82">
        <v>88</v>
      </c>
      <c r="DE34" s="82">
        <v>55</v>
      </c>
      <c r="DF34" s="82">
        <v>43</v>
      </c>
      <c r="DG34" s="84">
        <v>386</v>
      </c>
      <c r="DH34" s="85">
        <v>520</v>
      </c>
      <c r="DI34" s="70">
        <v>0</v>
      </c>
      <c r="DJ34" s="71">
        <v>3</v>
      </c>
      <c r="DK34" s="72">
        <v>3</v>
      </c>
      <c r="DL34" s="244"/>
      <c r="DM34" s="71">
        <v>3</v>
      </c>
      <c r="DN34" s="71">
        <v>1</v>
      </c>
      <c r="DO34" s="71">
        <v>1</v>
      </c>
      <c r="DP34" s="71">
        <v>2</v>
      </c>
      <c r="DQ34" s="71">
        <v>2</v>
      </c>
      <c r="DR34" s="72">
        <v>9</v>
      </c>
      <c r="DS34" s="73">
        <v>12</v>
      </c>
      <c r="DT34" s="70">
        <v>1</v>
      </c>
      <c r="DU34" s="71">
        <v>6</v>
      </c>
      <c r="DV34" s="72">
        <v>7</v>
      </c>
      <c r="DW34" s="244"/>
      <c r="DX34" s="71">
        <v>10</v>
      </c>
      <c r="DY34" s="71">
        <v>6</v>
      </c>
      <c r="DZ34" s="71">
        <v>3</v>
      </c>
      <c r="EA34" s="71">
        <v>4</v>
      </c>
      <c r="EB34" s="71">
        <v>1</v>
      </c>
      <c r="EC34" s="72">
        <v>24</v>
      </c>
      <c r="ED34" s="73">
        <v>31</v>
      </c>
      <c r="EE34" s="70">
        <v>8</v>
      </c>
      <c r="EF34" s="71">
        <v>10</v>
      </c>
      <c r="EG34" s="72">
        <v>18</v>
      </c>
      <c r="EH34" s="244"/>
      <c r="EI34" s="71">
        <v>10</v>
      </c>
      <c r="EJ34" s="71">
        <v>3</v>
      </c>
      <c r="EK34" s="71">
        <v>3</v>
      </c>
      <c r="EL34" s="71">
        <v>4</v>
      </c>
      <c r="EM34" s="71">
        <v>2</v>
      </c>
      <c r="EN34" s="72">
        <v>22</v>
      </c>
      <c r="EO34" s="73">
        <v>40</v>
      </c>
      <c r="EP34" s="70">
        <v>16</v>
      </c>
      <c r="EQ34" s="71">
        <v>17</v>
      </c>
      <c r="ER34" s="72">
        <v>33</v>
      </c>
      <c r="ES34" s="244"/>
      <c r="ET34" s="71">
        <v>23</v>
      </c>
      <c r="EU34" s="71">
        <v>16</v>
      </c>
      <c r="EV34" s="71">
        <v>18</v>
      </c>
      <c r="EW34" s="71">
        <v>6</v>
      </c>
      <c r="EX34" s="71">
        <v>4</v>
      </c>
      <c r="EY34" s="72">
        <v>67</v>
      </c>
      <c r="EZ34" s="73">
        <v>100</v>
      </c>
      <c r="FA34" s="70">
        <v>21</v>
      </c>
      <c r="FB34" s="71">
        <v>25</v>
      </c>
      <c r="FC34" s="72">
        <v>46</v>
      </c>
      <c r="FD34" s="244"/>
      <c r="FE34" s="71">
        <v>26</v>
      </c>
      <c r="FF34" s="71">
        <v>31</v>
      </c>
      <c r="FG34" s="71">
        <v>24</v>
      </c>
      <c r="FH34" s="71">
        <v>13</v>
      </c>
      <c r="FI34" s="71">
        <v>6</v>
      </c>
      <c r="FJ34" s="72">
        <v>100</v>
      </c>
      <c r="FK34" s="73">
        <v>146</v>
      </c>
      <c r="FL34" s="70">
        <v>6</v>
      </c>
      <c r="FM34" s="71">
        <v>21</v>
      </c>
      <c r="FN34" s="72">
        <v>27</v>
      </c>
      <c r="FO34" s="244"/>
      <c r="FP34" s="71">
        <v>38</v>
      </c>
      <c r="FQ34" s="71">
        <v>33</v>
      </c>
      <c r="FR34" s="71">
        <v>39</v>
      </c>
      <c r="FS34" s="71">
        <v>26</v>
      </c>
      <c r="FT34" s="71">
        <v>28</v>
      </c>
      <c r="FU34" s="72">
        <v>164</v>
      </c>
      <c r="FV34" s="73">
        <v>191</v>
      </c>
      <c r="FW34" s="70">
        <v>0</v>
      </c>
      <c r="FX34" s="71">
        <v>0</v>
      </c>
      <c r="FY34" s="72">
        <v>0</v>
      </c>
      <c r="FZ34" s="244"/>
      <c r="GA34" s="71">
        <v>2</v>
      </c>
      <c r="GB34" s="71">
        <v>0</v>
      </c>
      <c r="GC34" s="71">
        <v>2</v>
      </c>
      <c r="GD34" s="71">
        <v>0</v>
      </c>
      <c r="GE34" s="71">
        <v>1</v>
      </c>
      <c r="GF34" s="72">
        <v>5</v>
      </c>
      <c r="GG34" s="73">
        <v>5</v>
      </c>
      <c r="GH34" s="70">
        <v>52</v>
      </c>
      <c r="GI34" s="71">
        <v>82</v>
      </c>
      <c r="GJ34" s="72">
        <v>134</v>
      </c>
      <c r="GK34" s="244"/>
      <c r="GL34" s="71">
        <v>112</v>
      </c>
      <c r="GM34" s="71">
        <v>90</v>
      </c>
      <c r="GN34" s="71">
        <v>90</v>
      </c>
      <c r="GO34" s="71">
        <v>55</v>
      </c>
      <c r="GP34" s="71">
        <v>44</v>
      </c>
      <c r="GQ34" s="72">
        <v>391</v>
      </c>
      <c r="GR34" s="73">
        <v>525</v>
      </c>
      <c r="GS34" s="123">
        <v>74</v>
      </c>
      <c r="GT34" s="82">
        <v>119</v>
      </c>
      <c r="GU34" s="83">
        <v>193</v>
      </c>
      <c r="GV34" s="241"/>
      <c r="GW34" s="82">
        <v>166</v>
      </c>
      <c r="GX34" s="82">
        <v>144</v>
      </c>
      <c r="GY34" s="82">
        <v>128</v>
      </c>
      <c r="GZ34" s="82">
        <v>78</v>
      </c>
      <c r="HA34" s="82">
        <v>55</v>
      </c>
      <c r="HB34" s="84">
        <v>571</v>
      </c>
      <c r="HC34" s="85">
        <v>764</v>
      </c>
      <c r="HD34" s="70">
        <v>0</v>
      </c>
      <c r="HE34" s="71">
        <v>3</v>
      </c>
      <c r="HF34" s="72">
        <v>3</v>
      </c>
      <c r="HG34" s="244"/>
      <c r="HH34" s="71">
        <v>5</v>
      </c>
      <c r="HI34" s="71">
        <v>4</v>
      </c>
      <c r="HJ34" s="71">
        <v>5</v>
      </c>
      <c r="HK34" s="71">
        <v>4</v>
      </c>
      <c r="HL34" s="71">
        <v>3</v>
      </c>
      <c r="HM34" s="72">
        <v>21</v>
      </c>
      <c r="HN34" s="73">
        <v>24</v>
      </c>
      <c r="HO34" s="70">
        <v>4</v>
      </c>
      <c r="HP34" s="71">
        <v>11</v>
      </c>
      <c r="HQ34" s="72">
        <v>15</v>
      </c>
      <c r="HR34" s="244"/>
      <c r="HS34" s="71">
        <v>19</v>
      </c>
      <c r="HT34" s="71">
        <v>14</v>
      </c>
      <c r="HU34" s="71">
        <v>10</v>
      </c>
      <c r="HV34" s="71">
        <v>7</v>
      </c>
      <c r="HW34" s="71">
        <v>3</v>
      </c>
      <c r="HX34" s="72">
        <v>53</v>
      </c>
      <c r="HY34" s="73">
        <v>68</v>
      </c>
      <c r="HZ34" s="70">
        <v>10</v>
      </c>
      <c r="IA34" s="71">
        <v>15</v>
      </c>
      <c r="IB34" s="72">
        <v>25</v>
      </c>
      <c r="IC34" s="244"/>
      <c r="ID34" s="71">
        <v>16</v>
      </c>
      <c r="IE34" s="71">
        <v>9</v>
      </c>
      <c r="IF34" s="71">
        <v>7</v>
      </c>
      <c r="IG34" s="71">
        <v>7</v>
      </c>
      <c r="IH34" s="71">
        <v>5</v>
      </c>
      <c r="II34" s="72">
        <v>44</v>
      </c>
      <c r="IJ34" s="73">
        <v>69</v>
      </c>
      <c r="IK34" s="70">
        <v>20</v>
      </c>
      <c r="IL34" s="71">
        <v>28</v>
      </c>
      <c r="IM34" s="72">
        <v>48</v>
      </c>
      <c r="IN34" s="244"/>
      <c r="IO34" s="71">
        <v>40</v>
      </c>
      <c r="IP34" s="71">
        <v>32</v>
      </c>
      <c r="IQ34" s="71">
        <v>22</v>
      </c>
      <c r="IR34" s="71">
        <v>7</v>
      </c>
      <c r="IS34" s="71">
        <v>6</v>
      </c>
      <c r="IT34" s="72">
        <v>107</v>
      </c>
      <c r="IU34" s="73">
        <v>155</v>
      </c>
      <c r="IV34" s="70">
        <v>28</v>
      </c>
      <c r="IW34" s="71">
        <v>35</v>
      </c>
      <c r="IX34" s="72">
        <v>63</v>
      </c>
      <c r="IY34" s="244"/>
      <c r="IZ34" s="71">
        <v>39</v>
      </c>
      <c r="JA34" s="71">
        <v>39</v>
      </c>
      <c r="JB34" s="71">
        <v>33</v>
      </c>
      <c r="JC34" s="71">
        <v>18</v>
      </c>
      <c r="JD34" s="71">
        <v>7</v>
      </c>
      <c r="JE34" s="72">
        <v>136</v>
      </c>
      <c r="JF34" s="73">
        <v>199</v>
      </c>
      <c r="JG34" s="70">
        <v>12</v>
      </c>
      <c r="JH34" s="71">
        <v>27</v>
      </c>
      <c r="JI34" s="72">
        <v>39</v>
      </c>
      <c r="JJ34" s="244">
        <v>0</v>
      </c>
      <c r="JK34" s="71">
        <v>47</v>
      </c>
      <c r="JL34" s="71">
        <v>46</v>
      </c>
      <c r="JM34" s="71">
        <v>51</v>
      </c>
      <c r="JN34" s="71">
        <v>35</v>
      </c>
      <c r="JO34" s="71">
        <v>31</v>
      </c>
      <c r="JP34" s="72">
        <v>210</v>
      </c>
      <c r="JQ34" s="73">
        <v>249</v>
      </c>
      <c r="JR34" s="70">
        <v>0</v>
      </c>
      <c r="JS34" s="71">
        <v>4</v>
      </c>
      <c r="JT34" s="72">
        <v>4</v>
      </c>
      <c r="JU34" s="244"/>
      <c r="JV34" s="71">
        <v>4</v>
      </c>
      <c r="JW34" s="71">
        <v>1</v>
      </c>
      <c r="JX34" s="71">
        <v>2</v>
      </c>
      <c r="JY34" s="71">
        <v>1</v>
      </c>
      <c r="JZ34" s="71">
        <v>2</v>
      </c>
      <c r="KA34" s="72">
        <v>10</v>
      </c>
      <c r="KB34" s="73">
        <v>14</v>
      </c>
      <c r="KC34" s="70">
        <v>74</v>
      </c>
      <c r="KD34" s="71">
        <v>123</v>
      </c>
      <c r="KE34" s="72">
        <v>197</v>
      </c>
      <c r="KF34" s="244"/>
      <c r="KG34" s="71">
        <v>170</v>
      </c>
      <c r="KH34" s="71">
        <v>145</v>
      </c>
      <c r="KI34" s="71">
        <v>130</v>
      </c>
      <c r="KJ34" s="71">
        <v>79</v>
      </c>
      <c r="KK34" s="71">
        <v>57</v>
      </c>
      <c r="KL34" s="72">
        <v>581</v>
      </c>
      <c r="KM34" s="73">
        <v>778</v>
      </c>
    </row>
    <row r="35" spans="2:299" ht="19.5" customHeight="1" x14ac:dyDescent="0.2">
      <c r="B35" s="126" t="s">
        <v>32</v>
      </c>
      <c r="C35" s="316">
        <v>30</v>
      </c>
      <c r="D35" s="82">
        <v>21</v>
      </c>
      <c r="E35" s="83">
        <v>51</v>
      </c>
      <c r="F35" s="241"/>
      <c r="G35" s="82">
        <v>62</v>
      </c>
      <c r="H35" s="82">
        <v>58</v>
      </c>
      <c r="I35" s="82">
        <v>38</v>
      </c>
      <c r="J35" s="82">
        <v>28</v>
      </c>
      <c r="K35" s="82">
        <v>23</v>
      </c>
      <c r="L35" s="84">
        <v>209</v>
      </c>
      <c r="M35" s="85">
        <v>260</v>
      </c>
      <c r="N35" s="70">
        <v>3</v>
      </c>
      <c r="O35" s="71">
        <v>3</v>
      </c>
      <c r="P35" s="72">
        <v>6</v>
      </c>
      <c r="Q35" s="244"/>
      <c r="R35" s="71">
        <v>4</v>
      </c>
      <c r="S35" s="71">
        <v>1</v>
      </c>
      <c r="T35" s="71">
        <v>2</v>
      </c>
      <c r="U35" s="71">
        <v>4</v>
      </c>
      <c r="V35" s="71">
        <v>1</v>
      </c>
      <c r="W35" s="72">
        <v>12</v>
      </c>
      <c r="X35" s="73">
        <v>18</v>
      </c>
      <c r="Y35" s="70">
        <v>7</v>
      </c>
      <c r="Z35" s="71">
        <v>2</v>
      </c>
      <c r="AA35" s="72">
        <v>9</v>
      </c>
      <c r="AB35" s="244"/>
      <c r="AC35" s="71">
        <v>5</v>
      </c>
      <c r="AD35" s="71">
        <v>3</v>
      </c>
      <c r="AE35" s="71">
        <v>5</v>
      </c>
      <c r="AF35" s="71">
        <v>3</v>
      </c>
      <c r="AG35" s="71">
        <v>4</v>
      </c>
      <c r="AH35" s="72">
        <v>20</v>
      </c>
      <c r="AI35" s="73">
        <v>29</v>
      </c>
      <c r="AJ35" s="70">
        <v>6</v>
      </c>
      <c r="AK35" s="71">
        <v>0</v>
      </c>
      <c r="AL35" s="72">
        <v>6</v>
      </c>
      <c r="AM35" s="244"/>
      <c r="AN35" s="71">
        <v>11</v>
      </c>
      <c r="AO35" s="71">
        <v>13</v>
      </c>
      <c r="AP35" s="71">
        <v>4</v>
      </c>
      <c r="AQ35" s="71">
        <v>2</v>
      </c>
      <c r="AR35" s="71">
        <v>5</v>
      </c>
      <c r="AS35" s="72">
        <v>35</v>
      </c>
      <c r="AT35" s="73">
        <v>41</v>
      </c>
      <c r="AU35" s="70">
        <v>6</v>
      </c>
      <c r="AV35" s="71">
        <v>5</v>
      </c>
      <c r="AW35" s="72">
        <v>11</v>
      </c>
      <c r="AX35" s="244"/>
      <c r="AY35" s="71">
        <v>13</v>
      </c>
      <c r="AZ35" s="71">
        <v>15</v>
      </c>
      <c r="BA35" s="71">
        <v>8</v>
      </c>
      <c r="BB35" s="71">
        <v>9</v>
      </c>
      <c r="BC35" s="71">
        <v>8</v>
      </c>
      <c r="BD35" s="72">
        <v>53</v>
      </c>
      <c r="BE35" s="73">
        <v>64</v>
      </c>
      <c r="BF35" s="70">
        <v>6</v>
      </c>
      <c r="BG35" s="71">
        <v>7</v>
      </c>
      <c r="BH35" s="72">
        <v>13</v>
      </c>
      <c r="BI35" s="244"/>
      <c r="BJ35" s="71">
        <v>20</v>
      </c>
      <c r="BK35" s="71">
        <v>16</v>
      </c>
      <c r="BL35" s="71">
        <v>11</v>
      </c>
      <c r="BM35" s="71">
        <v>6</v>
      </c>
      <c r="BN35" s="71">
        <v>4</v>
      </c>
      <c r="BO35" s="72">
        <v>57</v>
      </c>
      <c r="BP35" s="73">
        <v>70</v>
      </c>
      <c r="BQ35" s="70">
        <v>2</v>
      </c>
      <c r="BR35" s="71">
        <v>4</v>
      </c>
      <c r="BS35" s="72">
        <v>6</v>
      </c>
      <c r="BT35" s="244"/>
      <c r="BU35" s="71">
        <v>9</v>
      </c>
      <c r="BV35" s="71">
        <v>10</v>
      </c>
      <c r="BW35" s="71">
        <v>8</v>
      </c>
      <c r="BX35" s="71">
        <v>4</v>
      </c>
      <c r="BY35" s="71">
        <v>1</v>
      </c>
      <c r="BZ35" s="72">
        <v>32</v>
      </c>
      <c r="CA35" s="73">
        <v>38</v>
      </c>
      <c r="CB35" s="70">
        <v>1</v>
      </c>
      <c r="CC35" s="71">
        <v>1</v>
      </c>
      <c r="CD35" s="72">
        <v>2</v>
      </c>
      <c r="CE35" s="244"/>
      <c r="CF35" s="71">
        <v>6</v>
      </c>
      <c r="CG35" s="71">
        <v>5</v>
      </c>
      <c r="CH35" s="71">
        <v>1</v>
      </c>
      <c r="CI35" s="71">
        <v>3</v>
      </c>
      <c r="CJ35" s="71">
        <v>3</v>
      </c>
      <c r="CK35" s="72">
        <v>18</v>
      </c>
      <c r="CL35" s="73">
        <v>20</v>
      </c>
      <c r="CM35" s="70">
        <v>31</v>
      </c>
      <c r="CN35" s="71">
        <v>22</v>
      </c>
      <c r="CO35" s="72">
        <v>53</v>
      </c>
      <c r="CP35" s="244"/>
      <c r="CQ35" s="71">
        <v>68</v>
      </c>
      <c r="CR35" s="71">
        <v>63</v>
      </c>
      <c r="CS35" s="71">
        <v>39</v>
      </c>
      <c r="CT35" s="71">
        <v>31</v>
      </c>
      <c r="CU35" s="71">
        <v>26</v>
      </c>
      <c r="CV35" s="72">
        <v>227</v>
      </c>
      <c r="CW35" s="73">
        <v>280</v>
      </c>
      <c r="CX35" s="123">
        <v>43</v>
      </c>
      <c r="CY35" s="82">
        <v>62</v>
      </c>
      <c r="CZ35" s="83">
        <v>105</v>
      </c>
      <c r="DA35" s="241"/>
      <c r="DB35" s="82">
        <v>123</v>
      </c>
      <c r="DC35" s="82">
        <v>87</v>
      </c>
      <c r="DD35" s="82">
        <v>78</v>
      </c>
      <c r="DE35" s="82">
        <v>73</v>
      </c>
      <c r="DF35" s="82">
        <v>36</v>
      </c>
      <c r="DG35" s="84">
        <v>397</v>
      </c>
      <c r="DH35" s="85">
        <v>502</v>
      </c>
      <c r="DI35" s="70">
        <v>1</v>
      </c>
      <c r="DJ35" s="71">
        <v>2</v>
      </c>
      <c r="DK35" s="72">
        <v>3</v>
      </c>
      <c r="DL35" s="244"/>
      <c r="DM35" s="71">
        <v>3</v>
      </c>
      <c r="DN35" s="71">
        <v>2</v>
      </c>
      <c r="DO35" s="71">
        <v>1</v>
      </c>
      <c r="DP35" s="71">
        <v>1</v>
      </c>
      <c r="DQ35" s="71">
        <v>2</v>
      </c>
      <c r="DR35" s="72">
        <v>9</v>
      </c>
      <c r="DS35" s="73">
        <v>12</v>
      </c>
      <c r="DT35" s="70">
        <v>4</v>
      </c>
      <c r="DU35" s="71">
        <v>2</v>
      </c>
      <c r="DV35" s="72">
        <v>6</v>
      </c>
      <c r="DW35" s="244"/>
      <c r="DX35" s="71">
        <v>8</v>
      </c>
      <c r="DY35" s="71">
        <v>1</v>
      </c>
      <c r="DZ35" s="71">
        <v>3</v>
      </c>
      <c r="EA35" s="71">
        <v>4</v>
      </c>
      <c r="EB35" s="71">
        <v>2</v>
      </c>
      <c r="EC35" s="72">
        <v>18</v>
      </c>
      <c r="ED35" s="73">
        <v>24</v>
      </c>
      <c r="EE35" s="70">
        <v>6</v>
      </c>
      <c r="EF35" s="71">
        <v>7</v>
      </c>
      <c r="EG35" s="72">
        <v>13</v>
      </c>
      <c r="EH35" s="244"/>
      <c r="EI35" s="71">
        <v>14</v>
      </c>
      <c r="EJ35" s="71">
        <v>6</v>
      </c>
      <c r="EK35" s="71">
        <v>7</v>
      </c>
      <c r="EL35" s="71">
        <v>5</v>
      </c>
      <c r="EM35" s="71">
        <v>1</v>
      </c>
      <c r="EN35" s="72">
        <v>33</v>
      </c>
      <c r="EO35" s="73">
        <v>46</v>
      </c>
      <c r="EP35" s="70">
        <v>11</v>
      </c>
      <c r="EQ35" s="71">
        <v>16</v>
      </c>
      <c r="ER35" s="72">
        <v>27</v>
      </c>
      <c r="ES35" s="244"/>
      <c r="ET35" s="71">
        <v>25</v>
      </c>
      <c r="EU35" s="71">
        <v>24</v>
      </c>
      <c r="EV35" s="71">
        <v>12</v>
      </c>
      <c r="EW35" s="71">
        <v>9</v>
      </c>
      <c r="EX35" s="71">
        <v>11</v>
      </c>
      <c r="EY35" s="72">
        <v>81</v>
      </c>
      <c r="EZ35" s="73">
        <v>108</v>
      </c>
      <c r="FA35" s="70">
        <v>13</v>
      </c>
      <c r="FB35" s="71">
        <v>12</v>
      </c>
      <c r="FC35" s="72">
        <v>25</v>
      </c>
      <c r="FD35" s="244"/>
      <c r="FE35" s="71">
        <v>42</v>
      </c>
      <c r="FF35" s="71">
        <v>20</v>
      </c>
      <c r="FG35" s="71">
        <v>25</v>
      </c>
      <c r="FH35" s="71">
        <v>17</v>
      </c>
      <c r="FI35" s="71">
        <v>6</v>
      </c>
      <c r="FJ35" s="72">
        <v>110</v>
      </c>
      <c r="FK35" s="73">
        <v>135</v>
      </c>
      <c r="FL35" s="70">
        <v>8</v>
      </c>
      <c r="FM35" s="71">
        <v>23</v>
      </c>
      <c r="FN35" s="72">
        <v>31</v>
      </c>
      <c r="FO35" s="244"/>
      <c r="FP35" s="71">
        <v>31</v>
      </c>
      <c r="FQ35" s="71">
        <v>34</v>
      </c>
      <c r="FR35" s="71">
        <v>30</v>
      </c>
      <c r="FS35" s="71">
        <v>37</v>
      </c>
      <c r="FT35" s="71">
        <v>14</v>
      </c>
      <c r="FU35" s="72">
        <v>146</v>
      </c>
      <c r="FV35" s="73">
        <v>177</v>
      </c>
      <c r="FW35" s="70">
        <v>2</v>
      </c>
      <c r="FX35" s="71">
        <v>1</v>
      </c>
      <c r="FY35" s="72">
        <v>3</v>
      </c>
      <c r="FZ35" s="244"/>
      <c r="GA35" s="71">
        <v>4</v>
      </c>
      <c r="GB35" s="71">
        <v>2</v>
      </c>
      <c r="GC35" s="71">
        <v>0</v>
      </c>
      <c r="GD35" s="71">
        <v>0</v>
      </c>
      <c r="GE35" s="71">
        <v>3</v>
      </c>
      <c r="GF35" s="72">
        <v>9</v>
      </c>
      <c r="GG35" s="73">
        <v>12</v>
      </c>
      <c r="GH35" s="70">
        <v>45</v>
      </c>
      <c r="GI35" s="71">
        <v>63</v>
      </c>
      <c r="GJ35" s="72">
        <v>108</v>
      </c>
      <c r="GK35" s="244"/>
      <c r="GL35" s="71">
        <v>127</v>
      </c>
      <c r="GM35" s="71">
        <v>89</v>
      </c>
      <c r="GN35" s="71">
        <v>78</v>
      </c>
      <c r="GO35" s="71">
        <v>73</v>
      </c>
      <c r="GP35" s="71">
        <v>39</v>
      </c>
      <c r="GQ35" s="72">
        <v>406</v>
      </c>
      <c r="GR35" s="73">
        <v>514</v>
      </c>
      <c r="GS35" s="123">
        <v>73</v>
      </c>
      <c r="GT35" s="82">
        <v>83</v>
      </c>
      <c r="GU35" s="83">
        <v>156</v>
      </c>
      <c r="GV35" s="241"/>
      <c r="GW35" s="82">
        <v>185</v>
      </c>
      <c r="GX35" s="82">
        <v>145</v>
      </c>
      <c r="GY35" s="82">
        <v>116</v>
      </c>
      <c r="GZ35" s="82">
        <v>101</v>
      </c>
      <c r="HA35" s="82">
        <v>59</v>
      </c>
      <c r="HB35" s="84">
        <v>606</v>
      </c>
      <c r="HC35" s="85">
        <v>762</v>
      </c>
      <c r="HD35" s="70">
        <v>4</v>
      </c>
      <c r="HE35" s="71">
        <v>5</v>
      </c>
      <c r="HF35" s="72">
        <v>9</v>
      </c>
      <c r="HG35" s="244"/>
      <c r="HH35" s="71">
        <v>7</v>
      </c>
      <c r="HI35" s="71">
        <v>3</v>
      </c>
      <c r="HJ35" s="71">
        <v>3</v>
      </c>
      <c r="HK35" s="71">
        <v>5</v>
      </c>
      <c r="HL35" s="71">
        <v>3</v>
      </c>
      <c r="HM35" s="72">
        <v>21</v>
      </c>
      <c r="HN35" s="73">
        <v>30</v>
      </c>
      <c r="HO35" s="70">
        <v>11</v>
      </c>
      <c r="HP35" s="71">
        <v>4</v>
      </c>
      <c r="HQ35" s="72">
        <v>15</v>
      </c>
      <c r="HR35" s="244"/>
      <c r="HS35" s="71">
        <v>13</v>
      </c>
      <c r="HT35" s="71">
        <v>4</v>
      </c>
      <c r="HU35" s="71">
        <v>8</v>
      </c>
      <c r="HV35" s="71">
        <v>7</v>
      </c>
      <c r="HW35" s="71">
        <v>6</v>
      </c>
      <c r="HX35" s="72">
        <v>38</v>
      </c>
      <c r="HY35" s="73">
        <v>53</v>
      </c>
      <c r="HZ35" s="70">
        <v>12</v>
      </c>
      <c r="IA35" s="71">
        <v>7</v>
      </c>
      <c r="IB35" s="72">
        <v>19</v>
      </c>
      <c r="IC35" s="244"/>
      <c r="ID35" s="71">
        <v>25</v>
      </c>
      <c r="IE35" s="71">
        <v>19</v>
      </c>
      <c r="IF35" s="71">
        <v>11</v>
      </c>
      <c r="IG35" s="71">
        <v>7</v>
      </c>
      <c r="IH35" s="71">
        <v>6</v>
      </c>
      <c r="II35" s="72">
        <v>68</v>
      </c>
      <c r="IJ35" s="73">
        <v>87</v>
      </c>
      <c r="IK35" s="70">
        <v>17</v>
      </c>
      <c r="IL35" s="71">
        <v>21</v>
      </c>
      <c r="IM35" s="72">
        <v>38</v>
      </c>
      <c r="IN35" s="244"/>
      <c r="IO35" s="71">
        <v>38</v>
      </c>
      <c r="IP35" s="71">
        <v>39</v>
      </c>
      <c r="IQ35" s="71">
        <v>20</v>
      </c>
      <c r="IR35" s="71">
        <v>18</v>
      </c>
      <c r="IS35" s="71">
        <v>19</v>
      </c>
      <c r="IT35" s="72">
        <v>134</v>
      </c>
      <c r="IU35" s="73">
        <v>172</v>
      </c>
      <c r="IV35" s="70">
        <v>19</v>
      </c>
      <c r="IW35" s="71">
        <v>19</v>
      </c>
      <c r="IX35" s="72">
        <v>38</v>
      </c>
      <c r="IY35" s="244"/>
      <c r="IZ35" s="71">
        <v>62</v>
      </c>
      <c r="JA35" s="71">
        <v>36</v>
      </c>
      <c r="JB35" s="71">
        <v>36</v>
      </c>
      <c r="JC35" s="71">
        <v>23</v>
      </c>
      <c r="JD35" s="71">
        <v>10</v>
      </c>
      <c r="JE35" s="72">
        <v>167</v>
      </c>
      <c r="JF35" s="73">
        <v>205</v>
      </c>
      <c r="JG35" s="70">
        <v>10</v>
      </c>
      <c r="JH35" s="71">
        <v>27</v>
      </c>
      <c r="JI35" s="72">
        <v>37</v>
      </c>
      <c r="JJ35" s="244">
        <v>0</v>
      </c>
      <c r="JK35" s="71">
        <v>40</v>
      </c>
      <c r="JL35" s="71">
        <v>44</v>
      </c>
      <c r="JM35" s="71">
        <v>38</v>
      </c>
      <c r="JN35" s="71">
        <v>41</v>
      </c>
      <c r="JO35" s="71">
        <v>15</v>
      </c>
      <c r="JP35" s="72">
        <v>178</v>
      </c>
      <c r="JQ35" s="73">
        <v>215</v>
      </c>
      <c r="JR35" s="70">
        <v>3</v>
      </c>
      <c r="JS35" s="71">
        <v>2</v>
      </c>
      <c r="JT35" s="72">
        <v>5</v>
      </c>
      <c r="JU35" s="244"/>
      <c r="JV35" s="71">
        <v>10</v>
      </c>
      <c r="JW35" s="71">
        <v>7</v>
      </c>
      <c r="JX35" s="71">
        <v>1</v>
      </c>
      <c r="JY35" s="71">
        <v>3</v>
      </c>
      <c r="JZ35" s="71">
        <v>6</v>
      </c>
      <c r="KA35" s="72">
        <v>27</v>
      </c>
      <c r="KB35" s="73">
        <v>32</v>
      </c>
      <c r="KC35" s="70">
        <v>76</v>
      </c>
      <c r="KD35" s="71">
        <v>85</v>
      </c>
      <c r="KE35" s="72">
        <v>161</v>
      </c>
      <c r="KF35" s="244"/>
      <c r="KG35" s="71">
        <v>195</v>
      </c>
      <c r="KH35" s="71">
        <v>152</v>
      </c>
      <c r="KI35" s="71">
        <v>117</v>
      </c>
      <c r="KJ35" s="71">
        <v>104</v>
      </c>
      <c r="KK35" s="71">
        <v>65</v>
      </c>
      <c r="KL35" s="72">
        <v>633</v>
      </c>
      <c r="KM35" s="73">
        <v>794</v>
      </c>
    </row>
    <row r="36" spans="2:299" ht="19.5" customHeight="1" x14ac:dyDescent="0.2">
      <c r="B36" s="126" t="s">
        <v>33</v>
      </c>
      <c r="C36" s="316">
        <v>37</v>
      </c>
      <c r="D36" s="82">
        <v>19</v>
      </c>
      <c r="E36" s="83">
        <v>56</v>
      </c>
      <c r="F36" s="241"/>
      <c r="G36" s="82">
        <v>58</v>
      </c>
      <c r="H36" s="82">
        <v>43</v>
      </c>
      <c r="I36" s="82">
        <v>30</v>
      </c>
      <c r="J36" s="82">
        <v>28</v>
      </c>
      <c r="K36" s="82">
        <v>15</v>
      </c>
      <c r="L36" s="84">
        <v>174</v>
      </c>
      <c r="M36" s="85">
        <v>230</v>
      </c>
      <c r="N36" s="70">
        <v>2</v>
      </c>
      <c r="O36" s="71">
        <v>1</v>
      </c>
      <c r="P36" s="72">
        <v>3</v>
      </c>
      <c r="Q36" s="244"/>
      <c r="R36" s="71">
        <v>2</v>
      </c>
      <c r="S36" s="71">
        <v>1</v>
      </c>
      <c r="T36" s="71">
        <v>3</v>
      </c>
      <c r="U36" s="71">
        <v>2</v>
      </c>
      <c r="V36" s="71">
        <v>0</v>
      </c>
      <c r="W36" s="72">
        <v>8</v>
      </c>
      <c r="X36" s="73">
        <v>11</v>
      </c>
      <c r="Y36" s="70">
        <v>5</v>
      </c>
      <c r="Z36" s="71">
        <v>5</v>
      </c>
      <c r="AA36" s="72">
        <v>10</v>
      </c>
      <c r="AB36" s="244"/>
      <c r="AC36" s="71">
        <v>4</v>
      </c>
      <c r="AD36" s="71">
        <v>11</v>
      </c>
      <c r="AE36" s="71">
        <v>4</v>
      </c>
      <c r="AF36" s="71">
        <v>8</v>
      </c>
      <c r="AG36" s="71">
        <v>5</v>
      </c>
      <c r="AH36" s="72">
        <v>32</v>
      </c>
      <c r="AI36" s="73">
        <v>42</v>
      </c>
      <c r="AJ36" s="70">
        <v>8</v>
      </c>
      <c r="AK36" s="71">
        <v>4</v>
      </c>
      <c r="AL36" s="72">
        <v>12</v>
      </c>
      <c r="AM36" s="244"/>
      <c r="AN36" s="71">
        <v>11</v>
      </c>
      <c r="AO36" s="71">
        <v>7</v>
      </c>
      <c r="AP36" s="71">
        <v>6</v>
      </c>
      <c r="AQ36" s="71">
        <v>5</v>
      </c>
      <c r="AR36" s="71">
        <v>3</v>
      </c>
      <c r="AS36" s="72">
        <v>32</v>
      </c>
      <c r="AT36" s="73">
        <v>44</v>
      </c>
      <c r="AU36" s="70">
        <v>6</v>
      </c>
      <c r="AV36" s="71">
        <v>6</v>
      </c>
      <c r="AW36" s="72">
        <v>12</v>
      </c>
      <c r="AX36" s="244"/>
      <c r="AY36" s="71">
        <v>18</v>
      </c>
      <c r="AZ36" s="71">
        <v>12</v>
      </c>
      <c r="BA36" s="71">
        <v>4</v>
      </c>
      <c r="BB36" s="71">
        <v>3</v>
      </c>
      <c r="BC36" s="71">
        <v>2</v>
      </c>
      <c r="BD36" s="72">
        <v>39</v>
      </c>
      <c r="BE36" s="73">
        <v>51</v>
      </c>
      <c r="BF36" s="70">
        <v>10</v>
      </c>
      <c r="BG36" s="71">
        <v>1</v>
      </c>
      <c r="BH36" s="72">
        <v>11</v>
      </c>
      <c r="BI36" s="244"/>
      <c r="BJ36" s="71">
        <v>13</v>
      </c>
      <c r="BK36" s="71">
        <v>5</v>
      </c>
      <c r="BL36" s="71">
        <v>10</v>
      </c>
      <c r="BM36" s="71">
        <v>6</v>
      </c>
      <c r="BN36" s="71">
        <v>5</v>
      </c>
      <c r="BO36" s="72">
        <v>39</v>
      </c>
      <c r="BP36" s="73">
        <v>50</v>
      </c>
      <c r="BQ36" s="70">
        <v>6</v>
      </c>
      <c r="BR36" s="71">
        <v>2</v>
      </c>
      <c r="BS36" s="72">
        <v>8</v>
      </c>
      <c r="BT36" s="244"/>
      <c r="BU36" s="71">
        <v>10</v>
      </c>
      <c r="BV36" s="71">
        <v>7</v>
      </c>
      <c r="BW36" s="71">
        <v>3</v>
      </c>
      <c r="BX36" s="71">
        <v>4</v>
      </c>
      <c r="BY36" s="71">
        <v>0</v>
      </c>
      <c r="BZ36" s="72">
        <v>24</v>
      </c>
      <c r="CA36" s="73">
        <v>32</v>
      </c>
      <c r="CB36" s="70">
        <v>1</v>
      </c>
      <c r="CC36" s="71">
        <v>0</v>
      </c>
      <c r="CD36" s="72">
        <v>1</v>
      </c>
      <c r="CE36" s="244"/>
      <c r="CF36" s="71">
        <v>2</v>
      </c>
      <c r="CG36" s="71">
        <v>1</v>
      </c>
      <c r="CH36" s="71">
        <v>0</v>
      </c>
      <c r="CI36" s="71">
        <v>0</v>
      </c>
      <c r="CJ36" s="71">
        <v>1</v>
      </c>
      <c r="CK36" s="72">
        <v>4</v>
      </c>
      <c r="CL36" s="73">
        <v>5</v>
      </c>
      <c r="CM36" s="70">
        <v>38</v>
      </c>
      <c r="CN36" s="71">
        <v>19</v>
      </c>
      <c r="CO36" s="72">
        <v>57</v>
      </c>
      <c r="CP36" s="244"/>
      <c r="CQ36" s="71">
        <v>60</v>
      </c>
      <c r="CR36" s="71">
        <v>44</v>
      </c>
      <c r="CS36" s="71">
        <v>30</v>
      </c>
      <c r="CT36" s="71">
        <v>28</v>
      </c>
      <c r="CU36" s="71">
        <v>16</v>
      </c>
      <c r="CV36" s="72">
        <v>178</v>
      </c>
      <c r="CW36" s="73">
        <v>235</v>
      </c>
      <c r="CX36" s="123">
        <v>66</v>
      </c>
      <c r="CY36" s="82">
        <v>66</v>
      </c>
      <c r="CZ36" s="83">
        <v>132</v>
      </c>
      <c r="DA36" s="241"/>
      <c r="DB36" s="82">
        <v>113</v>
      </c>
      <c r="DC36" s="82">
        <v>87</v>
      </c>
      <c r="DD36" s="82">
        <v>73</v>
      </c>
      <c r="DE36" s="82">
        <v>76</v>
      </c>
      <c r="DF36" s="82">
        <v>57</v>
      </c>
      <c r="DG36" s="84">
        <v>406</v>
      </c>
      <c r="DH36" s="85">
        <v>538</v>
      </c>
      <c r="DI36" s="70">
        <v>3</v>
      </c>
      <c r="DJ36" s="71">
        <v>2</v>
      </c>
      <c r="DK36" s="72">
        <v>5</v>
      </c>
      <c r="DL36" s="244"/>
      <c r="DM36" s="71">
        <v>1</v>
      </c>
      <c r="DN36" s="71">
        <v>3</v>
      </c>
      <c r="DO36" s="71">
        <v>2</v>
      </c>
      <c r="DP36" s="71">
        <v>2</v>
      </c>
      <c r="DQ36" s="71">
        <v>3</v>
      </c>
      <c r="DR36" s="72">
        <v>11</v>
      </c>
      <c r="DS36" s="73">
        <v>16</v>
      </c>
      <c r="DT36" s="70">
        <v>7</v>
      </c>
      <c r="DU36" s="71">
        <v>5</v>
      </c>
      <c r="DV36" s="72">
        <v>12</v>
      </c>
      <c r="DW36" s="244"/>
      <c r="DX36" s="71">
        <v>3</v>
      </c>
      <c r="DY36" s="71">
        <v>5</v>
      </c>
      <c r="DZ36" s="71">
        <v>5</v>
      </c>
      <c r="EA36" s="71">
        <v>4</v>
      </c>
      <c r="EB36" s="71">
        <v>2</v>
      </c>
      <c r="EC36" s="72">
        <v>19</v>
      </c>
      <c r="ED36" s="73">
        <v>31</v>
      </c>
      <c r="EE36" s="70">
        <v>4</v>
      </c>
      <c r="EF36" s="71">
        <v>6</v>
      </c>
      <c r="EG36" s="72">
        <v>10</v>
      </c>
      <c r="EH36" s="244"/>
      <c r="EI36" s="71">
        <v>15</v>
      </c>
      <c r="EJ36" s="71">
        <v>9</v>
      </c>
      <c r="EK36" s="71">
        <v>8</v>
      </c>
      <c r="EL36" s="71">
        <v>5</v>
      </c>
      <c r="EM36" s="71">
        <v>8</v>
      </c>
      <c r="EN36" s="72">
        <v>45</v>
      </c>
      <c r="EO36" s="73">
        <v>55</v>
      </c>
      <c r="EP36" s="70">
        <v>12</v>
      </c>
      <c r="EQ36" s="71">
        <v>12</v>
      </c>
      <c r="ER36" s="72">
        <v>24</v>
      </c>
      <c r="ES36" s="244"/>
      <c r="ET36" s="71">
        <v>27</v>
      </c>
      <c r="EU36" s="71">
        <v>19</v>
      </c>
      <c r="EV36" s="71">
        <v>10</v>
      </c>
      <c r="EW36" s="71">
        <v>20</v>
      </c>
      <c r="EX36" s="71">
        <v>9</v>
      </c>
      <c r="EY36" s="72">
        <v>85</v>
      </c>
      <c r="EZ36" s="73">
        <v>109</v>
      </c>
      <c r="FA36" s="70">
        <v>29</v>
      </c>
      <c r="FB36" s="71">
        <v>23</v>
      </c>
      <c r="FC36" s="72">
        <v>52</v>
      </c>
      <c r="FD36" s="244"/>
      <c r="FE36" s="71">
        <v>34</v>
      </c>
      <c r="FF36" s="71">
        <v>17</v>
      </c>
      <c r="FG36" s="71">
        <v>18</v>
      </c>
      <c r="FH36" s="71">
        <v>14</v>
      </c>
      <c r="FI36" s="71">
        <v>13</v>
      </c>
      <c r="FJ36" s="72">
        <v>96</v>
      </c>
      <c r="FK36" s="73">
        <v>148</v>
      </c>
      <c r="FL36" s="70">
        <v>11</v>
      </c>
      <c r="FM36" s="71">
        <v>18</v>
      </c>
      <c r="FN36" s="72">
        <v>29</v>
      </c>
      <c r="FO36" s="244"/>
      <c r="FP36" s="71">
        <v>33</v>
      </c>
      <c r="FQ36" s="71">
        <v>34</v>
      </c>
      <c r="FR36" s="71">
        <v>30</v>
      </c>
      <c r="FS36" s="71">
        <v>31</v>
      </c>
      <c r="FT36" s="71">
        <v>22</v>
      </c>
      <c r="FU36" s="72">
        <v>150</v>
      </c>
      <c r="FV36" s="73">
        <v>179</v>
      </c>
      <c r="FW36" s="70">
        <v>0</v>
      </c>
      <c r="FX36" s="71">
        <v>0</v>
      </c>
      <c r="FY36" s="72">
        <v>0</v>
      </c>
      <c r="FZ36" s="244"/>
      <c r="GA36" s="71">
        <v>1</v>
      </c>
      <c r="GB36" s="71">
        <v>0</v>
      </c>
      <c r="GC36" s="71">
        <v>0</v>
      </c>
      <c r="GD36" s="71">
        <v>1</v>
      </c>
      <c r="GE36" s="71">
        <v>1</v>
      </c>
      <c r="GF36" s="72">
        <v>3</v>
      </c>
      <c r="GG36" s="73">
        <v>3</v>
      </c>
      <c r="GH36" s="70">
        <v>66</v>
      </c>
      <c r="GI36" s="71">
        <v>66</v>
      </c>
      <c r="GJ36" s="72">
        <v>132</v>
      </c>
      <c r="GK36" s="244"/>
      <c r="GL36" s="71">
        <v>114</v>
      </c>
      <c r="GM36" s="71">
        <v>87</v>
      </c>
      <c r="GN36" s="71">
        <v>73</v>
      </c>
      <c r="GO36" s="71">
        <v>77</v>
      </c>
      <c r="GP36" s="71">
        <v>58</v>
      </c>
      <c r="GQ36" s="72">
        <v>409</v>
      </c>
      <c r="GR36" s="73">
        <v>541</v>
      </c>
      <c r="GS36" s="123">
        <v>103</v>
      </c>
      <c r="GT36" s="82">
        <v>85</v>
      </c>
      <c r="GU36" s="83">
        <v>188</v>
      </c>
      <c r="GV36" s="241"/>
      <c r="GW36" s="82">
        <v>171</v>
      </c>
      <c r="GX36" s="82">
        <v>130</v>
      </c>
      <c r="GY36" s="82">
        <v>103</v>
      </c>
      <c r="GZ36" s="82">
        <v>104</v>
      </c>
      <c r="HA36" s="82">
        <v>72</v>
      </c>
      <c r="HB36" s="84">
        <v>580</v>
      </c>
      <c r="HC36" s="85">
        <v>768</v>
      </c>
      <c r="HD36" s="70">
        <v>5</v>
      </c>
      <c r="HE36" s="71">
        <v>3</v>
      </c>
      <c r="HF36" s="72">
        <v>8</v>
      </c>
      <c r="HG36" s="244"/>
      <c r="HH36" s="71">
        <v>3</v>
      </c>
      <c r="HI36" s="71">
        <v>4</v>
      </c>
      <c r="HJ36" s="71">
        <v>5</v>
      </c>
      <c r="HK36" s="71">
        <v>4</v>
      </c>
      <c r="HL36" s="71">
        <v>3</v>
      </c>
      <c r="HM36" s="72">
        <v>19</v>
      </c>
      <c r="HN36" s="73">
        <v>27</v>
      </c>
      <c r="HO36" s="70">
        <v>12</v>
      </c>
      <c r="HP36" s="71">
        <v>10</v>
      </c>
      <c r="HQ36" s="72">
        <v>22</v>
      </c>
      <c r="HR36" s="244"/>
      <c r="HS36" s="71">
        <v>7</v>
      </c>
      <c r="HT36" s="71">
        <v>16</v>
      </c>
      <c r="HU36" s="71">
        <v>9</v>
      </c>
      <c r="HV36" s="71">
        <v>12</v>
      </c>
      <c r="HW36" s="71">
        <v>7</v>
      </c>
      <c r="HX36" s="72">
        <v>51</v>
      </c>
      <c r="HY36" s="73">
        <v>73</v>
      </c>
      <c r="HZ36" s="70">
        <v>12</v>
      </c>
      <c r="IA36" s="71">
        <v>10</v>
      </c>
      <c r="IB36" s="72">
        <v>22</v>
      </c>
      <c r="IC36" s="244"/>
      <c r="ID36" s="71">
        <v>26</v>
      </c>
      <c r="IE36" s="71">
        <v>16</v>
      </c>
      <c r="IF36" s="71">
        <v>14</v>
      </c>
      <c r="IG36" s="71">
        <v>10</v>
      </c>
      <c r="IH36" s="71">
        <v>11</v>
      </c>
      <c r="II36" s="72">
        <v>77</v>
      </c>
      <c r="IJ36" s="73">
        <v>99</v>
      </c>
      <c r="IK36" s="70">
        <v>18</v>
      </c>
      <c r="IL36" s="71">
        <v>18</v>
      </c>
      <c r="IM36" s="72">
        <v>36</v>
      </c>
      <c r="IN36" s="244"/>
      <c r="IO36" s="71">
        <v>45</v>
      </c>
      <c r="IP36" s="71">
        <v>31</v>
      </c>
      <c r="IQ36" s="71">
        <v>14</v>
      </c>
      <c r="IR36" s="71">
        <v>23</v>
      </c>
      <c r="IS36" s="71">
        <v>11</v>
      </c>
      <c r="IT36" s="72">
        <v>124</v>
      </c>
      <c r="IU36" s="73">
        <v>160</v>
      </c>
      <c r="IV36" s="70">
        <v>39</v>
      </c>
      <c r="IW36" s="71">
        <v>24</v>
      </c>
      <c r="IX36" s="72">
        <v>63</v>
      </c>
      <c r="IY36" s="244"/>
      <c r="IZ36" s="71">
        <v>47</v>
      </c>
      <c r="JA36" s="71">
        <v>22</v>
      </c>
      <c r="JB36" s="71">
        <v>28</v>
      </c>
      <c r="JC36" s="71">
        <v>20</v>
      </c>
      <c r="JD36" s="71">
        <v>18</v>
      </c>
      <c r="JE36" s="72">
        <v>135</v>
      </c>
      <c r="JF36" s="73">
        <v>198</v>
      </c>
      <c r="JG36" s="70">
        <v>17</v>
      </c>
      <c r="JH36" s="71">
        <v>20</v>
      </c>
      <c r="JI36" s="72">
        <v>37</v>
      </c>
      <c r="JJ36" s="244">
        <v>0</v>
      </c>
      <c r="JK36" s="71">
        <v>43</v>
      </c>
      <c r="JL36" s="71">
        <v>41</v>
      </c>
      <c r="JM36" s="71">
        <v>33</v>
      </c>
      <c r="JN36" s="71">
        <v>35</v>
      </c>
      <c r="JO36" s="71">
        <v>22</v>
      </c>
      <c r="JP36" s="72">
        <v>174</v>
      </c>
      <c r="JQ36" s="73">
        <v>211</v>
      </c>
      <c r="JR36" s="70">
        <v>1</v>
      </c>
      <c r="JS36" s="71">
        <v>0</v>
      </c>
      <c r="JT36" s="72">
        <v>1</v>
      </c>
      <c r="JU36" s="244"/>
      <c r="JV36" s="71">
        <v>3</v>
      </c>
      <c r="JW36" s="71">
        <v>1</v>
      </c>
      <c r="JX36" s="71">
        <v>0</v>
      </c>
      <c r="JY36" s="71">
        <v>1</v>
      </c>
      <c r="JZ36" s="71">
        <v>2</v>
      </c>
      <c r="KA36" s="72">
        <v>7</v>
      </c>
      <c r="KB36" s="73">
        <v>8</v>
      </c>
      <c r="KC36" s="70">
        <v>104</v>
      </c>
      <c r="KD36" s="71">
        <v>85</v>
      </c>
      <c r="KE36" s="72">
        <v>189</v>
      </c>
      <c r="KF36" s="244"/>
      <c r="KG36" s="71">
        <v>174</v>
      </c>
      <c r="KH36" s="71">
        <v>131</v>
      </c>
      <c r="KI36" s="71">
        <v>103</v>
      </c>
      <c r="KJ36" s="71">
        <v>105</v>
      </c>
      <c r="KK36" s="71">
        <v>74</v>
      </c>
      <c r="KL36" s="72">
        <v>587</v>
      </c>
      <c r="KM36" s="73">
        <v>776</v>
      </c>
    </row>
    <row r="37" spans="2:299" ht="19.5" customHeight="1" x14ac:dyDescent="0.2">
      <c r="B37" s="126" t="s">
        <v>34</v>
      </c>
      <c r="C37" s="316">
        <v>18</v>
      </c>
      <c r="D37" s="82">
        <v>19</v>
      </c>
      <c r="E37" s="83">
        <v>37</v>
      </c>
      <c r="F37" s="241"/>
      <c r="G37" s="82">
        <v>42</v>
      </c>
      <c r="H37" s="82">
        <v>32</v>
      </c>
      <c r="I37" s="82">
        <v>18</v>
      </c>
      <c r="J37" s="82">
        <v>26</v>
      </c>
      <c r="K37" s="82">
        <v>9</v>
      </c>
      <c r="L37" s="84">
        <v>127</v>
      </c>
      <c r="M37" s="85">
        <v>164</v>
      </c>
      <c r="N37" s="70">
        <v>0</v>
      </c>
      <c r="O37" s="71">
        <v>4</v>
      </c>
      <c r="P37" s="72">
        <v>4</v>
      </c>
      <c r="Q37" s="244"/>
      <c r="R37" s="71">
        <v>1</v>
      </c>
      <c r="S37" s="71">
        <v>3</v>
      </c>
      <c r="T37" s="71">
        <v>1</v>
      </c>
      <c r="U37" s="71">
        <v>3</v>
      </c>
      <c r="V37" s="71">
        <v>0</v>
      </c>
      <c r="W37" s="72">
        <v>8</v>
      </c>
      <c r="X37" s="73">
        <v>12</v>
      </c>
      <c r="Y37" s="70">
        <v>1</v>
      </c>
      <c r="Z37" s="71">
        <v>2</v>
      </c>
      <c r="AA37" s="72">
        <v>3</v>
      </c>
      <c r="AB37" s="244"/>
      <c r="AC37" s="71">
        <v>3</v>
      </c>
      <c r="AD37" s="71">
        <v>2</v>
      </c>
      <c r="AE37" s="71">
        <v>2</v>
      </c>
      <c r="AF37" s="71">
        <v>2</v>
      </c>
      <c r="AG37" s="71">
        <v>1</v>
      </c>
      <c r="AH37" s="72">
        <v>10</v>
      </c>
      <c r="AI37" s="73">
        <v>13</v>
      </c>
      <c r="AJ37" s="70">
        <v>3</v>
      </c>
      <c r="AK37" s="71">
        <v>3</v>
      </c>
      <c r="AL37" s="72">
        <v>6</v>
      </c>
      <c r="AM37" s="244"/>
      <c r="AN37" s="71">
        <v>4</v>
      </c>
      <c r="AO37" s="71">
        <v>5</v>
      </c>
      <c r="AP37" s="71">
        <v>4</v>
      </c>
      <c r="AQ37" s="71">
        <v>6</v>
      </c>
      <c r="AR37" s="71">
        <v>3</v>
      </c>
      <c r="AS37" s="72">
        <v>22</v>
      </c>
      <c r="AT37" s="73">
        <v>28</v>
      </c>
      <c r="AU37" s="70">
        <v>8</v>
      </c>
      <c r="AV37" s="71">
        <v>4</v>
      </c>
      <c r="AW37" s="72">
        <v>12</v>
      </c>
      <c r="AX37" s="244"/>
      <c r="AY37" s="71">
        <v>14</v>
      </c>
      <c r="AZ37" s="71">
        <v>9</v>
      </c>
      <c r="BA37" s="71">
        <v>3</v>
      </c>
      <c r="BB37" s="71">
        <v>5</v>
      </c>
      <c r="BC37" s="71">
        <v>1</v>
      </c>
      <c r="BD37" s="72">
        <v>32</v>
      </c>
      <c r="BE37" s="73">
        <v>44</v>
      </c>
      <c r="BF37" s="70">
        <v>4</v>
      </c>
      <c r="BG37" s="71">
        <v>5</v>
      </c>
      <c r="BH37" s="72">
        <v>9</v>
      </c>
      <c r="BI37" s="244"/>
      <c r="BJ37" s="71">
        <v>12</v>
      </c>
      <c r="BK37" s="71">
        <v>6</v>
      </c>
      <c r="BL37" s="71">
        <v>7</v>
      </c>
      <c r="BM37" s="71">
        <v>7</v>
      </c>
      <c r="BN37" s="71">
        <v>3</v>
      </c>
      <c r="BO37" s="72">
        <v>35</v>
      </c>
      <c r="BP37" s="73">
        <v>44</v>
      </c>
      <c r="BQ37" s="70">
        <v>2</v>
      </c>
      <c r="BR37" s="71">
        <v>1</v>
      </c>
      <c r="BS37" s="72">
        <v>3</v>
      </c>
      <c r="BT37" s="244"/>
      <c r="BU37" s="71">
        <v>8</v>
      </c>
      <c r="BV37" s="71">
        <v>7</v>
      </c>
      <c r="BW37" s="71">
        <v>1</v>
      </c>
      <c r="BX37" s="71">
        <v>3</v>
      </c>
      <c r="BY37" s="71">
        <v>1</v>
      </c>
      <c r="BZ37" s="72">
        <v>20</v>
      </c>
      <c r="CA37" s="73">
        <v>23</v>
      </c>
      <c r="CB37" s="70">
        <v>0</v>
      </c>
      <c r="CC37" s="71">
        <v>0</v>
      </c>
      <c r="CD37" s="72">
        <v>0</v>
      </c>
      <c r="CE37" s="244"/>
      <c r="CF37" s="71">
        <v>5</v>
      </c>
      <c r="CG37" s="71">
        <v>0</v>
      </c>
      <c r="CH37" s="71">
        <v>1</v>
      </c>
      <c r="CI37" s="71">
        <v>1</v>
      </c>
      <c r="CJ37" s="71">
        <v>2</v>
      </c>
      <c r="CK37" s="72">
        <v>9</v>
      </c>
      <c r="CL37" s="73">
        <v>9</v>
      </c>
      <c r="CM37" s="70">
        <v>18</v>
      </c>
      <c r="CN37" s="71">
        <v>19</v>
      </c>
      <c r="CO37" s="72">
        <v>37</v>
      </c>
      <c r="CP37" s="244"/>
      <c r="CQ37" s="71">
        <v>47</v>
      </c>
      <c r="CR37" s="71">
        <v>32</v>
      </c>
      <c r="CS37" s="71">
        <v>19</v>
      </c>
      <c r="CT37" s="71">
        <v>27</v>
      </c>
      <c r="CU37" s="71">
        <v>11</v>
      </c>
      <c r="CV37" s="72">
        <v>136</v>
      </c>
      <c r="CW37" s="73">
        <v>173</v>
      </c>
      <c r="CX37" s="123">
        <v>43</v>
      </c>
      <c r="CY37" s="82">
        <v>39</v>
      </c>
      <c r="CZ37" s="83">
        <v>82</v>
      </c>
      <c r="DA37" s="241"/>
      <c r="DB37" s="82">
        <v>81</v>
      </c>
      <c r="DC37" s="82">
        <v>63</v>
      </c>
      <c r="DD37" s="82">
        <v>50</v>
      </c>
      <c r="DE37" s="82">
        <v>46</v>
      </c>
      <c r="DF37" s="82">
        <v>30</v>
      </c>
      <c r="DG37" s="84">
        <v>270</v>
      </c>
      <c r="DH37" s="85">
        <v>352</v>
      </c>
      <c r="DI37" s="70">
        <v>1</v>
      </c>
      <c r="DJ37" s="71">
        <v>0</v>
      </c>
      <c r="DK37" s="72">
        <v>1</v>
      </c>
      <c r="DL37" s="244"/>
      <c r="DM37" s="71">
        <v>1</v>
      </c>
      <c r="DN37" s="71">
        <v>1</v>
      </c>
      <c r="DO37" s="71">
        <v>2</v>
      </c>
      <c r="DP37" s="71">
        <v>1</v>
      </c>
      <c r="DQ37" s="71">
        <v>0</v>
      </c>
      <c r="DR37" s="72">
        <v>5</v>
      </c>
      <c r="DS37" s="73">
        <v>6</v>
      </c>
      <c r="DT37" s="70">
        <v>3</v>
      </c>
      <c r="DU37" s="71">
        <v>0</v>
      </c>
      <c r="DV37" s="72">
        <v>3</v>
      </c>
      <c r="DW37" s="244"/>
      <c r="DX37" s="71">
        <v>4</v>
      </c>
      <c r="DY37" s="71">
        <v>3</v>
      </c>
      <c r="DZ37" s="71">
        <v>1</v>
      </c>
      <c r="EA37" s="71">
        <v>0</v>
      </c>
      <c r="EB37" s="71">
        <v>4</v>
      </c>
      <c r="EC37" s="72">
        <v>12</v>
      </c>
      <c r="ED37" s="73">
        <v>15</v>
      </c>
      <c r="EE37" s="70">
        <v>6</v>
      </c>
      <c r="EF37" s="71">
        <v>2</v>
      </c>
      <c r="EG37" s="72">
        <v>8</v>
      </c>
      <c r="EH37" s="244"/>
      <c r="EI37" s="71">
        <v>10</v>
      </c>
      <c r="EJ37" s="71">
        <v>4</v>
      </c>
      <c r="EK37" s="71">
        <v>6</v>
      </c>
      <c r="EL37" s="71">
        <v>5</v>
      </c>
      <c r="EM37" s="71">
        <v>2</v>
      </c>
      <c r="EN37" s="72">
        <v>27</v>
      </c>
      <c r="EO37" s="73">
        <v>35</v>
      </c>
      <c r="EP37" s="70">
        <v>11</v>
      </c>
      <c r="EQ37" s="71">
        <v>10</v>
      </c>
      <c r="ER37" s="72">
        <v>21</v>
      </c>
      <c r="ES37" s="244"/>
      <c r="ET37" s="71">
        <v>17</v>
      </c>
      <c r="EU37" s="71">
        <v>13</v>
      </c>
      <c r="EV37" s="71">
        <v>4</v>
      </c>
      <c r="EW37" s="71">
        <v>11</v>
      </c>
      <c r="EX37" s="71">
        <v>1</v>
      </c>
      <c r="EY37" s="72">
        <v>46</v>
      </c>
      <c r="EZ37" s="73">
        <v>67</v>
      </c>
      <c r="FA37" s="70">
        <v>13</v>
      </c>
      <c r="FB37" s="71">
        <v>16</v>
      </c>
      <c r="FC37" s="72">
        <v>29</v>
      </c>
      <c r="FD37" s="244"/>
      <c r="FE37" s="71">
        <v>28</v>
      </c>
      <c r="FF37" s="71">
        <v>15</v>
      </c>
      <c r="FG37" s="71">
        <v>16</v>
      </c>
      <c r="FH37" s="71">
        <v>12</v>
      </c>
      <c r="FI37" s="71">
        <v>8</v>
      </c>
      <c r="FJ37" s="72">
        <v>79</v>
      </c>
      <c r="FK37" s="73">
        <v>108</v>
      </c>
      <c r="FL37" s="70">
        <v>9</v>
      </c>
      <c r="FM37" s="71">
        <v>11</v>
      </c>
      <c r="FN37" s="72">
        <v>20</v>
      </c>
      <c r="FO37" s="244"/>
      <c r="FP37" s="71">
        <v>21</v>
      </c>
      <c r="FQ37" s="71">
        <v>27</v>
      </c>
      <c r="FR37" s="71">
        <v>21</v>
      </c>
      <c r="FS37" s="71">
        <v>17</v>
      </c>
      <c r="FT37" s="71">
        <v>15</v>
      </c>
      <c r="FU37" s="72">
        <v>101</v>
      </c>
      <c r="FV37" s="73">
        <v>121</v>
      </c>
      <c r="FW37" s="70">
        <v>0</v>
      </c>
      <c r="FX37" s="71">
        <v>0</v>
      </c>
      <c r="FY37" s="72">
        <v>0</v>
      </c>
      <c r="FZ37" s="244"/>
      <c r="GA37" s="71">
        <v>1</v>
      </c>
      <c r="GB37" s="71">
        <v>1</v>
      </c>
      <c r="GC37" s="71">
        <v>1</v>
      </c>
      <c r="GD37" s="71">
        <v>0</v>
      </c>
      <c r="GE37" s="71">
        <v>1</v>
      </c>
      <c r="GF37" s="72">
        <v>4</v>
      </c>
      <c r="GG37" s="73">
        <v>4</v>
      </c>
      <c r="GH37" s="70">
        <v>43</v>
      </c>
      <c r="GI37" s="71">
        <v>39</v>
      </c>
      <c r="GJ37" s="72">
        <v>82</v>
      </c>
      <c r="GK37" s="244"/>
      <c r="GL37" s="71">
        <v>82</v>
      </c>
      <c r="GM37" s="71">
        <v>64</v>
      </c>
      <c r="GN37" s="71">
        <v>51</v>
      </c>
      <c r="GO37" s="71">
        <v>46</v>
      </c>
      <c r="GP37" s="71">
        <v>31</v>
      </c>
      <c r="GQ37" s="72">
        <v>274</v>
      </c>
      <c r="GR37" s="73">
        <v>356</v>
      </c>
      <c r="GS37" s="123">
        <v>61</v>
      </c>
      <c r="GT37" s="82">
        <v>58</v>
      </c>
      <c r="GU37" s="83">
        <v>119</v>
      </c>
      <c r="GV37" s="241"/>
      <c r="GW37" s="82">
        <v>123</v>
      </c>
      <c r="GX37" s="82">
        <v>95</v>
      </c>
      <c r="GY37" s="82">
        <v>68</v>
      </c>
      <c r="GZ37" s="82">
        <v>72</v>
      </c>
      <c r="HA37" s="82">
        <v>39</v>
      </c>
      <c r="HB37" s="84">
        <v>397</v>
      </c>
      <c r="HC37" s="85">
        <v>516</v>
      </c>
      <c r="HD37" s="70">
        <v>1</v>
      </c>
      <c r="HE37" s="71">
        <v>4</v>
      </c>
      <c r="HF37" s="72">
        <v>5</v>
      </c>
      <c r="HG37" s="244"/>
      <c r="HH37" s="71">
        <v>2</v>
      </c>
      <c r="HI37" s="71">
        <v>4</v>
      </c>
      <c r="HJ37" s="71">
        <v>3</v>
      </c>
      <c r="HK37" s="71">
        <v>4</v>
      </c>
      <c r="HL37" s="71">
        <v>0</v>
      </c>
      <c r="HM37" s="72">
        <v>13</v>
      </c>
      <c r="HN37" s="73">
        <v>18</v>
      </c>
      <c r="HO37" s="70">
        <v>4</v>
      </c>
      <c r="HP37" s="71">
        <v>2</v>
      </c>
      <c r="HQ37" s="72">
        <v>6</v>
      </c>
      <c r="HR37" s="244"/>
      <c r="HS37" s="71">
        <v>7</v>
      </c>
      <c r="HT37" s="71">
        <v>5</v>
      </c>
      <c r="HU37" s="71">
        <v>3</v>
      </c>
      <c r="HV37" s="71">
        <v>2</v>
      </c>
      <c r="HW37" s="71">
        <v>5</v>
      </c>
      <c r="HX37" s="72">
        <v>22</v>
      </c>
      <c r="HY37" s="73">
        <v>28</v>
      </c>
      <c r="HZ37" s="70">
        <v>9</v>
      </c>
      <c r="IA37" s="71">
        <v>5</v>
      </c>
      <c r="IB37" s="72">
        <v>14</v>
      </c>
      <c r="IC37" s="244"/>
      <c r="ID37" s="71">
        <v>14</v>
      </c>
      <c r="IE37" s="71">
        <v>9</v>
      </c>
      <c r="IF37" s="71">
        <v>10</v>
      </c>
      <c r="IG37" s="71">
        <v>11</v>
      </c>
      <c r="IH37" s="71">
        <v>5</v>
      </c>
      <c r="II37" s="72">
        <v>49</v>
      </c>
      <c r="IJ37" s="73">
        <v>63</v>
      </c>
      <c r="IK37" s="70">
        <v>19</v>
      </c>
      <c r="IL37" s="71">
        <v>14</v>
      </c>
      <c r="IM37" s="72">
        <v>33</v>
      </c>
      <c r="IN37" s="244"/>
      <c r="IO37" s="71">
        <v>31</v>
      </c>
      <c r="IP37" s="71">
        <v>22</v>
      </c>
      <c r="IQ37" s="71">
        <v>7</v>
      </c>
      <c r="IR37" s="71">
        <v>16</v>
      </c>
      <c r="IS37" s="71">
        <v>2</v>
      </c>
      <c r="IT37" s="72">
        <v>78</v>
      </c>
      <c r="IU37" s="73">
        <v>111</v>
      </c>
      <c r="IV37" s="70">
        <v>17</v>
      </c>
      <c r="IW37" s="71">
        <v>21</v>
      </c>
      <c r="IX37" s="72">
        <v>38</v>
      </c>
      <c r="IY37" s="244"/>
      <c r="IZ37" s="71">
        <v>40</v>
      </c>
      <c r="JA37" s="71">
        <v>21</v>
      </c>
      <c r="JB37" s="71">
        <v>23</v>
      </c>
      <c r="JC37" s="71">
        <v>19</v>
      </c>
      <c r="JD37" s="71">
        <v>11</v>
      </c>
      <c r="JE37" s="72">
        <v>114</v>
      </c>
      <c r="JF37" s="73">
        <v>152</v>
      </c>
      <c r="JG37" s="70">
        <v>11</v>
      </c>
      <c r="JH37" s="71">
        <v>12</v>
      </c>
      <c r="JI37" s="72">
        <v>23</v>
      </c>
      <c r="JJ37" s="244">
        <v>0</v>
      </c>
      <c r="JK37" s="71">
        <v>29</v>
      </c>
      <c r="JL37" s="71">
        <v>34</v>
      </c>
      <c r="JM37" s="71">
        <v>22</v>
      </c>
      <c r="JN37" s="71">
        <v>20</v>
      </c>
      <c r="JO37" s="71">
        <v>16</v>
      </c>
      <c r="JP37" s="72">
        <v>121</v>
      </c>
      <c r="JQ37" s="73">
        <v>144</v>
      </c>
      <c r="JR37" s="70">
        <v>0</v>
      </c>
      <c r="JS37" s="71">
        <v>0</v>
      </c>
      <c r="JT37" s="72">
        <v>0</v>
      </c>
      <c r="JU37" s="244"/>
      <c r="JV37" s="71">
        <v>6</v>
      </c>
      <c r="JW37" s="71">
        <v>1</v>
      </c>
      <c r="JX37" s="71">
        <v>2</v>
      </c>
      <c r="JY37" s="71">
        <v>1</v>
      </c>
      <c r="JZ37" s="71">
        <v>3</v>
      </c>
      <c r="KA37" s="72">
        <v>13</v>
      </c>
      <c r="KB37" s="73">
        <v>13</v>
      </c>
      <c r="KC37" s="70">
        <v>61</v>
      </c>
      <c r="KD37" s="71">
        <v>58</v>
      </c>
      <c r="KE37" s="72">
        <v>119</v>
      </c>
      <c r="KF37" s="244"/>
      <c r="KG37" s="71">
        <v>129</v>
      </c>
      <c r="KH37" s="71">
        <v>96</v>
      </c>
      <c r="KI37" s="71">
        <v>70</v>
      </c>
      <c r="KJ37" s="71">
        <v>73</v>
      </c>
      <c r="KK37" s="71">
        <v>42</v>
      </c>
      <c r="KL37" s="72">
        <v>410</v>
      </c>
      <c r="KM37" s="73">
        <v>529</v>
      </c>
    </row>
    <row r="38" spans="2:299" ht="19.5" customHeight="1" x14ac:dyDescent="0.2">
      <c r="B38" s="126" t="s">
        <v>35</v>
      </c>
      <c r="C38" s="316">
        <v>52</v>
      </c>
      <c r="D38" s="82">
        <v>45</v>
      </c>
      <c r="E38" s="83">
        <v>97</v>
      </c>
      <c r="F38" s="241"/>
      <c r="G38" s="82">
        <v>170</v>
      </c>
      <c r="H38" s="82">
        <v>97</v>
      </c>
      <c r="I38" s="82">
        <v>55</v>
      </c>
      <c r="J38" s="82">
        <v>51</v>
      </c>
      <c r="K38" s="82">
        <v>22</v>
      </c>
      <c r="L38" s="84">
        <v>395</v>
      </c>
      <c r="M38" s="85">
        <v>492</v>
      </c>
      <c r="N38" s="70">
        <v>2</v>
      </c>
      <c r="O38" s="71">
        <v>3</v>
      </c>
      <c r="P38" s="72">
        <v>5</v>
      </c>
      <c r="Q38" s="244"/>
      <c r="R38" s="71">
        <v>12</v>
      </c>
      <c r="S38" s="71">
        <v>3</v>
      </c>
      <c r="T38" s="71">
        <v>10</v>
      </c>
      <c r="U38" s="71">
        <v>2</v>
      </c>
      <c r="V38" s="71">
        <v>1</v>
      </c>
      <c r="W38" s="72">
        <v>28</v>
      </c>
      <c r="X38" s="73">
        <v>33</v>
      </c>
      <c r="Y38" s="70">
        <v>7</v>
      </c>
      <c r="Z38" s="71">
        <v>3</v>
      </c>
      <c r="AA38" s="72">
        <v>10</v>
      </c>
      <c r="AB38" s="244"/>
      <c r="AC38" s="71">
        <v>10</v>
      </c>
      <c r="AD38" s="71">
        <v>11</v>
      </c>
      <c r="AE38" s="71">
        <v>6</v>
      </c>
      <c r="AF38" s="71">
        <v>6</v>
      </c>
      <c r="AG38" s="71">
        <v>6</v>
      </c>
      <c r="AH38" s="72">
        <v>39</v>
      </c>
      <c r="AI38" s="73">
        <v>49</v>
      </c>
      <c r="AJ38" s="70">
        <v>8</v>
      </c>
      <c r="AK38" s="71">
        <v>13</v>
      </c>
      <c r="AL38" s="72">
        <v>21</v>
      </c>
      <c r="AM38" s="244"/>
      <c r="AN38" s="71">
        <v>31</v>
      </c>
      <c r="AO38" s="71">
        <v>14</v>
      </c>
      <c r="AP38" s="71">
        <v>5</v>
      </c>
      <c r="AQ38" s="71">
        <v>11</v>
      </c>
      <c r="AR38" s="71">
        <v>2</v>
      </c>
      <c r="AS38" s="72">
        <v>63</v>
      </c>
      <c r="AT38" s="73">
        <v>84</v>
      </c>
      <c r="AU38" s="70">
        <v>14</v>
      </c>
      <c r="AV38" s="71">
        <v>9</v>
      </c>
      <c r="AW38" s="72">
        <v>23</v>
      </c>
      <c r="AX38" s="244"/>
      <c r="AY38" s="71">
        <v>46</v>
      </c>
      <c r="AZ38" s="71">
        <v>23</v>
      </c>
      <c r="BA38" s="71">
        <v>9</v>
      </c>
      <c r="BB38" s="71">
        <v>12</v>
      </c>
      <c r="BC38" s="71">
        <v>3</v>
      </c>
      <c r="BD38" s="72">
        <v>93</v>
      </c>
      <c r="BE38" s="73">
        <v>116</v>
      </c>
      <c r="BF38" s="70">
        <v>11</v>
      </c>
      <c r="BG38" s="71">
        <v>12</v>
      </c>
      <c r="BH38" s="72">
        <v>23</v>
      </c>
      <c r="BI38" s="244"/>
      <c r="BJ38" s="71">
        <v>46</v>
      </c>
      <c r="BK38" s="71">
        <v>20</v>
      </c>
      <c r="BL38" s="71">
        <v>12</v>
      </c>
      <c r="BM38" s="71">
        <v>6</v>
      </c>
      <c r="BN38" s="71">
        <v>4</v>
      </c>
      <c r="BO38" s="72">
        <v>88</v>
      </c>
      <c r="BP38" s="73">
        <v>111</v>
      </c>
      <c r="BQ38" s="70">
        <v>10</v>
      </c>
      <c r="BR38" s="71">
        <v>5</v>
      </c>
      <c r="BS38" s="72">
        <v>15</v>
      </c>
      <c r="BT38" s="244"/>
      <c r="BU38" s="71">
        <v>25</v>
      </c>
      <c r="BV38" s="71">
        <v>26</v>
      </c>
      <c r="BW38" s="71">
        <v>13</v>
      </c>
      <c r="BX38" s="71">
        <v>14</v>
      </c>
      <c r="BY38" s="71">
        <v>6</v>
      </c>
      <c r="BZ38" s="72">
        <v>84</v>
      </c>
      <c r="CA38" s="73">
        <v>99</v>
      </c>
      <c r="CB38" s="70">
        <v>0</v>
      </c>
      <c r="CC38" s="71">
        <v>2</v>
      </c>
      <c r="CD38" s="72">
        <v>2</v>
      </c>
      <c r="CE38" s="244"/>
      <c r="CF38" s="71">
        <v>2</v>
      </c>
      <c r="CG38" s="71">
        <v>1</v>
      </c>
      <c r="CH38" s="71">
        <v>1</v>
      </c>
      <c r="CI38" s="71">
        <v>2</v>
      </c>
      <c r="CJ38" s="71">
        <v>1</v>
      </c>
      <c r="CK38" s="72">
        <v>7</v>
      </c>
      <c r="CL38" s="73">
        <v>9</v>
      </c>
      <c r="CM38" s="70">
        <v>52</v>
      </c>
      <c r="CN38" s="71">
        <v>47</v>
      </c>
      <c r="CO38" s="72">
        <v>99</v>
      </c>
      <c r="CP38" s="244"/>
      <c r="CQ38" s="71">
        <v>172</v>
      </c>
      <c r="CR38" s="71">
        <v>98</v>
      </c>
      <c r="CS38" s="71">
        <v>56</v>
      </c>
      <c r="CT38" s="71">
        <v>53</v>
      </c>
      <c r="CU38" s="71">
        <v>23</v>
      </c>
      <c r="CV38" s="72">
        <v>402</v>
      </c>
      <c r="CW38" s="73">
        <v>501</v>
      </c>
      <c r="CX38" s="123">
        <v>127</v>
      </c>
      <c r="CY38" s="82">
        <v>146</v>
      </c>
      <c r="CZ38" s="83">
        <v>273</v>
      </c>
      <c r="DA38" s="241"/>
      <c r="DB38" s="82">
        <v>302</v>
      </c>
      <c r="DC38" s="82">
        <v>196</v>
      </c>
      <c r="DD38" s="82">
        <v>151</v>
      </c>
      <c r="DE38" s="82">
        <v>153</v>
      </c>
      <c r="DF38" s="82">
        <v>87</v>
      </c>
      <c r="DG38" s="84">
        <v>889</v>
      </c>
      <c r="DH38" s="85">
        <v>1162</v>
      </c>
      <c r="DI38" s="70">
        <v>2</v>
      </c>
      <c r="DJ38" s="71">
        <v>5</v>
      </c>
      <c r="DK38" s="72">
        <v>7</v>
      </c>
      <c r="DL38" s="244"/>
      <c r="DM38" s="71">
        <v>4</v>
      </c>
      <c r="DN38" s="71">
        <v>6</v>
      </c>
      <c r="DO38" s="71">
        <v>4</v>
      </c>
      <c r="DP38" s="71">
        <v>5</v>
      </c>
      <c r="DQ38" s="71">
        <v>1</v>
      </c>
      <c r="DR38" s="72">
        <v>20</v>
      </c>
      <c r="DS38" s="73">
        <v>27</v>
      </c>
      <c r="DT38" s="70">
        <v>7</v>
      </c>
      <c r="DU38" s="71">
        <v>12</v>
      </c>
      <c r="DV38" s="72">
        <v>19</v>
      </c>
      <c r="DW38" s="244"/>
      <c r="DX38" s="71">
        <v>21</v>
      </c>
      <c r="DY38" s="71">
        <v>5</v>
      </c>
      <c r="DZ38" s="71">
        <v>5</v>
      </c>
      <c r="EA38" s="71">
        <v>6</v>
      </c>
      <c r="EB38" s="71">
        <v>4</v>
      </c>
      <c r="EC38" s="72">
        <v>41</v>
      </c>
      <c r="ED38" s="73">
        <v>60</v>
      </c>
      <c r="EE38" s="70">
        <v>17</v>
      </c>
      <c r="EF38" s="71">
        <v>18</v>
      </c>
      <c r="EG38" s="72">
        <v>35</v>
      </c>
      <c r="EH38" s="244"/>
      <c r="EI38" s="71">
        <v>38</v>
      </c>
      <c r="EJ38" s="71">
        <v>20</v>
      </c>
      <c r="EK38" s="71">
        <v>6</v>
      </c>
      <c r="EL38" s="71">
        <v>17</v>
      </c>
      <c r="EM38" s="71">
        <v>12</v>
      </c>
      <c r="EN38" s="72">
        <v>93</v>
      </c>
      <c r="EO38" s="73">
        <v>128</v>
      </c>
      <c r="EP38" s="70">
        <v>41</v>
      </c>
      <c r="EQ38" s="71">
        <v>30</v>
      </c>
      <c r="ER38" s="72">
        <v>71</v>
      </c>
      <c r="ES38" s="244"/>
      <c r="ET38" s="71">
        <v>66</v>
      </c>
      <c r="EU38" s="71">
        <v>45</v>
      </c>
      <c r="EV38" s="71">
        <v>26</v>
      </c>
      <c r="EW38" s="71">
        <v>24</v>
      </c>
      <c r="EX38" s="71">
        <v>8</v>
      </c>
      <c r="EY38" s="72">
        <v>169</v>
      </c>
      <c r="EZ38" s="73">
        <v>240</v>
      </c>
      <c r="FA38" s="70">
        <v>30</v>
      </c>
      <c r="FB38" s="71">
        <v>51</v>
      </c>
      <c r="FC38" s="72">
        <v>81</v>
      </c>
      <c r="FD38" s="244"/>
      <c r="FE38" s="71">
        <v>99</v>
      </c>
      <c r="FF38" s="71">
        <v>50</v>
      </c>
      <c r="FG38" s="71">
        <v>41</v>
      </c>
      <c r="FH38" s="71">
        <v>34</v>
      </c>
      <c r="FI38" s="71">
        <v>23</v>
      </c>
      <c r="FJ38" s="72">
        <v>247</v>
      </c>
      <c r="FK38" s="73">
        <v>328</v>
      </c>
      <c r="FL38" s="70">
        <v>30</v>
      </c>
      <c r="FM38" s="71">
        <v>30</v>
      </c>
      <c r="FN38" s="72">
        <v>60</v>
      </c>
      <c r="FO38" s="244"/>
      <c r="FP38" s="71">
        <v>74</v>
      </c>
      <c r="FQ38" s="71">
        <v>70</v>
      </c>
      <c r="FR38" s="71">
        <v>69</v>
      </c>
      <c r="FS38" s="71">
        <v>67</v>
      </c>
      <c r="FT38" s="71">
        <v>39</v>
      </c>
      <c r="FU38" s="72">
        <v>319</v>
      </c>
      <c r="FV38" s="73">
        <v>379</v>
      </c>
      <c r="FW38" s="70">
        <v>1</v>
      </c>
      <c r="FX38" s="71">
        <v>1</v>
      </c>
      <c r="FY38" s="72">
        <v>2</v>
      </c>
      <c r="FZ38" s="244"/>
      <c r="GA38" s="71">
        <v>0</v>
      </c>
      <c r="GB38" s="71">
        <v>7</v>
      </c>
      <c r="GC38" s="71">
        <v>2</v>
      </c>
      <c r="GD38" s="71">
        <v>1</v>
      </c>
      <c r="GE38" s="71">
        <v>1</v>
      </c>
      <c r="GF38" s="72">
        <v>11</v>
      </c>
      <c r="GG38" s="73">
        <v>13</v>
      </c>
      <c r="GH38" s="70">
        <v>128</v>
      </c>
      <c r="GI38" s="71">
        <v>147</v>
      </c>
      <c r="GJ38" s="72">
        <v>275</v>
      </c>
      <c r="GK38" s="244"/>
      <c r="GL38" s="71">
        <v>302</v>
      </c>
      <c r="GM38" s="71">
        <v>203</v>
      </c>
      <c r="GN38" s="71">
        <v>153</v>
      </c>
      <c r="GO38" s="71">
        <v>154</v>
      </c>
      <c r="GP38" s="71">
        <v>88</v>
      </c>
      <c r="GQ38" s="72">
        <v>900</v>
      </c>
      <c r="GR38" s="73">
        <v>1175</v>
      </c>
      <c r="GS38" s="123">
        <v>179</v>
      </c>
      <c r="GT38" s="82">
        <v>191</v>
      </c>
      <c r="GU38" s="83">
        <v>370</v>
      </c>
      <c r="GV38" s="241"/>
      <c r="GW38" s="82">
        <v>472</v>
      </c>
      <c r="GX38" s="82">
        <v>293</v>
      </c>
      <c r="GY38" s="82">
        <v>206</v>
      </c>
      <c r="GZ38" s="82">
        <v>204</v>
      </c>
      <c r="HA38" s="82">
        <v>109</v>
      </c>
      <c r="HB38" s="84">
        <v>1284</v>
      </c>
      <c r="HC38" s="85">
        <v>1654</v>
      </c>
      <c r="HD38" s="70">
        <v>4</v>
      </c>
      <c r="HE38" s="71">
        <v>8</v>
      </c>
      <c r="HF38" s="72">
        <v>12</v>
      </c>
      <c r="HG38" s="244"/>
      <c r="HH38" s="71">
        <v>16</v>
      </c>
      <c r="HI38" s="71">
        <v>9</v>
      </c>
      <c r="HJ38" s="71">
        <v>14</v>
      </c>
      <c r="HK38" s="71">
        <v>7</v>
      </c>
      <c r="HL38" s="71">
        <v>2</v>
      </c>
      <c r="HM38" s="72">
        <v>48</v>
      </c>
      <c r="HN38" s="73">
        <v>60</v>
      </c>
      <c r="HO38" s="70">
        <v>14</v>
      </c>
      <c r="HP38" s="71">
        <v>15</v>
      </c>
      <c r="HQ38" s="72">
        <v>29</v>
      </c>
      <c r="HR38" s="244"/>
      <c r="HS38" s="71">
        <v>31</v>
      </c>
      <c r="HT38" s="71">
        <v>16</v>
      </c>
      <c r="HU38" s="71">
        <v>11</v>
      </c>
      <c r="HV38" s="71">
        <v>12</v>
      </c>
      <c r="HW38" s="71">
        <v>10</v>
      </c>
      <c r="HX38" s="72">
        <v>80</v>
      </c>
      <c r="HY38" s="73">
        <v>109</v>
      </c>
      <c r="HZ38" s="70">
        <v>25</v>
      </c>
      <c r="IA38" s="71">
        <v>31</v>
      </c>
      <c r="IB38" s="72">
        <v>56</v>
      </c>
      <c r="IC38" s="244"/>
      <c r="ID38" s="71">
        <v>69</v>
      </c>
      <c r="IE38" s="71">
        <v>34</v>
      </c>
      <c r="IF38" s="71">
        <v>11</v>
      </c>
      <c r="IG38" s="71">
        <v>28</v>
      </c>
      <c r="IH38" s="71">
        <v>14</v>
      </c>
      <c r="II38" s="72">
        <v>156</v>
      </c>
      <c r="IJ38" s="73">
        <v>212</v>
      </c>
      <c r="IK38" s="70">
        <v>55</v>
      </c>
      <c r="IL38" s="71">
        <v>39</v>
      </c>
      <c r="IM38" s="72">
        <v>94</v>
      </c>
      <c r="IN38" s="244"/>
      <c r="IO38" s="71">
        <v>112</v>
      </c>
      <c r="IP38" s="71">
        <v>68</v>
      </c>
      <c r="IQ38" s="71">
        <v>35</v>
      </c>
      <c r="IR38" s="71">
        <v>36</v>
      </c>
      <c r="IS38" s="71">
        <v>11</v>
      </c>
      <c r="IT38" s="72">
        <v>262</v>
      </c>
      <c r="IU38" s="73">
        <v>356</v>
      </c>
      <c r="IV38" s="70">
        <v>41</v>
      </c>
      <c r="IW38" s="71">
        <v>63</v>
      </c>
      <c r="IX38" s="72">
        <v>104</v>
      </c>
      <c r="IY38" s="244"/>
      <c r="IZ38" s="71">
        <v>145</v>
      </c>
      <c r="JA38" s="71">
        <v>70</v>
      </c>
      <c r="JB38" s="71">
        <v>53</v>
      </c>
      <c r="JC38" s="71">
        <v>40</v>
      </c>
      <c r="JD38" s="71">
        <v>27</v>
      </c>
      <c r="JE38" s="72">
        <v>335</v>
      </c>
      <c r="JF38" s="73">
        <v>439</v>
      </c>
      <c r="JG38" s="70">
        <v>40</v>
      </c>
      <c r="JH38" s="71">
        <v>35</v>
      </c>
      <c r="JI38" s="72">
        <v>75</v>
      </c>
      <c r="JJ38" s="244">
        <v>0</v>
      </c>
      <c r="JK38" s="71">
        <v>99</v>
      </c>
      <c r="JL38" s="71">
        <v>96</v>
      </c>
      <c r="JM38" s="71">
        <v>82</v>
      </c>
      <c r="JN38" s="71">
        <v>81</v>
      </c>
      <c r="JO38" s="71">
        <v>45</v>
      </c>
      <c r="JP38" s="72">
        <v>403</v>
      </c>
      <c r="JQ38" s="73">
        <v>478</v>
      </c>
      <c r="JR38" s="70">
        <v>1</v>
      </c>
      <c r="JS38" s="71">
        <v>3</v>
      </c>
      <c r="JT38" s="72">
        <v>4</v>
      </c>
      <c r="JU38" s="244"/>
      <c r="JV38" s="71">
        <v>2</v>
      </c>
      <c r="JW38" s="71">
        <v>8</v>
      </c>
      <c r="JX38" s="71">
        <v>3</v>
      </c>
      <c r="JY38" s="71">
        <v>3</v>
      </c>
      <c r="JZ38" s="71">
        <v>2</v>
      </c>
      <c r="KA38" s="72">
        <v>18</v>
      </c>
      <c r="KB38" s="73">
        <v>22</v>
      </c>
      <c r="KC38" s="70">
        <v>180</v>
      </c>
      <c r="KD38" s="71">
        <v>194</v>
      </c>
      <c r="KE38" s="72">
        <v>374</v>
      </c>
      <c r="KF38" s="244"/>
      <c r="KG38" s="71">
        <v>474</v>
      </c>
      <c r="KH38" s="71">
        <v>301</v>
      </c>
      <c r="KI38" s="71">
        <v>209</v>
      </c>
      <c r="KJ38" s="71">
        <v>207</v>
      </c>
      <c r="KK38" s="71">
        <v>111</v>
      </c>
      <c r="KL38" s="72">
        <v>1302</v>
      </c>
      <c r="KM38" s="73">
        <v>1676</v>
      </c>
    </row>
    <row r="39" spans="2:299" ht="19.5" customHeight="1" x14ac:dyDescent="0.2">
      <c r="B39" s="126" t="s">
        <v>36</v>
      </c>
      <c r="C39" s="316">
        <v>65</v>
      </c>
      <c r="D39" s="82">
        <v>89</v>
      </c>
      <c r="E39" s="83">
        <v>154</v>
      </c>
      <c r="F39" s="241"/>
      <c r="G39" s="82">
        <v>151</v>
      </c>
      <c r="H39" s="82">
        <v>140</v>
      </c>
      <c r="I39" s="82">
        <v>106</v>
      </c>
      <c r="J39" s="82">
        <v>62</v>
      </c>
      <c r="K39" s="82">
        <v>43</v>
      </c>
      <c r="L39" s="84">
        <v>502</v>
      </c>
      <c r="M39" s="85">
        <v>656</v>
      </c>
      <c r="N39" s="70">
        <v>5</v>
      </c>
      <c r="O39" s="71">
        <v>7</v>
      </c>
      <c r="P39" s="72">
        <v>12</v>
      </c>
      <c r="Q39" s="244"/>
      <c r="R39" s="71">
        <v>8</v>
      </c>
      <c r="S39" s="71">
        <v>16</v>
      </c>
      <c r="T39" s="71">
        <v>7</v>
      </c>
      <c r="U39" s="71">
        <v>4</v>
      </c>
      <c r="V39" s="71">
        <v>6</v>
      </c>
      <c r="W39" s="72">
        <v>41</v>
      </c>
      <c r="X39" s="73">
        <v>53</v>
      </c>
      <c r="Y39" s="70">
        <v>9</v>
      </c>
      <c r="Z39" s="71">
        <v>15</v>
      </c>
      <c r="AA39" s="72">
        <v>24</v>
      </c>
      <c r="AB39" s="244"/>
      <c r="AC39" s="71">
        <v>22</v>
      </c>
      <c r="AD39" s="71">
        <v>19</v>
      </c>
      <c r="AE39" s="71">
        <v>12</v>
      </c>
      <c r="AF39" s="71">
        <v>14</v>
      </c>
      <c r="AG39" s="71">
        <v>8</v>
      </c>
      <c r="AH39" s="72">
        <v>75</v>
      </c>
      <c r="AI39" s="73">
        <v>99</v>
      </c>
      <c r="AJ39" s="70">
        <v>12</v>
      </c>
      <c r="AK39" s="71">
        <v>16</v>
      </c>
      <c r="AL39" s="72">
        <v>28</v>
      </c>
      <c r="AM39" s="244"/>
      <c r="AN39" s="71">
        <v>31</v>
      </c>
      <c r="AO39" s="71">
        <v>26</v>
      </c>
      <c r="AP39" s="71">
        <v>20</v>
      </c>
      <c r="AQ39" s="71">
        <v>10</v>
      </c>
      <c r="AR39" s="71">
        <v>6</v>
      </c>
      <c r="AS39" s="72">
        <v>93</v>
      </c>
      <c r="AT39" s="73">
        <v>121</v>
      </c>
      <c r="AU39" s="70">
        <v>21</v>
      </c>
      <c r="AV39" s="71">
        <v>27</v>
      </c>
      <c r="AW39" s="72">
        <v>48</v>
      </c>
      <c r="AX39" s="244"/>
      <c r="AY39" s="71">
        <v>37</v>
      </c>
      <c r="AZ39" s="71">
        <v>37</v>
      </c>
      <c r="BA39" s="71">
        <v>25</v>
      </c>
      <c r="BB39" s="71">
        <v>11</v>
      </c>
      <c r="BC39" s="71">
        <v>11</v>
      </c>
      <c r="BD39" s="72">
        <v>121</v>
      </c>
      <c r="BE39" s="73">
        <v>169</v>
      </c>
      <c r="BF39" s="70">
        <v>13</v>
      </c>
      <c r="BG39" s="71">
        <v>19</v>
      </c>
      <c r="BH39" s="72">
        <v>32</v>
      </c>
      <c r="BI39" s="244"/>
      <c r="BJ39" s="71">
        <v>31</v>
      </c>
      <c r="BK39" s="71">
        <v>26</v>
      </c>
      <c r="BL39" s="71">
        <v>28</v>
      </c>
      <c r="BM39" s="71">
        <v>15</v>
      </c>
      <c r="BN39" s="71">
        <v>5</v>
      </c>
      <c r="BO39" s="72">
        <v>105</v>
      </c>
      <c r="BP39" s="73">
        <v>137</v>
      </c>
      <c r="BQ39" s="70">
        <v>5</v>
      </c>
      <c r="BR39" s="71">
        <v>5</v>
      </c>
      <c r="BS39" s="72">
        <v>10</v>
      </c>
      <c r="BT39" s="244"/>
      <c r="BU39" s="71">
        <v>22</v>
      </c>
      <c r="BV39" s="71">
        <v>16</v>
      </c>
      <c r="BW39" s="71">
        <v>14</v>
      </c>
      <c r="BX39" s="71">
        <v>8</v>
      </c>
      <c r="BY39" s="71">
        <v>7</v>
      </c>
      <c r="BZ39" s="72">
        <v>67</v>
      </c>
      <c r="CA39" s="73">
        <v>77</v>
      </c>
      <c r="CB39" s="70">
        <v>2</v>
      </c>
      <c r="CC39" s="71">
        <v>5</v>
      </c>
      <c r="CD39" s="72">
        <v>7</v>
      </c>
      <c r="CE39" s="244"/>
      <c r="CF39" s="71">
        <v>4</v>
      </c>
      <c r="CG39" s="71">
        <v>6</v>
      </c>
      <c r="CH39" s="71">
        <v>6</v>
      </c>
      <c r="CI39" s="71">
        <v>7</v>
      </c>
      <c r="CJ39" s="71">
        <v>4</v>
      </c>
      <c r="CK39" s="72">
        <v>27</v>
      </c>
      <c r="CL39" s="73">
        <v>34</v>
      </c>
      <c r="CM39" s="70">
        <v>67</v>
      </c>
      <c r="CN39" s="71">
        <v>94</v>
      </c>
      <c r="CO39" s="72">
        <v>161</v>
      </c>
      <c r="CP39" s="244"/>
      <c r="CQ39" s="71">
        <v>155</v>
      </c>
      <c r="CR39" s="71">
        <v>146</v>
      </c>
      <c r="CS39" s="71">
        <v>112</v>
      </c>
      <c r="CT39" s="71">
        <v>69</v>
      </c>
      <c r="CU39" s="71">
        <v>47</v>
      </c>
      <c r="CV39" s="72">
        <v>529</v>
      </c>
      <c r="CW39" s="73">
        <v>690</v>
      </c>
      <c r="CX39" s="123">
        <v>102</v>
      </c>
      <c r="CY39" s="82">
        <v>162</v>
      </c>
      <c r="CZ39" s="83">
        <v>264</v>
      </c>
      <c r="DA39" s="241"/>
      <c r="DB39" s="82">
        <v>265</v>
      </c>
      <c r="DC39" s="82">
        <v>189</v>
      </c>
      <c r="DD39" s="82">
        <v>179</v>
      </c>
      <c r="DE39" s="82">
        <v>180</v>
      </c>
      <c r="DF39" s="82">
        <v>139</v>
      </c>
      <c r="DG39" s="84">
        <v>952</v>
      </c>
      <c r="DH39" s="85">
        <v>1216</v>
      </c>
      <c r="DI39" s="70">
        <v>2</v>
      </c>
      <c r="DJ39" s="71">
        <v>8</v>
      </c>
      <c r="DK39" s="72">
        <v>10</v>
      </c>
      <c r="DL39" s="244"/>
      <c r="DM39" s="71">
        <v>8</v>
      </c>
      <c r="DN39" s="71">
        <v>8</v>
      </c>
      <c r="DO39" s="71">
        <v>6</v>
      </c>
      <c r="DP39" s="71">
        <v>5</v>
      </c>
      <c r="DQ39" s="71">
        <v>4</v>
      </c>
      <c r="DR39" s="72">
        <v>31</v>
      </c>
      <c r="DS39" s="73">
        <v>41</v>
      </c>
      <c r="DT39" s="70">
        <v>10</v>
      </c>
      <c r="DU39" s="71">
        <v>23</v>
      </c>
      <c r="DV39" s="72">
        <v>33</v>
      </c>
      <c r="DW39" s="244"/>
      <c r="DX39" s="71">
        <v>25</v>
      </c>
      <c r="DY39" s="71">
        <v>13</v>
      </c>
      <c r="DZ39" s="71">
        <v>13</v>
      </c>
      <c r="EA39" s="71">
        <v>13</v>
      </c>
      <c r="EB39" s="71">
        <v>9</v>
      </c>
      <c r="EC39" s="72">
        <v>73</v>
      </c>
      <c r="ED39" s="73">
        <v>106</v>
      </c>
      <c r="EE39" s="70">
        <v>19</v>
      </c>
      <c r="EF39" s="71">
        <v>25</v>
      </c>
      <c r="EG39" s="72">
        <v>44</v>
      </c>
      <c r="EH39" s="244"/>
      <c r="EI39" s="71">
        <v>35</v>
      </c>
      <c r="EJ39" s="71">
        <v>19</v>
      </c>
      <c r="EK39" s="71">
        <v>16</v>
      </c>
      <c r="EL39" s="71">
        <v>18</v>
      </c>
      <c r="EM39" s="71">
        <v>22</v>
      </c>
      <c r="EN39" s="72">
        <v>110</v>
      </c>
      <c r="EO39" s="73">
        <v>154</v>
      </c>
      <c r="EP39" s="70">
        <v>35</v>
      </c>
      <c r="EQ39" s="71">
        <v>49</v>
      </c>
      <c r="ER39" s="72">
        <v>84</v>
      </c>
      <c r="ES39" s="244"/>
      <c r="ET39" s="71">
        <v>78</v>
      </c>
      <c r="EU39" s="71">
        <v>43</v>
      </c>
      <c r="EV39" s="71">
        <v>47</v>
      </c>
      <c r="EW39" s="71">
        <v>29</v>
      </c>
      <c r="EX39" s="71">
        <v>33</v>
      </c>
      <c r="EY39" s="72">
        <v>230</v>
      </c>
      <c r="EZ39" s="73">
        <v>314</v>
      </c>
      <c r="FA39" s="70">
        <v>26</v>
      </c>
      <c r="FB39" s="71">
        <v>37</v>
      </c>
      <c r="FC39" s="72">
        <v>63</v>
      </c>
      <c r="FD39" s="244"/>
      <c r="FE39" s="71">
        <v>72</v>
      </c>
      <c r="FF39" s="71">
        <v>55</v>
      </c>
      <c r="FG39" s="71">
        <v>40</v>
      </c>
      <c r="FH39" s="71">
        <v>46</v>
      </c>
      <c r="FI39" s="71">
        <v>25</v>
      </c>
      <c r="FJ39" s="72">
        <v>238</v>
      </c>
      <c r="FK39" s="73">
        <v>301</v>
      </c>
      <c r="FL39" s="70">
        <v>10</v>
      </c>
      <c r="FM39" s="71">
        <v>20</v>
      </c>
      <c r="FN39" s="72">
        <v>30</v>
      </c>
      <c r="FO39" s="244"/>
      <c r="FP39" s="71">
        <v>47</v>
      </c>
      <c r="FQ39" s="71">
        <v>51</v>
      </c>
      <c r="FR39" s="71">
        <v>57</v>
      </c>
      <c r="FS39" s="71">
        <v>69</v>
      </c>
      <c r="FT39" s="71">
        <v>46</v>
      </c>
      <c r="FU39" s="72">
        <v>270</v>
      </c>
      <c r="FV39" s="73">
        <v>300</v>
      </c>
      <c r="FW39" s="70">
        <v>2</v>
      </c>
      <c r="FX39" s="71">
        <v>1</v>
      </c>
      <c r="FY39" s="72">
        <v>3</v>
      </c>
      <c r="FZ39" s="244"/>
      <c r="GA39" s="71">
        <v>2</v>
      </c>
      <c r="GB39" s="71">
        <v>3</v>
      </c>
      <c r="GC39" s="71">
        <v>1</v>
      </c>
      <c r="GD39" s="71">
        <v>3</v>
      </c>
      <c r="GE39" s="71">
        <v>2</v>
      </c>
      <c r="GF39" s="72">
        <v>11</v>
      </c>
      <c r="GG39" s="73">
        <v>14</v>
      </c>
      <c r="GH39" s="70">
        <v>104</v>
      </c>
      <c r="GI39" s="71">
        <v>163</v>
      </c>
      <c r="GJ39" s="72">
        <v>267</v>
      </c>
      <c r="GK39" s="244"/>
      <c r="GL39" s="71">
        <v>267</v>
      </c>
      <c r="GM39" s="71">
        <v>192</v>
      </c>
      <c r="GN39" s="71">
        <v>180</v>
      </c>
      <c r="GO39" s="71">
        <v>183</v>
      </c>
      <c r="GP39" s="71">
        <v>141</v>
      </c>
      <c r="GQ39" s="72">
        <v>963</v>
      </c>
      <c r="GR39" s="73">
        <v>1230</v>
      </c>
      <c r="GS39" s="123">
        <v>167</v>
      </c>
      <c r="GT39" s="82">
        <v>251</v>
      </c>
      <c r="GU39" s="83">
        <v>418</v>
      </c>
      <c r="GV39" s="241"/>
      <c r="GW39" s="82">
        <v>416</v>
      </c>
      <c r="GX39" s="82">
        <v>329</v>
      </c>
      <c r="GY39" s="82">
        <v>285</v>
      </c>
      <c r="GZ39" s="82">
        <v>242</v>
      </c>
      <c r="HA39" s="82">
        <v>182</v>
      </c>
      <c r="HB39" s="84">
        <v>1454</v>
      </c>
      <c r="HC39" s="85">
        <v>1872</v>
      </c>
      <c r="HD39" s="70">
        <v>7</v>
      </c>
      <c r="HE39" s="71">
        <v>15</v>
      </c>
      <c r="HF39" s="72">
        <v>22</v>
      </c>
      <c r="HG39" s="244"/>
      <c r="HH39" s="71">
        <v>16</v>
      </c>
      <c r="HI39" s="71">
        <v>24</v>
      </c>
      <c r="HJ39" s="71">
        <v>13</v>
      </c>
      <c r="HK39" s="71">
        <v>9</v>
      </c>
      <c r="HL39" s="71">
        <v>10</v>
      </c>
      <c r="HM39" s="72">
        <v>72</v>
      </c>
      <c r="HN39" s="73">
        <v>94</v>
      </c>
      <c r="HO39" s="70">
        <v>19</v>
      </c>
      <c r="HP39" s="71">
        <v>38</v>
      </c>
      <c r="HQ39" s="72">
        <v>57</v>
      </c>
      <c r="HR39" s="244"/>
      <c r="HS39" s="71">
        <v>47</v>
      </c>
      <c r="HT39" s="71">
        <v>32</v>
      </c>
      <c r="HU39" s="71">
        <v>25</v>
      </c>
      <c r="HV39" s="71">
        <v>27</v>
      </c>
      <c r="HW39" s="71">
        <v>17</v>
      </c>
      <c r="HX39" s="72">
        <v>148</v>
      </c>
      <c r="HY39" s="73">
        <v>205</v>
      </c>
      <c r="HZ39" s="70">
        <v>31</v>
      </c>
      <c r="IA39" s="71">
        <v>41</v>
      </c>
      <c r="IB39" s="72">
        <v>72</v>
      </c>
      <c r="IC39" s="244"/>
      <c r="ID39" s="71">
        <v>66</v>
      </c>
      <c r="IE39" s="71">
        <v>45</v>
      </c>
      <c r="IF39" s="71">
        <v>36</v>
      </c>
      <c r="IG39" s="71">
        <v>28</v>
      </c>
      <c r="IH39" s="71">
        <v>28</v>
      </c>
      <c r="II39" s="72">
        <v>203</v>
      </c>
      <c r="IJ39" s="73">
        <v>275</v>
      </c>
      <c r="IK39" s="70">
        <v>56</v>
      </c>
      <c r="IL39" s="71">
        <v>76</v>
      </c>
      <c r="IM39" s="72">
        <v>132</v>
      </c>
      <c r="IN39" s="244"/>
      <c r="IO39" s="71">
        <v>115</v>
      </c>
      <c r="IP39" s="71">
        <v>80</v>
      </c>
      <c r="IQ39" s="71">
        <v>72</v>
      </c>
      <c r="IR39" s="71">
        <v>40</v>
      </c>
      <c r="IS39" s="71">
        <v>44</v>
      </c>
      <c r="IT39" s="72">
        <v>351</v>
      </c>
      <c r="IU39" s="73">
        <v>483</v>
      </c>
      <c r="IV39" s="70">
        <v>39</v>
      </c>
      <c r="IW39" s="71">
        <v>56</v>
      </c>
      <c r="IX39" s="72">
        <v>95</v>
      </c>
      <c r="IY39" s="244"/>
      <c r="IZ39" s="71">
        <v>103</v>
      </c>
      <c r="JA39" s="71">
        <v>81</v>
      </c>
      <c r="JB39" s="71">
        <v>68</v>
      </c>
      <c r="JC39" s="71">
        <v>61</v>
      </c>
      <c r="JD39" s="71">
        <v>30</v>
      </c>
      <c r="JE39" s="72">
        <v>343</v>
      </c>
      <c r="JF39" s="73">
        <v>438</v>
      </c>
      <c r="JG39" s="70">
        <v>15</v>
      </c>
      <c r="JH39" s="71">
        <v>25</v>
      </c>
      <c r="JI39" s="72">
        <v>40</v>
      </c>
      <c r="JJ39" s="244">
        <v>0</v>
      </c>
      <c r="JK39" s="71">
        <v>69</v>
      </c>
      <c r="JL39" s="71">
        <v>67</v>
      </c>
      <c r="JM39" s="71">
        <v>71</v>
      </c>
      <c r="JN39" s="71">
        <v>77</v>
      </c>
      <c r="JO39" s="71">
        <v>53</v>
      </c>
      <c r="JP39" s="72">
        <v>337</v>
      </c>
      <c r="JQ39" s="73">
        <v>377</v>
      </c>
      <c r="JR39" s="70">
        <v>4</v>
      </c>
      <c r="JS39" s="71">
        <v>6</v>
      </c>
      <c r="JT39" s="72">
        <v>10</v>
      </c>
      <c r="JU39" s="244"/>
      <c r="JV39" s="71">
        <v>6</v>
      </c>
      <c r="JW39" s="71">
        <v>9</v>
      </c>
      <c r="JX39" s="71">
        <v>7</v>
      </c>
      <c r="JY39" s="71">
        <v>10</v>
      </c>
      <c r="JZ39" s="71">
        <v>6</v>
      </c>
      <c r="KA39" s="72">
        <v>38</v>
      </c>
      <c r="KB39" s="73">
        <v>48</v>
      </c>
      <c r="KC39" s="70">
        <v>171</v>
      </c>
      <c r="KD39" s="71">
        <v>257</v>
      </c>
      <c r="KE39" s="72">
        <v>428</v>
      </c>
      <c r="KF39" s="244"/>
      <c r="KG39" s="71">
        <v>422</v>
      </c>
      <c r="KH39" s="71">
        <v>338</v>
      </c>
      <c r="KI39" s="71">
        <v>292</v>
      </c>
      <c r="KJ39" s="71">
        <v>252</v>
      </c>
      <c r="KK39" s="71">
        <v>188</v>
      </c>
      <c r="KL39" s="72">
        <v>1492</v>
      </c>
      <c r="KM39" s="73">
        <v>1920</v>
      </c>
    </row>
    <row r="40" spans="2:299" ht="19.5" customHeight="1" thickBot="1" x14ac:dyDescent="0.25">
      <c r="B40" s="127" t="s">
        <v>37</v>
      </c>
      <c r="C40" s="317">
        <v>3</v>
      </c>
      <c r="D40" s="87">
        <v>4</v>
      </c>
      <c r="E40" s="88">
        <v>7</v>
      </c>
      <c r="F40" s="242"/>
      <c r="G40" s="87">
        <v>13</v>
      </c>
      <c r="H40" s="87">
        <v>6</v>
      </c>
      <c r="I40" s="87">
        <v>12</v>
      </c>
      <c r="J40" s="87">
        <v>3</v>
      </c>
      <c r="K40" s="87">
        <v>5</v>
      </c>
      <c r="L40" s="89">
        <v>39</v>
      </c>
      <c r="M40" s="90">
        <v>46</v>
      </c>
      <c r="N40" s="74">
        <v>0</v>
      </c>
      <c r="O40" s="75">
        <v>1</v>
      </c>
      <c r="P40" s="76">
        <v>1</v>
      </c>
      <c r="Q40" s="245"/>
      <c r="R40" s="75">
        <v>2</v>
      </c>
      <c r="S40" s="75">
        <v>0</v>
      </c>
      <c r="T40" s="75">
        <v>1</v>
      </c>
      <c r="U40" s="75">
        <v>0</v>
      </c>
      <c r="V40" s="75">
        <v>1</v>
      </c>
      <c r="W40" s="76">
        <v>4</v>
      </c>
      <c r="X40" s="77">
        <v>5</v>
      </c>
      <c r="Y40" s="74">
        <v>1</v>
      </c>
      <c r="Z40" s="75">
        <v>1</v>
      </c>
      <c r="AA40" s="76">
        <v>2</v>
      </c>
      <c r="AB40" s="245"/>
      <c r="AC40" s="75">
        <v>0</v>
      </c>
      <c r="AD40" s="75">
        <v>0</v>
      </c>
      <c r="AE40" s="75">
        <v>3</v>
      </c>
      <c r="AF40" s="75">
        <v>0</v>
      </c>
      <c r="AG40" s="75">
        <v>0</v>
      </c>
      <c r="AH40" s="76">
        <v>3</v>
      </c>
      <c r="AI40" s="77">
        <v>5</v>
      </c>
      <c r="AJ40" s="74">
        <v>0</v>
      </c>
      <c r="AK40" s="75">
        <v>0</v>
      </c>
      <c r="AL40" s="76">
        <v>0</v>
      </c>
      <c r="AM40" s="245"/>
      <c r="AN40" s="75">
        <v>2</v>
      </c>
      <c r="AO40" s="75">
        <v>1</v>
      </c>
      <c r="AP40" s="75">
        <v>2</v>
      </c>
      <c r="AQ40" s="75">
        <v>1</v>
      </c>
      <c r="AR40" s="75">
        <v>0</v>
      </c>
      <c r="AS40" s="76">
        <v>6</v>
      </c>
      <c r="AT40" s="77">
        <v>6</v>
      </c>
      <c r="AU40" s="74">
        <v>2</v>
      </c>
      <c r="AV40" s="75">
        <v>1</v>
      </c>
      <c r="AW40" s="76">
        <v>3</v>
      </c>
      <c r="AX40" s="245"/>
      <c r="AY40" s="75">
        <v>4</v>
      </c>
      <c r="AZ40" s="75">
        <v>2</v>
      </c>
      <c r="BA40" s="75">
        <v>1</v>
      </c>
      <c r="BB40" s="75">
        <v>1</v>
      </c>
      <c r="BC40" s="75">
        <v>2</v>
      </c>
      <c r="BD40" s="76">
        <v>10</v>
      </c>
      <c r="BE40" s="77">
        <v>13</v>
      </c>
      <c r="BF40" s="74">
        <v>0</v>
      </c>
      <c r="BG40" s="75">
        <v>1</v>
      </c>
      <c r="BH40" s="76">
        <v>1</v>
      </c>
      <c r="BI40" s="245"/>
      <c r="BJ40" s="75">
        <v>1</v>
      </c>
      <c r="BK40" s="75">
        <v>2</v>
      </c>
      <c r="BL40" s="75">
        <v>4</v>
      </c>
      <c r="BM40" s="75">
        <v>0</v>
      </c>
      <c r="BN40" s="75">
        <v>1</v>
      </c>
      <c r="BO40" s="76">
        <v>8</v>
      </c>
      <c r="BP40" s="77">
        <v>9</v>
      </c>
      <c r="BQ40" s="74">
        <v>0</v>
      </c>
      <c r="BR40" s="75">
        <v>0</v>
      </c>
      <c r="BS40" s="76">
        <v>0</v>
      </c>
      <c r="BT40" s="245"/>
      <c r="BU40" s="75">
        <v>4</v>
      </c>
      <c r="BV40" s="75">
        <v>1</v>
      </c>
      <c r="BW40" s="75">
        <v>1</v>
      </c>
      <c r="BX40" s="75">
        <v>1</v>
      </c>
      <c r="BY40" s="75">
        <v>1</v>
      </c>
      <c r="BZ40" s="76">
        <v>8</v>
      </c>
      <c r="CA40" s="77">
        <v>8</v>
      </c>
      <c r="CB40" s="74">
        <v>0</v>
      </c>
      <c r="CC40" s="75">
        <v>0</v>
      </c>
      <c r="CD40" s="76">
        <v>0</v>
      </c>
      <c r="CE40" s="245"/>
      <c r="CF40" s="75">
        <v>1</v>
      </c>
      <c r="CG40" s="75">
        <v>0</v>
      </c>
      <c r="CH40" s="75">
        <v>0</v>
      </c>
      <c r="CI40" s="75">
        <v>1</v>
      </c>
      <c r="CJ40" s="75">
        <v>0</v>
      </c>
      <c r="CK40" s="76">
        <v>2</v>
      </c>
      <c r="CL40" s="77">
        <v>2</v>
      </c>
      <c r="CM40" s="74">
        <v>3</v>
      </c>
      <c r="CN40" s="75">
        <v>4</v>
      </c>
      <c r="CO40" s="76">
        <v>7</v>
      </c>
      <c r="CP40" s="245"/>
      <c r="CQ40" s="75">
        <v>14</v>
      </c>
      <c r="CR40" s="75">
        <v>6</v>
      </c>
      <c r="CS40" s="75">
        <v>12</v>
      </c>
      <c r="CT40" s="75">
        <v>4</v>
      </c>
      <c r="CU40" s="75">
        <v>5</v>
      </c>
      <c r="CV40" s="76">
        <v>41</v>
      </c>
      <c r="CW40" s="77">
        <v>48</v>
      </c>
      <c r="CX40" s="124">
        <v>10</v>
      </c>
      <c r="CY40" s="87">
        <v>4</v>
      </c>
      <c r="CZ40" s="88">
        <v>14</v>
      </c>
      <c r="DA40" s="242"/>
      <c r="DB40" s="87">
        <v>28</v>
      </c>
      <c r="DC40" s="87">
        <v>14</v>
      </c>
      <c r="DD40" s="87">
        <v>25</v>
      </c>
      <c r="DE40" s="87">
        <v>14</v>
      </c>
      <c r="DF40" s="87">
        <v>9</v>
      </c>
      <c r="DG40" s="89">
        <v>90</v>
      </c>
      <c r="DH40" s="90">
        <v>104</v>
      </c>
      <c r="DI40" s="74">
        <v>0</v>
      </c>
      <c r="DJ40" s="75">
        <v>0</v>
      </c>
      <c r="DK40" s="76">
        <v>0</v>
      </c>
      <c r="DL40" s="245"/>
      <c r="DM40" s="75">
        <v>0</v>
      </c>
      <c r="DN40" s="75">
        <v>0</v>
      </c>
      <c r="DO40" s="75">
        <v>1</v>
      </c>
      <c r="DP40" s="75">
        <v>0</v>
      </c>
      <c r="DQ40" s="75">
        <v>2</v>
      </c>
      <c r="DR40" s="76">
        <v>3</v>
      </c>
      <c r="DS40" s="77">
        <v>3</v>
      </c>
      <c r="DT40" s="74">
        <v>1</v>
      </c>
      <c r="DU40" s="75">
        <v>0</v>
      </c>
      <c r="DV40" s="76">
        <v>1</v>
      </c>
      <c r="DW40" s="245"/>
      <c r="DX40" s="75">
        <v>1</v>
      </c>
      <c r="DY40" s="75">
        <v>2</v>
      </c>
      <c r="DZ40" s="75">
        <v>0</v>
      </c>
      <c r="EA40" s="75">
        <v>1</v>
      </c>
      <c r="EB40" s="75">
        <v>0</v>
      </c>
      <c r="EC40" s="76">
        <v>4</v>
      </c>
      <c r="ED40" s="77">
        <v>5</v>
      </c>
      <c r="EE40" s="74">
        <v>2</v>
      </c>
      <c r="EF40" s="75">
        <v>0</v>
      </c>
      <c r="EG40" s="76">
        <v>2</v>
      </c>
      <c r="EH40" s="245"/>
      <c r="EI40" s="75">
        <v>3</v>
      </c>
      <c r="EJ40" s="75">
        <v>3</v>
      </c>
      <c r="EK40" s="75">
        <v>3</v>
      </c>
      <c r="EL40" s="75">
        <v>3</v>
      </c>
      <c r="EM40" s="75">
        <v>1</v>
      </c>
      <c r="EN40" s="76">
        <v>13</v>
      </c>
      <c r="EO40" s="77">
        <v>15</v>
      </c>
      <c r="EP40" s="74">
        <v>3</v>
      </c>
      <c r="EQ40" s="75">
        <v>1</v>
      </c>
      <c r="ER40" s="76">
        <v>4</v>
      </c>
      <c r="ES40" s="245"/>
      <c r="ET40" s="75">
        <v>8</v>
      </c>
      <c r="EU40" s="75">
        <v>3</v>
      </c>
      <c r="EV40" s="75">
        <v>6</v>
      </c>
      <c r="EW40" s="75">
        <v>0</v>
      </c>
      <c r="EX40" s="75">
        <v>1</v>
      </c>
      <c r="EY40" s="76">
        <v>18</v>
      </c>
      <c r="EZ40" s="77">
        <v>22</v>
      </c>
      <c r="FA40" s="74">
        <v>3</v>
      </c>
      <c r="FB40" s="75">
        <v>2</v>
      </c>
      <c r="FC40" s="76">
        <v>5</v>
      </c>
      <c r="FD40" s="245"/>
      <c r="FE40" s="75">
        <v>11</v>
      </c>
      <c r="FF40" s="75">
        <v>2</v>
      </c>
      <c r="FG40" s="75">
        <v>7</v>
      </c>
      <c r="FH40" s="75">
        <v>3</v>
      </c>
      <c r="FI40" s="75">
        <v>1</v>
      </c>
      <c r="FJ40" s="76">
        <v>24</v>
      </c>
      <c r="FK40" s="77">
        <v>29</v>
      </c>
      <c r="FL40" s="74">
        <v>1</v>
      </c>
      <c r="FM40" s="75">
        <v>1</v>
      </c>
      <c r="FN40" s="76">
        <v>2</v>
      </c>
      <c r="FO40" s="245"/>
      <c r="FP40" s="75">
        <v>5</v>
      </c>
      <c r="FQ40" s="75">
        <v>4</v>
      </c>
      <c r="FR40" s="75">
        <v>8</v>
      </c>
      <c r="FS40" s="75">
        <v>7</v>
      </c>
      <c r="FT40" s="75">
        <v>4</v>
      </c>
      <c r="FU40" s="76">
        <v>28</v>
      </c>
      <c r="FV40" s="77">
        <v>30</v>
      </c>
      <c r="FW40" s="74">
        <v>0</v>
      </c>
      <c r="FX40" s="75">
        <v>0</v>
      </c>
      <c r="FY40" s="76">
        <v>0</v>
      </c>
      <c r="FZ40" s="245"/>
      <c r="GA40" s="75">
        <v>0</v>
      </c>
      <c r="GB40" s="75">
        <v>1</v>
      </c>
      <c r="GC40" s="75">
        <v>2</v>
      </c>
      <c r="GD40" s="75">
        <v>0</v>
      </c>
      <c r="GE40" s="75">
        <v>0</v>
      </c>
      <c r="GF40" s="76">
        <v>3</v>
      </c>
      <c r="GG40" s="77">
        <v>3</v>
      </c>
      <c r="GH40" s="74">
        <v>10</v>
      </c>
      <c r="GI40" s="75">
        <v>4</v>
      </c>
      <c r="GJ40" s="76">
        <v>14</v>
      </c>
      <c r="GK40" s="245"/>
      <c r="GL40" s="75">
        <v>28</v>
      </c>
      <c r="GM40" s="75">
        <v>15</v>
      </c>
      <c r="GN40" s="75">
        <v>27</v>
      </c>
      <c r="GO40" s="75">
        <v>14</v>
      </c>
      <c r="GP40" s="75">
        <v>9</v>
      </c>
      <c r="GQ40" s="76">
        <v>93</v>
      </c>
      <c r="GR40" s="77">
        <v>107</v>
      </c>
      <c r="GS40" s="124">
        <v>13</v>
      </c>
      <c r="GT40" s="87">
        <v>8</v>
      </c>
      <c r="GU40" s="88">
        <v>21</v>
      </c>
      <c r="GV40" s="242"/>
      <c r="GW40" s="87">
        <v>41</v>
      </c>
      <c r="GX40" s="87">
        <v>20</v>
      </c>
      <c r="GY40" s="87">
        <v>37</v>
      </c>
      <c r="GZ40" s="87">
        <v>17</v>
      </c>
      <c r="HA40" s="87">
        <v>14</v>
      </c>
      <c r="HB40" s="89">
        <v>129</v>
      </c>
      <c r="HC40" s="90">
        <v>150</v>
      </c>
      <c r="HD40" s="74">
        <v>0</v>
      </c>
      <c r="HE40" s="75">
        <v>1</v>
      </c>
      <c r="HF40" s="76">
        <v>1</v>
      </c>
      <c r="HG40" s="245"/>
      <c r="HH40" s="75">
        <v>2</v>
      </c>
      <c r="HI40" s="75">
        <v>0</v>
      </c>
      <c r="HJ40" s="75">
        <v>2</v>
      </c>
      <c r="HK40" s="75">
        <v>0</v>
      </c>
      <c r="HL40" s="75">
        <v>3</v>
      </c>
      <c r="HM40" s="76">
        <v>7</v>
      </c>
      <c r="HN40" s="77">
        <v>8</v>
      </c>
      <c r="HO40" s="74">
        <v>2</v>
      </c>
      <c r="HP40" s="75">
        <v>1</v>
      </c>
      <c r="HQ40" s="76">
        <v>3</v>
      </c>
      <c r="HR40" s="245"/>
      <c r="HS40" s="75">
        <v>1</v>
      </c>
      <c r="HT40" s="75">
        <v>2</v>
      </c>
      <c r="HU40" s="75">
        <v>3</v>
      </c>
      <c r="HV40" s="75">
        <v>1</v>
      </c>
      <c r="HW40" s="75">
        <v>0</v>
      </c>
      <c r="HX40" s="76">
        <v>7</v>
      </c>
      <c r="HY40" s="77">
        <v>10</v>
      </c>
      <c r="HZ40" s="74">
        <v>2</v>
      </c>
      <c r="IA40" s="75">
        <v>0</v>
      </c>
      <c r="IB40" s="76">
        <v>2</v>
      </c>
      <c r="IC40" s="245"/>
      <c r="ID40" s="75">
        <v>5</v>
      </c>
      <c r="IE40" s="75">
        <v>4</v>
      </c>
      <c r="IF40" s="75">
        <v>5</v>
      </c>
      <c r="IG40" s="75">
        <v>4</v>
      </c>
      <c r="IH40" s="75">
        <v>1</v>
      </c>
      <c r="II40" s="76">
        <v>19</v>
      </c>
      <c r="IJ40" s="77">
        <v>21</v>
      </c>
      <c r="IK40" s="74">
        <v>5</v>
      </c>
      <c r="IL40" s="75">
        <v>2</v>
      </c>
      <c r="IM40" s="76">
        <v>7</v>
      </c>
      <c r="IN40" s="245"/>
      <c r="IO40" s="75">
        <v>12</v>
      </c>
      <c r="IP40" s="75">
        <v>5</v>
      </c>
      <c r="IQ40" s="75">
        <v>7</v>
      </c>
      <c r="IR40" s="75">
        <v>1</v>
      </c>
      <c r="IS40" s="75">
        <v>3</v>
      </c>
      <c r="IT40" s="76">
        <v>28</v>
      </c>
      <c r="IU40" s="77">
        <v>35</v>
      </c>
      <c r="IV40" s="74">
        <v>3</v>
      </c>
      <c r="IW40" s="75">
        <v>3</v>
      </c>
      <c r="IX40" s="76">
        <v>6</v>
      </c>
      <c r="IY40" s="245"/>
      <c r="IZ40" s="75">
        <v>12</v>
      </c>
      <c r="JA40" s="75">
        <v>4</v>
      </c>
      <c r="JB40" s="75">
        <v>11</v>
      </c>
      <c r="JC40" s="75">
        <v>3</v>
      </c>
      <c r="JD40" s="75">
        <v>2</v>
      </c>
      <c r="JE40" s="76">
        <v>32</v>
      </c>
      <c r="JF40" s="77">
        <v>38</v>
      </c>
      <c r="JG40" s="74">
        <v>1</v>
      </c>
      <c r="JH40" s="75">
        <v>1</v>
      </c>
      <c r="JI40" s="76">
        <v>2</v>
      </c>
      <c r="JJ40" s="245">
        <v>0</v>
      </c>
      <c r="JK40" s="75">
        <v>9</v>
      </c>
      <c r="JL40" s="75">
        <v>5</v>
      </c>
      <c r="JM40" s="75">
        <v>9</v>
      </c>
      <c r="JN40" s="75">
        <v>8</v>
      </c>
      <c r="JO40" s="75">
        <v>5</v>
      </c>
      <c r="JP40" s="76">
        <v>36</v>
      </c>
      <c r="JQ40" s="77">
        <v>38</v>
      </c>
      <c r="JR40" s="74">
        <v>0</v>
      </c>
      <c r="JS40" s="75">
        <v>0</v>
      </c>
      <c r="JT40" s="76">
        <v>0</v>
      </c>
      <c r="JU40" s="245"/>
      <c r="JV40" s="75">
        <v>1</v>
      </c>
      <c r="JW40" s="75">
        <v>1</v>
      </c>
      <c r="JX40" s="75">
        <v>2</v>
      </c>
      <c r="JY40" s="75">
        <v>1</v>
      </c>
      <c r="JZ40" s="75">
        <v>0</v>
      </c>
      <c r="KA40" s="76">
        <v>5</v>
      </c>
      <c r="KB40" s="77">
        <v>5</v>
      </c>
      <c r="KC40" s="74">
        <v>13</v>
      </c>
      <c r="KD40" s="75">
        <v>8</v>
      </c>
      <c r="KE40" s="76">
        <v>21</v>
      </c>
      <c r="KF40" s="245"/>
      <c r="KG40" s="75">
        <v>42</v>
      </c>
      <c r="KH40" s="75">
        <v>21</v>
      </c>
      <c r="KI40" s="75">
        <v>39</v>
      </c>
      <c r="KJ40" s="75">
        <v>18</v>
      </c>
      <c r="KK40" s="75">
        <v>14</v>
      </c>
      <c r="KL40" s="76">
        <v>134</v>
      </c>
      <c r="KM40" s="77">
        <v>155</v>
      </c>
    </row>
    <row r="41" spans="2:299" ht="32.25" customHeight="1" x14ac:dyDescent="0.2">
      <c r="C41" s="311" t="s">
        <v>126</v>
      </c>
    </row>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E1" s="368">
        <f>第１表!F2</f>
        <v>4</v>
      </c>
      <c r="F1" s="251">
        <f>第１表!G2</f>
        <v>7</v>
      </c>
      <c r="G1" s="555">
        <f>IF(F1&lt;3,F1-2+12,F1-2)</f>
        <v>5</v>
      </c>
      <c r="H1" s="555"/>
    </row>
    <row r="2" spans="2:43" ht="24" customHeight="1" thickBot="1" x14ac:dyDescent="0.25">
      <c r="B2" s="20" t="s">
        <v>158</v>
      </c>
      <c r="F2" s="20" t="s">
        <v>140</v>
      </c>
    </row>
    <row r="3" spans="2:43" ht="24.75" customHeight="1" x14ac:dyDescent="0.2">
      <c r="B3" s="601"/>
      <c r="C3" s="591" t="s">
        <v>57</v>
      </c>
      <c r="D3" s="592"/>
      <c r="E3" s="592"/>
      <c r="F3" s="592"/>
      <c r="G3" s="592"/>
      <c r="H3" s="592"/>
      <c r="I3" s="592"/>
      <c r="J3" s="592"/>
      <c r="K3" s="592"/>
      <c r="L3" s="592"/>
      <c r="M3" s="591" t="s">
        <v>58</v>
      </c>
      <c r="N3" s="604"/>
      <c r="O3" s="604"/>
      <c r="P3" s="604"/>
      <c r="Q3" s="604"/>
      <c r="R3" s="604"/>
      <c r="S3" s="604"/>
      <c r="T3" s="604"/>
      <c r="U3" s="604"/>
      <c r="V3" s="604"/>
      <c r="W3" s="591" t="s">
        <v>59</v>
      </c>
      <c r="X3" s="592"/>
      <c r="Y3" s="592"/>
      <c r="Z3" s="592"/>
      <c r="AA3" s="592"/>
      <c r="AB3" s="592"/>
      <c r="AC3" s="592"/>
      <c r="AD3" s="592"/>
      <c r="AE3" s="592"/>
      <c r="AF3" s="592"/>
      <c r="AG3" s="600" t="s">
        <v>151</v>
      </c>
      <c r="AH3" s="592"/>
      <c r="AI3" s="592"/>
      <c r="AJ3" s="592"/>
      <c r="AK3" s="592"/>
      <c r="AL3" s="592"/>
      <c r="AM3" s="592"/>
      <c r="AN3" s="592"/>
      <c r="AO3" s="592"/>
      <c r="AP3" s="593"/>
    </row>
    <row r="4" spans="2:43" ht="24.75" customHeight="1" x14ac:dyDescent="0.2">
      <c r="B4" s="603"/>
      <c r="C4" s="573" t="s">
        <v>61</v>
      </c>
      <c r="D4" s="574"/>
      <c r="E4" s="575"/>
      <c r="F4" s="576" t="s">
        <v>62</v>
      </c>
      <c r="G4" s="577"/>
      <c r="H4" s="577"/>
      <c r="I4" s="577"/>
      <c r="J4" s="577"/>
      <c r="K4" s="578"/>
      <c r="L4" s="588" t="s">
        <v>52</v>
      </c>
      <c r="M4" s="573" t="s">
        <v>61</v>
      </c>
      <c r="N4" s="574"/>
      <c r="O4" s="575"/>
      <c r="P4" s="576" t="s">
        <v>62</v>
      </c>
      <c r="Q4" s="577"/>
      <c r="R4" s="577"/>
      <c r="S4" s="577"/>
      <c r="T4" s="577"/>
      <c r="U4" s="578"/>
      <c r="V4" s="579" t="s">
        <v>52</v>
      </c>
      <c r="W4" s="573" t="s">
        <v>61</v>
      </c>
      <c r="X4" s="574"/>
      <c r="Y4" s="575"/>
      <c r="Z4" s="576" t="s">
        <v>62</v>
      </c>
      <c r="AA4" s="577"/>
      <c r="AB4" s="577"/>
      <c r="AC4" s="577"/>
      <c r="AD4" s="577"/>
      <c r="AE4" s="578"/>
      <c r="AF4" s="588" t="s">
        <v>52</v>
      </c>
      <c r="AG4" s="573" t="s">
        <v>61</v>
      </c>
      <c r="AH4" s="574"/>
      <c r="AI4" s="575"/>
      <c r="AJ4" s="576" t="s">
        <v>62</v>
      </c>
      <c r="AK4" s="577"/>
      <c r="AL4" s="577"/>
      <c r="AM4" s="577"/>
      <c r="AN4" s="577"/>
      <c r="AO4" s="578"/>
      <c r="AP4" s="579" t="s">
        <v>52</v>
      </c>
    </row>
    <row r="5" spans="2:43" ht="24.75" customHeight="1" thickBot="1" x14ac:dyDescent="0.25">
      <c r="B5" s="363" t="s">
        <v>42</v>
      </c>
      <c r="C5" s="31" t="s">
        <v>43</v>
      </c>
      <c r="D5" s="32" t="s">
        <v>44</v>
      </c>
      <c r="E5" s="32" t="s">
        <v>45</v>
      </c>
      <c r="F5" s="33" t="s">
        <v>47</v>
      </c>
      <c r="G5" s="34" t="s">
        <v>48</v>
      </c>
      <c r="H5" s="34" t="s">
        <v>49</v>
      </c>
      <c r="I5" s="35" t="s">
        <v>50</v>
      </c>
      <c r="J5" s="32" t="s">
        <v>51</v>
      </c>
      <c r="K5" s="36" t="s">
        <v>95</v>
      </c>
      <c r="L5" s="589"/>
      <c r="M5" s="31" t="s">
        <v>43</v>
      </c>
      <c r="N5" s="32" t="s">
        <v>44</v>
      </c>
      <c r="O5" s="36" t="s">
        <v>45</v>
      </c>
      <c r="P5" s="15" t="s">
        <v>47</v>
      </c>
      <c r="Q5" s="34" t="s">
        <v>48</v>
      </c>
      <c r="R5" s="34" t="s">
        <v>49</v>
      </c>
      <c r="S5" s="35" t="s">
        <v>50</v>
      </c>
      <c r="T5" s="32" t="s">
        <v>51</v>
      </c>
      <c r="U5" s="36" t="s">
        <v>45</v>
      </c>
      <c r="V5" s="580"/>
      <c r="W5" s="31" t="s">
        <v>43</v>
      </c>
      <c r="X5" s="32" t="s">
        <v>44</v>
      </c>
      <c r="Y5" s="32" t="s">
        <v>45</v>
      </c>
      <c r="Z5" s="33" t="s">
        <v>47</v>
      </c>
      <c r="AA5" s="34" t="s">
        <v>48</v>
      </c>
      <c r="AB5" s="34" t="s">
        <v>49</v>
      </c>
      <c r="AC5" s="35" t="s">
        <v>50</v>
      </c>
      <c r="AD5" s="32" t="s">
        <v>51</v>
      </c>
      <c r="AE5" s="36" t="s">
        <v>45</v>
      </c>
      <c r="AF5" s="589"/>
      <c r="AG5" s="31" t="s">
        <v>43</v>
      </c>
      <c r="AH5" s="32" t="s">
        <v>44</v>
      </c>
      <c r="AI5" s="32" t="s">
        <v>45</v>
      </c>
      <c r="AJ5" s="33" t="s">
        <v>47</v>
      </c>
      <c r="AK5" s="34" t="s">
        <v>48</v>
      </c>
      <c r="AL5" s="34" t="s">
        <v>49</v>
      </c>
      <c r="AM5" s="35" t="s">
        <v>50</v>
      </c>
      <c r="AN5" s="32" t="s">
        <v>51</v>
      </c>
      <c r="AO5" s="36" t="s">
        <v>45</v>
      </c>
      <c r="AP5" s="580"/>
    </row>
    <row r="6" spans="2:43" ht="20.25" customHeight="1" x14ac:dyDescent="0.2">
      <c r="B6" s="362" t="s">
        <v>4</v>
      </c>
      <c r="C6" s="185">
        <v>0</v>
      </c>
      <c r="D6" s="186">
        <v>0</v>
      </c>
      <c r="E6" s="186">
        <v>0</v>
      </c>
      <c r="F6" s="187">
        <v>10</v>
      </c>
      <c r="G6" s="188">
        <v>54</v>
      </c>
      <c r="H6" s="188">
        <v>450</v>
      </c>
      <c r="I6" s="188">
        <v>649</v>
      </c>
      <c r="J6" s="186">
        <v>390</v>
      </c>
      <c r="K6" s="189">
        <v>1553</v>
      </c>
      <c r="L6" s="190">
        <v>1553</v>
      </c>
      <c r="M6" s="185">
        <v>0</v>
      </c>
      <c r="N6" s="186">
        <v>0</v>
      </c>
      <c r="O6" s="189">
        <v>0</v>
      </c>
      <c r="P6" s="192">
        <v>97</v>
      </c>
      <c r="Q6" s="188">
        <v>185</v>
      </c>
      <c r="R6" s="188">
        <v>285</v>
      </c>
      <c r="S6" s="188">
        <v>335</v>
      </c>
      <c r="T6" s="186">
        <v>167</v>
      </c>
      <c r="U6" s="189">
        <v>1069</v>
      </c>
      <c r="V6" s="193">
        <v>1069</v>
      </c>
      <c r="W6" s="192">
        <v>0</v>
      </c>
      <c r="X6" s="186">
        <v>0</v>
      </c>
      <c r="Y6" s="186">
        <v>0</v>
      </c>
      <c r="Z6" s="187">
        <v>1</v>
      </c>
      <c r="AA6" s="188">
        <v>0</v>
      </c>
      <c r="AB6" s="188">
        <v>2</v>
      </c>
      <c r="AC6" s="188">
        <v>17</v>
      </c>
      <c r="AD6" s="186">
        <v>13</v>
      </c>
      <c r="AE6" s="189">
        <v>33</v>
      </c>
      <c r="AF6" s="190">
        <v>33</v>
      </c>
      <c r="AG6" s="185">
        <v>0</v>
      </c>
      <c r="AH6" s="186">
        <v>0</v>
      </c>
      <c r="AI6" s="186">
        <v>0</v>
      </c>
      <c r="AJ6" s="187">
        <v>0</v>
      </c>
      <c r="AK6" s="188">
        <v>1</v>
      </c>
      <c r="AL6" s="188">
        <v>2</v>
      </c>
      <c r="AM6" s="188">
        <v>19</v>
      </c>
      <c r="AN6" s="186">
        <v>27</v>
      </c>
      <c r="AO6" s="189">
        <v>49</v>
      </c>
      <c r="AP6" s="191">
        <v>49</v>
      </c>
      <c r="AQ6" s="37"/>
    </row>
    <row r="7" spans="2:43" ht="20.25" customHeight="1" x14ac:dyDescent="0.2">
      <c r="B7" s="62" t="s">
        <v>5</v>
      </c>
      <c r="C7" s="194">
        <v>0</v>
      </c>
      <c r="D7" s="195">
        <v>0</v>
      </c>
      <c r="E7" s="195">
        <v>0</v>
      </c>
      <c r="F7" s="196">
        <v>3</v>
      </c>
      <c r="G7" s="197">
        <v>33</v>
      </c>
      <c r="H7" s="197">
        <v>236</v>
      </c>
      <c r="I7" s="197">
        <v>282</v>
      </c>
      <c r="J7" s="195">
        <v>188</v>
      </c>
      <c r="K7" s="198">
        <v>742</v>
      </c>
      <c r="L7" s="199">
        <v>742</v>
      </c>
      <c r="M7" s="194">
        <v>0</v>
      </c>
      <c r="N7" s="195">
        <v>0</v>
      </c>
      <c r="O7" s="198">
        <v>0</v>
      </c>
      <c r="P7" s="201">
        <v>41</v>
      </c>
      <c r="Q7" s="197">
        <v>103</v>
      </c>
      <c r="R7" s="197">
        <v>135</v>
      </c>
      <c r="S7" s="197">
        <v>165</v>
      </c>
      <c r="T7" s="195">
        <v>91</v>
      </c>
      <c r="U7" s="198">
        <v>535</v>
      </c>
      <c r="V7" s="202">
        <v>535</v>
      </c>
      <c r="W7" s="201">
        <v>0</v>
      </c>
      <c r="X7" s="195">
        <v>0</v>
      </c>
      <c r="Y7" s="195">
        <v>0</v>
      </c>
      <c r="Z7" s="196">
        <v>0</v>
      </c>
      <c r="AA7" s="197">
        <v>0</v>
      </c>
      <c r="AB7" s="197">
        <v>0</v>
      </c>
      <c r="AC7" s="197">
        <v>4</v>
      </c>
      <c r="AD7" s="195">
        <v>5</v>
      </c>
      <c r="AE7" s="198">
        <v>9</v>
      </c>
      <c r="AF7" s="199">
        <v>9</v>
      </c>
      <c r="AG7" s="194">
        <v>0</v>
      </c>
      <c r="AH7" s="195">
        <v>0</v>
      </c>
      <c r="AI7" s="195">
        <v>0</v>
      </c>
      <c r="AJ7" s="196">
        <v>0</v>
      </c>
      <c r="AK7" s="197">
        <v>0</v>
      </c>
      <c r="AL7" s="197">
        <v>0</v>
      </c>
      <c r="AM7" s="197">
        <v>6</v>
      </c>
      <c r="AN7" s="195">
        <v>9</v>
      </c>
      <c r="AO7" s="198">
        <v>15</v>
      </c>
      <c r="AP7" s="200">
        <v>15</v>
      </c>
      <c r="AQ7" s="37"/>
    </row>
    <row r="8" spans="2:43" ht="20.25" customHeight="1" x14ac:dyDescent="0.2">
      <c r="B8" s="62" t="s">
        <v>6</v>
      </c>
      <c r="C8" s="194">
        <v>0</v>
      </c>
      <c r="D8" s="195">
        <v>0</v>
      </c>
      <c r="E8" s="195">
        <v>0</v>
      </c>
      <c r="F8" s="196">
        <v>1</v>
      </c>
      <c r="G8" s="197">
        <v>6</v>
      </c>
      <c r="H8" s="197">
        <v>44</v>
      </c>
      <c r="I8" s="197">
        <v>57</v>
      </c>
      <c r="J8" s="195">
        <v>43</v>
      </c>
      <c r="K8" s="198">
        <v>151</v>
      </c>
      <c r="L8" s="199">
        <v>151</v>
      </c>
      <c r="M8" s="194">
        <v>0</v>
      </c>
      <c r="N8" s="195">
        <v>0</v>
      </c>
      <c r="O8" s="198">
        <v>0</v>
      </c>
      <c r="P8" s="201">
        <v>12</v>
      </c>
      <c r="Q8" s="197">
        <v>22</v>
      </c>
      <c r="R8" s="197">
        <v>29</v>
      </c>
      <c r="S8" s="197">
        <v>41</v>
      </c>
      <c r="T8" s="195">
        <v>19</v>
      </c>
      <c r="U8" s="198">
        <v>123</v>
      </c>
      <c r="V8" s="202">
        <v>123</v>
      </c>
      <c r="W8" s="201">
        <v>0</v>
      </c>
      <c r="X8" s="195">
        <v>0</v>
      </c>
      <c r="Y8" s="195">
        <v>0</v>
      </c>
      <c r="Z8" s="196">
        <v>1</v>
      </c>
      <c r="AA8" s="197">
        <v>0</v>
      </c>
      <c r="AB8" s="197">
        <v>2</v>
      </c>
      <c r="AC8" s="197">
        <v>9</v>
      </c>
      <c r="AD8" s="195">
        <v>6</v>
      </c>
      <c r="AE8" s="198">
        <v>18</v>
      </c>
      <c r="AF8" s="199">
        <v>18</v>
      </c>
      <c r="AG8" s="194">
        <v>0</v>
      </c>
      <c r="AH8" s="195">
        <v>0</v>
      </c>
      <c r="AI8" s="195">
        <v>0</v>
      </c>
      <c r="AJ8" s="196">
        <v>0</v>
      </c>
      <c r="AK8" s="197">
        <v>0</v>
      </c>
      <c r="AL8" s="197">
        <v>0</v>
      </c>
      <c r="AM8" s="197">
        <v>2</v>
      </c>
      <c r="AN8" s="195">
        <v>7</v>
      </c>
      <c r="AO8" s="198">
        <v>9</v>
      </c>
      <c r="AP8" s="200">
        <v>9</v>
      </c>
      <c r="AQ8" s="37"/>
    </row>
    <row r="9" spans="2:43" ht="20.25" customHeight="1" x14ac:dyDescent="0.2">
      <c r="B9" s="62" t="s">
        <v>14</v>
      </c>
      <c r="C9" s="194">
        <v>0</v>
      </c>
      <c r="D9" s="195">
        <v>0</v>
      </c>
      <c r="E9" s="195">
        <v>0</v>
      </c>
      <c r="F9" s="196">
        <v>1</v>
      </c>
      <c r="G9" s="197">
        <v>1</v>
      </c>
      <c r="H9" s="197">
        <v>27</v>
      </c>
      <c r="I9" s="197">
        <v>51</v>
      </c>
      <c r="J9" s="195">
        <v>30</v>
      </c>
      <c r="K9" s="198">
        <v>110</v>
      </c>
      <c r="L9" s="199">
        <v>110</v>
      </c>
      <c r="M9" s="194">
        <v>0</v>
      </c>
      <c r="N9" s="195">
        <v>0</v>
      </c>
      <c r="O9" s="198">
        <v>0</v>
      </c>
      <c r="P9" s="201">
        <v>2</v>
      </c>
      <c r="Q9" s="197">
        <v>7</v>
      </c>
      <c r="R9" s="197">
        <v>15</v>
      </c>
      <c r="S9" s="197">
        <v>18</v>
      </c>
      <c r="T9" s="195">
        <v>6</v>
      </c>
      <c r="U9" s="198">
        <v>48</v>
      </c>
      <c r="V9" s="202">
        <v>48</v>
      </c>
      <c r="W9" s="201">
        <v>0</v>
      </c>
      <c r="X9" s="195">
        <v>0</v>
      </c>
      <c r="Y9" s="195">
        <v>0</v>
      </c>
      <c r="Z9" s="196">
        <v>0</v>
      </c>
      <c r="AA9" s="197">
        <v>0</v>
      </c>
      <c r="AB9" s="197">
        <v>0</v>
      </c>
      <c r="AC9" s="197">
        <v>3</v>
      </c>
      <c r="AD9" s="195">
        <v>2</v>
      </c>
      <c r="AE9" s="198">
        <v>5</v>
      </c>
      <c r="AF9" s="199">
        <v>5</v>
      </c>
      <c r="AG9" s="194">
        <v>0</v>
      </c>
      <c r="AH9" s="195">
        <v>0</v>
      </c>
      <c r="AI9" s="195">
        <v>0</v>
      </c>
      <c r="AJ9" s="196">
        <v>0</v>
      </c>
      <c r="AK9" s="197">
        <v>0</v>
      </c>
      <c r="AL9" s="197">
        <v>0</v>
      </c>
      <c r="AM9" s="197">
        <v>1</v>
      </c>
      <c r="AN9" s="195">
        <v>2</v>
      </c>
      <c r="AO9" s="198">
        <v>3</v>
      </c>
      <c r="AP9" s="200">
        <v>3</v>
      </c>
      <c r="AQ9" s="37"/>
    </row>
    <row r="10" spans="2:43" ht="20.25" customHeight="1" x14ac:dyDescent="0.2">
      <c r="B10" s="62" t="s">
        <v>7</v>
      </c>
      <c r="C10" s="194">
        <v>0</v>
      </c>
      <c r="D10" s="195">
        <v>0</v>
      </c>
      <c r="E10" s="195">
        <v>0</v>
      </c>
      <c r="F10" s="196">
        <v>0</v>
      </c>
      <c r="G10" s="197">
        <v>5</v>
      </c>
      <c r="H10" s="197">
        <v>24</v>
      </c>
      <c r="I10" s="197">
        <v>59</v>
      </c>
      <c r="J10" s="195">
        <v>28</v>
      </c>
      <c r="K10" s="198">
        <v>116</v>
      </c>
      <c r="L10" s="199">
        <v>116</v>
      </c>
      <c r="M10" s="194">
        <v>0</v>
      </c>
      <c r="N10" s="195">
        <v>0</v>
      </c>
      <c r="O10" s="198">
        <v>0</v>
      </c>
      <c r="P10" s="201">
        <v>13</v>
      </c>
      <c r="Q10" s="197">
        <v>15</v>
      </c>
      <c r="R10" s="197">
        <v>18</v>
      </c>
      <c r="S10" s="197">
        <v>27</v>
      </c>
      <c r="T10" s="195">
        <v>8</v>
      </c>
      <c r="U10" s="198">
        <v>81</v>
      </c>
      <c r="V10" s="202">
        <v>81</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0.25" customHeight="1" x14ac:dyDescent="0.2">
      <c r="B11" s="62" t="s">
        <v>8</v>
      </c>
      <c r="C11" s="194">
        <v>0</v>
      </c>
      <c r="D11" s="195">
        <v>0</v>
      </c>
      <c r="E11" s="195">
        <v>0</v>
      </c>
      <c r="F11" s="196">
        <v>2</v>
      </c>
      <c r="G11" s="197">
        <v>3</v>
      </c>
      <c r="H11" s="197">
        <v>8</v>
      </c>
      <c r="I11" s="197">
        <v>9</v>
      </c>
      <c r="J11" s="195">
        <v>8</v>
      </c>
      <c r="K11" s="198">
        <v>30</v>
      </c>
      <c r="L11" s="199">
        <v>30</v>
      </c>
      <c r="M11" s="194">
        <v>0</v>
      </c>
      <c r="N11" s="195">
        <v>0</v>
      </c>
      <c r="O11" s="198">
        <v>0</v>
      </c>
      <c r="P11" s="201">
        <v>1</v>
      </c>
      <c r="Q11" s="197">
        <v>3</v>
      </c>
      <c r="R11" s="197">
        <v>8</v>
      </c>
      <c r="S11" s="197">
        <v>5</v>
      </c>
      <c r="T11" s="195">
        <v>2</v>
      </c>
      <c r="U11" s="198">
        <v>19</v>
      </c>
      <c r="V11" s="202">
        <v>19</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1</v>
      </c>
      <c r="AN11" s="195">
        <v>0</v>
      </c>
      <c r="AO11" s="198">
        <v>1</v>
      </c>
      <c r="AP11" s="200">
        <v>1</v>
      </c>
      <c r="AQ11" s="37"/>
    </row>
    <row r="12" spans="2:43" ht="20.25" customHeight="1" x14ac:dyDescent="0.2">
      <c r="B12" s="62" t="s">
        <v>9</v>
      </c>
      <c r="C12" s="194">
        <v>0</v>
      </c>
      <c r="D12" s="195">
        <v>0</v>
      </c>
      <c r="E12" s="195">
        <v>0</v>
      </c>
      <c r="F12" s="196">
        <v>0</v>
      </c>
      <c r="G12" s="197">
        <v>0</v>
      </c>
      <c r="H12" s="197">
        <v>15</v>
      </c>
      <c r="I12" s="197">
        <v>27</v>
      </c>
      <c r="J12" s="195">
        <v>7</v>
      </c>
      <c r="K12" s="198">
        <v>49</v>
      </c>
      <c r="L12" s="199">
        <v>49</v>
      </c>
      <c r="M12" s="194">
        <v>0</v>
      </c>
      <c r="N12" s="195">
        <v>0</v>
      </c>
      <c r="O12" s="198">
        <v>0</v>
      </c>
      <c r="P12" s="201">
        <v>3</v>
      </c>
      <c r="Q12" s="197">
        <v>4</v>
      </c>
      <c r="R12" s="197">
        <v>9</v>
      </c>
      <c r="S12" s="197">
        <v>6</v>
      </c>
      <c r="T12" s="195">
        <v>2</v>
      </c>
      <c r="U12" s="198">
        <v>24</v>
      </c>
      <c r="V12" s="202">
        <v>24</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1</v>
      </c>
      <c r="AM12" s="197">
        <v>0</v>
      </c>
      <c r="AN12" s="195">
        <v>0</v>
      </c>
      <c r="AO12" s="198">
        <v>1</v>
      </c>
      <c r="AP12" s="200">
        <v>1</v>
      </c>
      <c r="AQ12" s="37"/>
    </row>
    <row r="13" spans="2:43" ht="20.25" customHeight="1" x14ac:dyDescent="0.2">
      <c r="B13" s="62" t="s">
        <v>10</v>
      </c>
      <c r="C13" s="194">
        <v>0</v>
      </c>
      <c r="D13" s="195">
        <v>0</v>
      </c>
      <c r="E13" s="195">
        <v>0</v>
      </c>
      <c r="F13" s="196">
        <v>1</v>
      </c>
      <c r="G13" s="197">
        <v>0</v>
      </c>
      <c r="H13" s="197">
        <v>19</v>
      </c>
      <c r="I13" s="197">
        <v>34</v>
      </c>
      <c r="J13" s="195">
        <v>20</v>
      </c>
      <c r="K13" s="198">
        <v>74</v>
      </c>
      <c r="L13" s="199">
        <v>74</v>
      </c>
      <c r="M13" s="194">
        <v>0</v>
      </c>
      <c r="N13" s="195">
        <v>0</v>
      </c>
      <c r="O13" s="198">
        <v>0</v>
      </c>
      <c r="P13" s="201">
        <v>7</v>
      </c>
      <c r="Q13" s="197">
        <v>3</v>
      </c>
      <c r="R13" s="197">
        <v>10</v>
      </c>
      <c r="S13" s="197">
        <v>11</v>
      </c>
      <c r="T13" s="195">
        <v>6</v>
      </c>
      <c r="U13" s="198">
        <v>37</v>
      </c>
      <c r="V13" s="202">
        <v>37</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1</v>
      </c>
      <c r="AN13" s="195">
        <v>0</v>
      </c>
      <c r="AO13" s="198">
        <v>1</v>
      </c>
      <c r="AP13" s="200">
        <v>1</v>
      </c>
      <c r="AQ13" s="37"/>
    </row>
    <row r="14" spans="2:43" ht="20.25" customHeight="1" x14ac:dyDescent="0.2">
      <c r="B14" s="62" t="s">
        <v>11</v>
      </c>
      <c r="C14" s="194">
        <v>0</v>
      </c>
      <c r="D14" s="195">
        <v>0</v>
      </c>
      <c r="E14" s="195">
        <v>0</v>
      </c>
      <c r="F14" s="196">
        <v>0</v>
      </c>
      <c r="G14" s="197">
        <v>0</v>
      </c>
      <c r="H14" s="197">
        <v>6</v>
      </c>
      <c r="I14" s="197">
        <v>12</v>
      </c>
      <c r="J14" s="195">
        <v>8</v>
      </c>
      <c r="K14" s="198">
        <v>26</v>
      </c>
      <c r="L14" s="199">
        <v>26</v>
      </c>
      <c r="M14" s="194">
        <v>0</v>
      </c>
      <c r="N14" s="195">
        <v>0</v>
      </c>
      <c r="O14" s="198">
        <v>0</v>
      </c>
      <c r="P14" s="201">
        <v>2</v>
      </c>
      <c r="Q14" s="197">
        <v>4</v>
      </c>
      <c r="R14" s="197">
        <v>4</v>
      </c>
      <c r="S14" s="197">
        <v>5</v>
      </c>
      <c r="T14" s="195">
        <v>4</v>
      </c>
      <c r="U14" s="198">
        <v>19</v>
      </c>
      <c r="V14" s="202">
        <v>19</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1</v>
      </c>
      <c r="AL14" s="197">
        <v>0</v>
      </c>
      <c r="AM14" s="197">
        <v>1</v>
      </c>
      <c r="AN14" s="195">
        <v>0</v>
      </c>
      <c r="AO14" s="198">
        <v>2</v>
      </c>
      <c r="AP14" s="200">
        <v>2</v>
      </c>
      <c r="AQ14" s="37"/>
    </row>
    <row r="15" spans="2:43" ht="20.25" customHeight="1" x14ac:dyDescent="0.2">
      <c r="B15" s="62" t="s">
        <v>12</v>
      </c>
      <c r="C15" s="194">
        <v>0</v>
      </c>
      <c r="D15" s="195">
        <v>0</v>
      </c>
      <c r="E15" s="195">
        <v>0</v>
      </c>
      <c r="F15" s="196">
        <v>0</v>
      </c>
      <c r="G15" s="197">
        <v>1</v>
      </c>
      <c r="H15" s="197">
        <v>9</v>
      </c>
      <c r="I15" s="197">
        <v>13</v>
      </c>
      <c r="J15" s="195">
        <v>5</v>
      </c>
      <c r="K15" s="198">
        <v>28</v>
      </c>
      <c r="L15" s="199">
        <v>28</v>
      </c>
      <c r="M15" s="194">
        <v>0</v>
      </c>
      <c r="N15" s="195">
        <v>0</v>
      </c>
      <c r="O15" s="198">
        <v>0</v>
      </c>
      <c r="P15" s="201">
        <v>4</v>
      </c>
      <c r="Q15" s="197">
        <v>2</v>
      </c>
      <c r="R15" s="197">
        <v>7</v>
      </c>
      <c r="S15" s="197">
        <v>10</v>
      </c>
      <c r="T15" s="195">
        <v>3</v>
      </c>
      <c r="U15" s="198">
        <v>26</v>
      </c>
      <c r="V15" s="202">
        <v>26</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0.25" customHeight="1" x14ac:dyDescent="0.2">
      <c r="B16" s="62" t="s">
        <v>13</v>
      </c>
      <c r="C16" s="194">
        <v>0</v>
      </c>
      <c r="D16" s="195">
        <v>0</v>
      </c>
      <c r="E16" s="195">
        <v>0</v>
      </c>
      <c r="F16" s="196">
        <v>1</v>
      </c>
      <c r="G16" s="197">
        <v>0</v>
      </c>
      <c r="H16" s="197">
        <v>3</v>
      </c>
      <c r="I16" s="197">
        <v>8</v>
      </c>
      <c r="J16" s="195">
        <v>5</v>
      </c>
      <c r="K16" s="198">
        <v>17</v>
      </c>
      <c r="L16" s="199">
        <v>17</v>
      </c>
      <c r="M16" s="194">
        <v>0</v>
      </c>
      <c r="N16" s="195">
        <v>0</v>
      </c>
      <c r="O16" s="198">
        <v>0</v>
      </c>
      <c r="P16" s="201">
        <v>1</v>
      </c>
      <c r="Q16" s="197">
        <v>2</v>
      </c>
      <c r="R16" s="197">
        <v>2</v>
      </c>
      <c r="S16" s="197">
        <v>2</v>
      </c>
      <c r="T16" s="195">
        <v>2</v>
      </c>
      <c r="U16" s="198">
        <v>9</v>
      </c>
      <c r="V16" s="202">
        <v>9</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0.25" customHeight="1" x14ac:dyDescent="0.2">
      <c r="B17" s="62" t="s">
        <v>15</v>
      </c>
      <c r="C17" s="194">
        <v>0</v>
      </c>
      <c r="D17" s="195">
        <v>0</v>
      </c>
      <c r="E17" s="195">
        <v>0</v>
      </c>
      <c r="F17" s="196">
        <v>0</v>
      </c>
      <c r="G17" s="197">
        <v>0</v>
      </c>
      <c r="H17" s="197">
        <v>3</v>
      </c>
      <c r="I17" s="197">
        <v>3</v>
      </c>
      <c r="J17" s="195">
        <v>0</v>
      </c>
      <c r="K17" s="198">
        <v>6</v>
      </c>
      <c r="L17" s="199">
        <v>6</v>
      </c>
      <c r="M17" s="194">
        <v>0</v>
      </c>
      <c r="N17" s="195">
        <v>0</v>
      </c>
      <c r="O17" s="198">
        <v>0</v>
      </c>
      <c r="P17" s="201">
        <v>2</v>
      </c>
      <c r="Q17" s="197">
        <v>2</v>
      </c>
      <c r="R17" s="197">
        <v>2</v>
      </c>
      <c r="S17" s="197">
        <v>3</v>
      </c>
      <c r="T17" s="195">
        <v>2</v>
      </c>
      <c r="U17" s="198">
        <v>11</v>
      </c>
      <c r="V17" s="202">
        <v>11</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0.25" customHeight="1" x14ac:dyDescent="0.2">
      <c r="B18" s="62" t="s">
        <v>16</v>
      </c>
      <c r="C18" s="194">
        <v>0</v>
      </c>
      <c r="D18" s="195">
        <v>0</v>
      </c>
      <c r="E18" s="195">
        <v>0</v>
      </c>
      <c r="F18" s="196">
        <v>0</v>
      </c>
      <c r="G18" s="197">
        <v>1</v>
      </c>
      <c r="H18" s="197">
        <v>3</v>
      </c>
      <c r="I18" s="197">
        <v>10</v>
      </c>
      <c r="J18" s="195">
        <v>7</v>
      </c>
      <c r="K18" s="198">
        <v>21</v>
      </c>
      <c r="L18" s="199">
        <v>21</v>
      </c>
      <c r="M18" s="194">
        <v>0</v>
      </c>
      <c r="N18" s="195">
        <v>0</v>
      </c>
      <c r="O18" s="198">
        <v>0</v>
      </c>
      <c r="P18" s="201">
        <v>1</v>
      </c>
      <c r="Q18" s="197">
        <v>3</v>
      </c>
      <c r="R18" s="197">
        <v>4</v>
      </c>
      <c r="S18" s="197">
        <v>6</v>
      </c>
      <c r="T18" s="195">
        <v>2</v>
      </c>
      <c r="U18" s="198">
        <v>16</v>
      </c>
      <c r="V18" s="202">
        <v>16</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2</v>
      </c>
      <c r="AO18" s="198">
        <v>2</v>
      </c>
      <c r="AP18" s="200">
        <v>2</v>
      </c>
      <c r="AQ18" s="37"/>
    </row>
    <row r="19" spans="2:43" ht="20.25" customHeight="1" x14ac:dyDescent="0.2">
      <c r="B19" s="62" t="s">
        <v>17</v>
      </c>
      <c r="C19" s="194">
        <v>0</v>
      </c>
      <c r="D19" s="195">
        <v>0</v>
      </c>
      <c r="E19" s="195">
        <v>0</v>
      </c>
      <c r="F19" s="196">
        <v>0</v>
      </c>
      <c r="G19" s="197">
        <v>2</v>
      </c>
      <c r="H19" s="197">
        <v>10</v>
      </c>
      <c r="I19" s="197">
        <v>17</v>
      </c>
      <c r="J19" s="195">
        <v>4</v>
      </c>
      <c r="K19" s="198">
        <v>33</v>
      </c>
      <c r="L19" s="199">
        <v>33</v>
      </c>
      <c r="M19" s="194">
        <v>0</v>
      </c>
      <c r="N19" s="195">
        <v>0</v>
      </c>
      <c r="O19" s="198">
        <v>0</v>
      </c>
      <c r="P19" s="201">
        <v>0</v>
      </c>
      <c r="Q19" s="197">
        <v>4</v>
      </c>
      <c r="R19" s="197">
        <v>8</v>
      </c>
      <c r="S19" s="197">
        <v>6</v>
      </c>
      <c r="T19" s="195">
        <v>5</v>
      </c>
      <c r="U19" s="198">
        <v>23</v>
      </c>
      <c r="V19" s="202">
        <v>23</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2</v>
      </c>
      <c r="AO19" s="198">
        <v>2</v>
      </c>
      <c r="AP19" s="200">
        <v>2</v>
      </c>
      <c r="AQ19" s="37"/>
    </row>
    <row r="20" spans="2:43" ht="20.25" customHeight="1" x14ac:dyDescent="0.2">
      <c r="B20" s="62" t="s">
        <v>18</v>
      </c>
      <c r="C20" s="194">
        <v>0</v>
      </c>
      <c r="D20" s="195">
        <v>0</v>
      </c>
      <c r="E20" s="195">
        <v>0</v>
      </c>
      <c r="F20" s="196">
        <v>0</v>
      </c>
      <c r="G20" s="197">
        <v>0</v>
      </c>
      <c r="H20" s="197">
        <v>9</v>
      </c>
      <c r="I20" s="197">
        <v>16</v>
      </c>
      <c r="J20" s="195">
        <v>7</v>
      </c>
      <c r="K20" s="198">
        <v>32</v>
      </c>
      <c r="L20" s="199">
        <v>32</v>
      </c>
      <c r="M20" s="194">
        <v>0</v>
      </c>
      <c r="N20" s="195">
        <v>0</v>
      </c>
      <c r="O20" s="198">
        <v>0</v>
      </c>
      <c r="P20" s="201">
        <v>2</v>
      </c>
      <c r="Q20" s="197">
        <v>1</v>
      </c>
      <c r="R20" s="197">
        <v>3</v>
      </c>
      <c r="S20" s="197">
        <v>7</v>
      </c>
      <c r="T20" s="195">
        <v>5</v>
      </c>
      <c r="U20" s="198">
        <v>18</v>
      </c>
      <c r="V20" s="202">
        <v>18</v>
      </c>
      <c r="W20" s="201">
        <v>0</v>
      </c>
      <c r="X20" s="195">
        <v>0</v>
      </c>
      <c r="Y20" s="195">
        <v>0</v>
      </c>
      <c r="Z20" s="196">
        <v>0</v>
      </c>
      <c r="AA20" s="197">
        <v>0</v>
      </c>
      <c r="AB20" s="197">
        <v>0</v>
      </c>
      <c r="AC20" s="197">
        <v>1</v>
      </c>
      <c r="AD20" s="195">
        <v>0</v>
      </c>
      <c r="AE20" s="198">
        <v>1</v>
      </c>
      <c r="AF20" s="199">
        <v>1</v>
      </c>
      <c r="AG20" s="194">
        <v>0</v>
      </c>
      <c r="AH20" s="195">
        <v>0</v>
      </c>
      <c r="AI20" s="195">
        <v>0</v>
      </c>
      <c r="AJ20" s="196">
        <v>0</v>
      </c>
      <c r="AK20" s="197">
        <v>0</v>
      </c>
      <c r="AL20" s="197">
        <v>0</v>
      </c>
      <c r="AM20" s="197">
        <v>0</v>
      </c>
      <c r="AN20" s="195">
        <v>1</v>
      </c>
      <c r="AO20" s="198">
        <v>1</v>
      </c>
      <c r="AP20" s="200">
        <v>1</v>
      </c>
      <c r="AQ20" s="37"/>
    </row>
    <row r="21" spans="2:43" ht="20.25" customHeight="1" x14ac:dyDescent="0.2">
      <c r="B21" s="62" t="s">
        <v>19</v>
      </c>
      <c r="C21" s="194">
        <v>0</v>
      </c>
      <c r="D21" s="195">
        <v>0</v>
      </c>
      <c r="E21" s="195">
        <v>0</v>
      </c>
      <c r="F21" s="196">
        <v>0</v>
      </c>
      <c r="G21" s="197">
        <v>0</v>
      </c>
      <c r="H21" s="197">
        <v>4</v>
      </c>
      <c r="I21" s="197">
        <v>4</v>
      </c>
      <c r="J21" s="195">
        <v>3</v>
      </c>
      <c r="K21" s="198">
        <v>11</v>
      </c>
      <c r="L21" s="199">
        <v>11</v>
      </c>
      <c r="M21" s="194">
        <v>0</v>
      </c>
      <c r="N21" s="195">
        <v>0</v>
      </c>
      <c r="O21" s="198">
        <v>0</v>
      </c>
      <c r="P21" s="201">
        <v>3</v>
      </c>
      <c r="Q21" s="197">
        <v>1</v>
      </c>
      <c r="R21" s="197">
        <v>3</v>
      </c>
      <c r="S21" s="197">
        <v>3</v>
      </c>
      <c r="T21" s="195">
        <v>0</v>
      </c>
      <c r="U21" s="198">
        <v>10</v>
      </c>
      <c r="V21" s="202">
        <v>10</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0.25" customHeight="1" x14ac:dyDescent="0.2">
      <c r="B22" s="62" t="s">
        <v>20</v>
      </c>
      <c r="C22" s="194">
        <v>0</v>
      </c>
      <c r="D22" s="195">
        <v>0</v>
      </c>
      <c r="E22" s="195">
        <v>0</v>
      </c>
      <c r="F22" s="196">
        <v>0</v>
      </c>
      <c r="G22" s="197">
        <v>0</v>
      </c>
      <c r="H22" s="197">
        <v>5</v>
      </c>
      <c r="I22" s="197">
        <v>8</v>
      </c>
      <c r="J22" s="195">
        <v>5</v>
      </c>
      <c r="K22" s="198">
        <v>18</v>
      </c>
      <c r="L22" s="199">
        <v>18</v>
      </c>
      <c r="M22" s="194">
        <v>0</v>
      </c>
      <c r="N22" s="195">
        <v>0</v>
      </c>
      <c r="O22" s="198">
        <v>0</v>
      </c>
      <c r="P22" s="201">
        <v>1</v>
      </c>
      <c r="Q22" s="197">
        <v>2</v>
      </c>
      <c r="R22" s="197">
        <v>7</v>
      </c>
      <c r="S22" s="197">
        <v>1</v>
      </c>
      <c r="T22" s="195">
        <v>1</v>
      </c>
      <c r="U22" s="198">
        <v>12</v>
      </c>
      <c r="V22" s="202">
        <v>12</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2</v>
      </c>
      <c r="AO22" s="198">
        <v>2</v>
      </c>
      <c r="AP22" s="200">
        <v>2</v>
      </c>
      <c r="AQ22" s="37"/>
    </row>
    <row r="23" spans="2:43" ht="20.25" customHeight="1" x14ac:dyDescent="0.2">
      <c r="B23" s="62" t="s">
        <v>21</v>
      </c>
      <c r="C23" s="194">
        <v>0</v>
      </c>
      <c r="D23" s="195">
        <v>0</v>
      </c>
      <c r="E23" s="195">
        <v>0</v>
      </c>
      <c r="F23" s="196">
        <v>0</v>
      </c>
      <c r="G23" s="197">
        <v>0</v>
      </c>
      <c r="H23" s="197">
        <v>9</v>
      </c>
      <c r="I23" s="197">
        <v>9</v>
      </c>
      <c r="J23" s="195">
        <v>7</v>
      </c>
      <c r="K23" s="198">
        <v>25</v>
      </c>
      <c r="L23" s="199">
        <v>25</v>
      </c>
      <c r="M23" s="194">
        <v>0</v>
      </c>
      <c r="N23" s="195">
        <v>0</v>
      </c>
      <c r="O23" s="198">
        <v>0</v>
      </c>
      <c r="P23" s="201">
        <v>0</v>
      </c>
      <c r="Q23" s="197">
        <v>1</v>
      </c>
      <c r="R23" s="197">
        <v>1</v>
      </c>
      <c r="S23" s="197">
        <v>4</v>
      </c>
      <c r="T23" s="195">
        <v>1</v>
      </c>
      <c r="U23" s="198">
        <v>7</v>
      </c>
      <c r="V23" s="202">
        <v>7</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3</v>
      </c>
      <c r="AN23" s="195">
        <v>0</v>
      </c>
      <c r="AO23" s="198">
        <v>3</v>
      </c>
      <c r="AP23" s="200">
        <v>3</v>
      </c>
      <c r="AQ23" s="37"/>
    </row>
    <row r="24" spans="2:43" ht="20.25" customHeight="1" x14ac:dyDescent="0.2">
      <c r="B24" s="62" t="s">
        <v>22</v>
      </c>
      <c r="C24" s="194">
        <v>0</v>
      </c>
      <c r="D24" s="195">
        <v>0</v>
      </c>
      <c r="E24" s="195">
        <v>0</v>
      </c>
      <c r="F24" s="196">
        <v>0</v>
      </c>
      <c r="G24" s="197">
        <v>0</v>
      </c>
      <c r="H24" s="197">
        <v>3</v>
      </c>
      <c r="I24" s="197">
        <v>2</v>
      </c>
      <c r="J24" s="195">
        <v>0</v>
      </c>
      <c r="K24" s="198">
        <v>5</v>
      </c>
      <c r="L24" s="199">
        <v>5</v>
      </c>
      <c r="M24" s="194">
        <v>0</v>
      </c>
      <c r="N24" s="195">
        <v>0</v>
      </c>
      <c r="O24" s="198">
        <v>0</v>
      </c>
      <c r="P24" s="201">
        <v>0</v>
      </c>
      <c r="Q24" s="197">
        <v>0</v>
      </c>
      <c r="R24" s="197">
        <v>1</v>
      </c>
      <c r="S24" s="197">
        <v>1</v>
      </c>
      <c r="T24" s="195">
        <v>0</v>
      </c>
      <c r="U24" s="198">
        <v>2</v>
      </c>
      <c r="V24" s="202">
        <v>2</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0.25" customHeight="1" x14ac:dyDescent="0.2">
      <c r="B25" s="62" t="s">
        <v>23</v>
      </c>
      <c r="C25" s="194">
        <v>0</v>
      </c>
      <c r="D25" s="195">
        <v>0</v>
      </c>
      <c r="E25" s="195">
        <v>0</v>
      </c>
      <c r="F25" s="196">
        <v>1</v>
      </c>
      <c r="G25" s="197">
        <v>0</v>
      </c>
      <c r="H25" s="197">
        <v>3</v>
      </c>
      <c r="I25" s="197">
        <v>3</v>
      </c>
      <c r="J25" s="195">
        <v>0</v>
      </c>
      <c r="K25" s="198">
        <v>7</v>
      </c>
      <c r="L25" s="199">
        <v>7</v>
      </c>
      <c r="M25" s="194">
        <v>0</v>
      </c>
      <c r="N25" s="195">
        <v>0</v>
      </c>
      <c r="O25" s="198">
        <v>0</v>
      </c>
      <c r="P25" s="201">
        <v>0</v>
      </c>
      <c r="Q25" s="197">
        <v>1</v>
      </c>
      <c r="R25" s="197">
        <v>1</v>
      </c>
      <c r="S25" s="197">
        <v>3</v>
      </c>
      <c r="T25" s="195">
        <v>0</v>
      </c>
      <c r="U25" s="198">
        <v>5</v>
      </c>
      <c r="V25" s="202">
        <v>5</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0.25" customHeight="1" x14ac:dyDescent="0.2">
      <c r="B26" s="62" t="s">
        <v>24</v>
      </c>
      <c r="C26" s="194">
        <v>0</v>
      </c>
      <c r="D26" s="195">
        <v>0</v>
      </c>
      <c r="E26" s="195">
        <v>0</v>
      </c>
      <c r="F26" s="196">
        <v>0</v>
      </c>
      <c r="G26" s="197">
        <v>0</v>
      </c>
      <c r="H26" s="197">
        <v>0</v>
      </c>
      <c r="I26" s="197">
        <v>4</v>
      </c>
      <c r="J26" s="195">
        <v>4</v>
      </c>
      <c r="K26" s="198">
        <v>8</v>
      </c>
      <c r="L26" s="199">
        <v>8</v>
      </c>
      <c r="M26" s="194">
        <v>0</v>
      </c>
      <c r="N26" s="195">
        <v>0</v>
      </c>
      <c r="O26" s="198">
        <v>0</v>
      </c>
      <c r="P26" s="201">
        <v>0</v>
      </c>
      <c r="Q26" s="197">
        <v>0</v>
      </c>
      <c r="R26" s="197">
        <v>4</v>
      </c>
      <c r="S26" s="197">
        <v>3</v>
      </c>
      <c r="T26" s="195">
        <v>0</v>
      </c>
      <c r="U26" s="198">
        <v>7</v>
      </c>
      <c r="V26" s="202">
        <v>7</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0.25" customHeight="1" x14ac:dyDescent="0.2">
      <c r="B27" s="62" t="s">
        <v>25</v>
      </c>
      <c r="C27" s="194">
        <v>0</v>
      </c>
      <c r="D27" s="195">
        <v>0</v>
      </c>
      <c r="E27" s="195">
        <v>0</v>
      </c>
      <c r="F27" s="196">
        <v>0</v>
      </c>
      <c r="G27" s="197">
        <v>1</v>
      </c>
      <c r="H27" s="197">
        <v>6</v>
      </c>
      <c r="I27" s="197">
        <v>2</v>
      </c>
      <c r="J27" s="195">
        <v>1</v>
      </c>
      <c r="K27" s="198">
        <v>10</v>
      </c>
      <c r="L27" s="199">
        <v>10</v>
      </c>
      <c r="M27" s="194">
        <v>0</v>
      </c>
      <c r="N27" s="195">
        <v>0</v>
      </c>
      <c r="O27" s="198">
        <v>0</v>
      </c>
      <c r="P27" s="201">
        <v>0</v>
      </c>
      <c r="Q27" s="197">
        <v>0</v>
      </c>
      <c r="R27" s="197">
        <v>1</v>
      </c>
      <c r="S27" s="197">
        <v>1</v>
      </c>
      <c r="T27" s="195">
        <v>1</v>
      </c>
      <c r="U27" s="198">
        <v>3</v>
      </c>
      <c r="V27" s="202">
        <v>3</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0.25" customHeight="1" x14ac:dyDescent="0.2">
      <c r="B28" s="62" t="s">
        <v>26</v>
      </c>
      <c r="C28" s="194">
        <v>0</v>
      </c>
      <c r="D28" s="195">
        <v>0</v>
      </c>
      <c r="E28" s="195">
        <v>0</v>
      </c>
      <c r="F28" s="196">
        <v>0</v>
      </c>
      <c r="G28" s="197">
        <v>0</v>
      </c>
      <c r="H28" s="197">
        <v>0</v>
      </c>
      <c r="I28" s="197">
        <v>4</v>
      </c>
      <c r="J28" s="195">
        <v>0</v>
      </c>
      <c r="K28" s="198">
        <v>4</v>
      </c>
      <c r="L28" s="199">
        <v>4</v>
      </c>
      <c r="M28" s="194">
        <v>0</v>
      </c>
      <c r="N28" s="195">
        <v>0</v>
      </c>
      <c r="O28" s="198">
        <v>0</v>
      </c>
      <c r="P28" s="201">
        <v>0</v>
      </c>
      <c r="Q28" s="197">
        <v>0</v>
      </c>
      <c r="R28" s="197">
        <v>2</v>
      </c>
      <c r="S28" s="197">
        <v>1</v>
      </c>
      <c r="T28" s="195">
        <v>2</v>
      </c>
      <c r="U28" s="198">
        <v>5</v>
      </c>
      <c r="V28" s="202">
        <v>5</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0.25" customHeight="1" x14ac:dyDescent="0.2">
      <c r="B29" s="62" t="s">
        <v>27</v>
      </c>
      <c r="C29" s="194">
        <v>0</v>
      </c>
      <c r="D29" s="195">
        <v>0</v>
      </c>
      <c r="E29" s="195">
        <v>0</v>
      </c>
      <c r="F29" s="196">
        <v>0</v>
      </c>
      <c r="G29" s="197">
        <v>1</v>
      </c>
      <c r="H29" s="197">
        <v>0</v>
      </c>
      <c r="I29" s="197">
        <v>1</v>
      </c>
      <c r="J29" s="195">
        <v>2</v>
      </c>
      <c r="K29" s="198">
        <v>4</v>
      </c>
      <c r="L29" s="199">
        <v>4</v>
      </c>
      <c r="M29" s="194">
        <v>0</v>
      </c>
      <c r="N29" s="195">
        <v>0</v>
      </c>
      <c r="O29" s="198">
        <v>0</v>
      </c>
      <c r="P29" s="201">
        <v>0</v>
      </c>
      <c r="Q29" s="197">
        <v>1</v>
      </c>
      <c r="R29" s="197">
        <v>4</v>
      </c>
      <c r="S29" s="197">
        <v>2</v>
      </c>
      <c r="T29" s="195">
        <v>0</v>
      </c>
      <c r="U29" s="198">
        <v>7</v>
      </c>
      <c r="V29" s="202">
        <v>7</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0.25"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1</v>
      </c>
      <c r="R30" s="197">
        <v>0</v>
      </c>
      <c r="S30" s="197">
        <v>1</v>
      </c>
      <c r="T30" s="195">
        <v>0</v>
      </c>
      <c r="U30" s="198">
        <v>2</v>
      </c>
      <c r="V30" s="202">
        <v>2</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0.25" customHeight="1" x14ac:dyDescent="0.2">
      <c r="B31" s="62" t="s">
        <v>29</v>
      </c>
      <c r="C31" s="194">
        <v>0</v>
      </c>
      <c r="D31" s="195">
        <v>0</v>
      </c>
      <c r="E31" s="195">
        <v>0</v>
      </c>
      <c r="F31" s="196">
        <v>0</v>
      </c>
      <c r="G31" s="197">
        <v>0</v>
      </c>
      <c r="H31" s="197">
        <v>1</v>
      </c>
      <c r="I31" s="197">
        <v>0</v>
      </c>
      <c r="J31" s="195">
        <v>2</v>
      </c>
      <c r="K31" s="198">
        <v>3</v>
      </c>
      <c r="L31" s="199">
        <v>3</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0.25" customHeight="1" x14ac:dyDescent="0.2">
      <c r="B32" s="62" t="s">
        <v>30</v>
      </c>
      <c r="C32" s="194">
        <v>0</v>
      </c>
      <c r="D32" s="195">
        <v>0</v>
      </c>
      <c r="E32" s="195">
        <v>0</v>
      </c>
      <c r="F32" s="196">
        <v>0</v>
      </c>
      <c r="G32" s="197">
        <v>0</v>
      </c>
      <c r="H32" s="197">
        <v>0</v>
      </c>
      <c r="I32" s="197">
        <v>3</v>
      </c>
      <c r="J32" s="195">
        <v>0</v>
      </c>
      <c r="K32" s="198">
        <v>3</v>
      </c>
      <c r="L32" s="199">
        <v>3</v>
      </c>
      <c r="M32" s="194">
        <v>0</v>
      </c>
      <c r="N32" s="195">
        <v>0</v>
      </c>
      <c r="O32" s="198">
        <v>0</v>
      </c>
      <c r="P32" s="201">
        <v>1</v>
      </c>
      <c r="Q32" s="197">
        <v>0</v>
      </c>
      <c r="R32" s="197">
        <v>2</v>
      </c>
      <c r="S32" s="197">
        <v>2</v>
      </c>
      <c r="T32" s="195">
        <v>0</v>
      </c>
      <c r="U32" s="198">
        <v>5</v>
      </c>
      <c r="V32" s="202">
        <v>5</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1</v>
      </c>
      <c r="AN32" s="195">
        <v>1</v>
      </c>
      <c r="AO32" s="198">
        <v>2</v>
      </c>
      <c r="AP32" s="200">
        <v>2</v>
      </c>
      <c r="AQ32" s="37"/>
    </row>
    <row r="33" spans="2:43" ht="20.25" customHeight="1" x14ac:dyDescent="0.2">
      <c r="B33" s="62" t="s">
        <v>31</v>
      </c>
      <c r="C33" s="194">
        <v>0</v>
      </c>
      <c r="D33" s="195">
        <v>0</v>
      </c>
      <c r="E33" s="195">
        <v>0</v>
      </c>
      <c r="F33" s="196">
        <v>0</v>
      </c>
      <c r="G33" s="197">
        <v>0</v>
      </c>
      <c r="H33" s="197">
        <v>1</v>
      </c>
      <c r="I33" s="197">
        <v>1</v>
      </c>
      <c r="J33" s="195">
        <v>0</v>
      </c>
      <c r="K33" s="198">
        <v>2</v>
      </c>
      <c r="L33" s="199">
        <v>2</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0.25" customHeight="1" x14ac:dyDescent="0.2">
      <c r="B34" s="62" t="s">
        <v>32</v>
      </c>
      <c r="C34" s="194">
        <v>0</v>
      </c>
      <c r="D34" s="195">
        <v>0</v>
      </c>
      <c r="E34" s="195">
        <v>0</v>
      </c>
      <c r="F34" s="196">
        <v>0</v>
      </c>
      <c r="G34" s="197">
        <v>0</v>
      </c>
      <c r="H34" s="197">
        <v>0</v>
      </c>
      <c r="I34" s="197">
        <v>2</v>
      </c>
      <c r="J34" s="195">
        <v>1</v>
      </c>
      <c r="K34" s="198">
        <v>3</v>
      </c>
      <c r="L34" s="199">
        <v>3</v>
      </c>
      <c r="M34" s="194">
        <v>0</v>
      </c>
      <c r="N34" s="195">
        <v>0</v>
      </c>
      <c r="O34" s="198">
        <v>0</v>
      </c>
      <c r="P34" s="201">
        <v>1</v>
      </c>
      <c r="Q34" s="197">
        <v>0</v>
      </c>
      <c r="R34" s="197">
        <v>1</v>
      </c>
      <c r="S34" s="197">
        <v>0</v>
      </c>
      <c r="T34" s="195">
        <v>1</v>
      </c>
      <c r="U34" s="198">
        <v>3</v>
      </c>
      <c r="V34" s="202">
        <v>3</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0.25"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1</v>
      </c>
      <c r="U35" s="198">
        <v>1</v>
      </c>
      <c r="V35" s="202">
        <v>1</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1</v>
      </c>
      <c r="AM35" s="197">
        <v>1</v>
      </c>
      <c r="AN35" s="195">
        <v>1</v>
      </c>
      <c r="AO35" s="198">
        <v>3</v>
      </c>
      <c r="AP35" s="200">
        <v>3</v>
      </c>
      <c r="AQ35" s="37"/>
    </row>
    <row r="36" spans="2:43" ht="20.25"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1</v>
      </c>
      <c r="R36" s="197">
        <v>0</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0.25" customHeight="1" x14ac:dyDescent="0.2">
      <c r="B37" s="62" t="s">
        <v>35</v>
      </c>
      <c r="C37" s="194">
        <v>0</v>
      </c>
      <c r="D37" s="195">
        <v>0</v>
      </c>
      <c r="E37" s="195">
        <v>0</v>
      </c>
      <c r="F37" s="196">
        <v>0</v>
      </c>
      <c r="G37" s="197">
        <v>0</v>
      </c>
      <c r="H37" s="197">
        <v>0</v>
      </c>
      <c r="I37" s="197">
        <v>3</v>
      </c>
      <c r="J37" s="195">
        <v>0</v>
      </c>
      <c r="K37" s="198">
        <v>3</v>
      </c>
      <c r="L37" s="199">
        <v>3</v>
      </c>
      <c r="M37" s="194">
        <v>0</v>
      </c>
      <c r="N37" s="195">
        <v>0</v>
      </c>
      <c r="O37" s="198">
        <v>0</v>
      </c>
      <c r="P37" s="201">
        <v>0</v>
      </c>
      <c r="Q37" s="197">
        <v>0</v>
      </c>
      <c r="R37" s="197">
        <v>1</v>
      </c>
      <c r="S37" s="197">
        <v>1</v>
      </c>
      <c r="T37" s="195">
        <v>1</v>
      </c>
      <c r="U37" s="198">
        <v>3</v>
      </c>
      <c r="V37" s="202">
        <v>3</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0.25" customHeight="1" x14ac:dyDescent="0.2">
      <c r="B38" s="62" t="s">
        <v>36</v>
      </c>
      <c r="C38" s="194">
        <v>0</v>
      </c>
      <c r="D38" s="195">
        <v>0</v>
      </c>
      <c r="E38" s="195">
        <v>0</v>
      </c>
      <c r="F38" s="196">
        <v>0</v>
      </c>
      <c r="G38" s="197">
        <v>0</v>
      </c>
      <c r="H38" s="197">
        <v>0</v>
      </c>
      <c r="I38" s="197">
        <v>4</v>
      </c>
      <c r="J38" s="195">
        <v>4</v>
      </c>
      <c r="K38" s="198">
        <v>8</v>
      </c>
      <c r="L38" s="199">
        <v>8</v>
      </c>
      <c r="M38" s="194">
        <v>0</v>
      </c>
      <c r="N38" s="195">
        <v>0</v>
      </c>
      <c r="O38" s="198">
        <v>0</v>
      </c>
      <c r="P38" s="201">
        <v>0</v>
      </c>
      <c r="Q38" s="197">
        <v>1</v>
      </c>
      <c r="R38" s="197">
        <v>3</v>
      </c>
      <c r="S38" s="197">
        <v>0</v>
      </c>
      <c r="T38" s="195">
        <v>1</v>
      </c>
      <c r="U38" s="198">
        <v>5</v>
      </c>
      <c r="V38" s="202">
        <v>5</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0.25" customHeight="1" thickBot="1" x14ac:dyDescent="0.25">
      <c r="B39" s="63" t="s">
        <v>37</v>
      </c>
      <c r="C39" s="203">
        <v>0</v>
      </c>
      <c r="D39" s="204">
        <v>0</v>
      </c>
      <c r="E39" s="204">
        <v>0</v>
      </c>
      <c r="F39" s="205">
        <v>0</v>
      </c>
      <c r="G39" s="206">
        <v>0</v>
      </c>
      <c r="H39" s="206">
        <v>1</v>
      </c>
      <c r="I39" s="206">
        <v>0</v>
      </c>
      <c r="J39" s="204">
        <v>1</v>
      </c>
      <c r="K39" s="207">
        <v>2</v>
      </c>
      <c r="L39" s="208">
        <v>2</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G1:H1"/>
    <mergeCell ref="B3:B4"/>
    <mergeCell ref="C3:L3"/>
    <mergeCell ref="M3:V3"/>
    <mergeCell ref="C4:E4"/>
    <mergeCell ref="F4:K4"/>
    <mergeCell ref="L4:L5"/>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E1" s="368">
        <f>第１表!F2</f>
        <v>4</v>
      </c>
      <c r="F1" s="251">
        <f>第１表!G2</f>
        <v>7</v>
      </c>
      <c r="G1" s="555">
        <f>IF(F1&lt;3,F1-2+12,F1-2)</f>
        <v>5</v>
      </c>
      <c r="H1" s="555"/>
    </row>
    <row r="2" spans="2:43" ht="24" customHeight="1" thickBot="1" x14ac:dyDescent="0.25">
      <c r="B2" s="20" t="s">
        <v>159</v>
      </c>
      <c r="F2" s="20" t="s">
        <v>140</v>
      </c>
    </row>
    <row r="3" spans="2:43" ht="24.75" customHeight="1" x14ac:dyDescent="0.2">
      <c r="B3" s="601"/>
      <c r="C3" s="591" t="s">
        <v>57</v>
      </c>
      <c r="D3" s="592"/>
      <c r="E3" s="592"/>
      <c r="F3" s="592"/>
      <c r="G3" s="592"/>
      <c r="H3" s="592"/>
      <c r="I3" s="592"/>
      <c r="J3" s="592"/>
      <c r="K3" s="592"/>
      <c r="L3" s="592"/>
      <c r="M3" s="591" t="s">
        <v>58</v>
      </c>
      <c r="N3" s="604"/>
      <c r="O3" s="604"/>
      <c r="P3" s="604"/>
      <c r="Q3" s="604"/>
      <c r="R3" s="604"/>
      <c r="S3" s="604"/>
      <c r="T3" s="604"/>
      <c r="U3" s="604"/>
      <c r="V3" s="604"/>
      <c r="W3" s="591" t="s">
        <v>59</v>
      </c>
      <c r="X3" s="592"/>
      <c r="Y3" s="592"/>
      <c r="Z3" s="592"/>
      <c r="AA3" s="592"/>
      <c r="AB3" s="592"/>
      <c r="AC3" s="592"/>
      <c r="AD3" s="592"/>
      <c r="AE3" s="592"/>
      <c r="AF3" s="592"/>
      <c r="AG3" s="600" t="s">
        <v>151</v>
      </c>
      <c r="AH3" s="592"/>
      <c r="AI3" s="592"/>
      <c r="AJ3" s="592"/>
      <c r="AK3" s="592"/>
      <c r="AL3" s="592"/>
      <c r="AM3" s="592"/>
      <c r="AN3" s="592"/>
      <c r="AO3" s="592"/>
      <c r="AP3" s="593"/>
    </row>
    <row r="4" spans="2:43" ht="24.75" customHeight="1" x14ac:dyDescent="0.2">
      <c r="B4" s="603"/>
      <c r="C4" s="573" t="s">
        <v>61</v>
      </c>
      <c r="D4" s="574"/>
      <c r="E4" s="575"/>
      <c r="F4" s="576" t="s">
        <v>62</v>
      </c>
      <c r="G4" s="577"/>
      <c r="H4" s="577"/>
      <c r="I4" s="577"/>
      <c r="J4" s="577"/>
      <c r="K4" s="578"/>
      <c r="L4" s="588" t="s">
        <v>52</v>
      </c>
      <c r="M4" s="573" t="s">
        <v>61</v>
      </c>
      <c r="N4" s="574"/>
      <c r="O4" s="575"/>
      <c r="P4" s="576" t="s">
        <v>62</v>
      </c>
      <c r="Q4" s="577"/>
      <c r="R4" s="577"/>
      <c r="S4" s="577"/>
      <c r="T4" s="577"/>
      <c r="U4" s="578"/>
      <c r="V4" s="579" t="s">
        <v>52</v>
      </c>
      <c r="W4" s="573" t="s">
        <v>61</v>
      </c>
      <c r="X4" s="574"/>
      <c r="Y4" s="575"/>
      <c r="Z4" s="576" t="s">
        <v>62</v>
      </c>
      <c r="AA4" s="577"/>
      <c r="AB4" s="577"/>
      <c r="AC4" s="577"/>
      <c r="AD4" s="577"/>
      <c r="AE4" s="578"/>
      <c r="AF4" s="588" t="s">
        <v>52</v>
      </c>
      <c r="AG4" s="573" t="s">
        <v>61</v>
      </c>
      <c r="AH4" s="574"/>
      <c r="AI4" s="575"/>
      <c r="AJ4" s="576" t="s">
        <v>62</v>
      </c>
      <c r="AK4" s="577"/>
      <c r="AL4" s="577"/>
      <c r="AM4" s="577"/>
      <c r="AN4" s="577"/>
      <c r="AO4" s="578"/>
      <c r="AP4" s="579" t="s">
        <v>52</v>
      </c>
    </row>
    <row r="5" spans="2:43" ht="24.75" customHeight="1" thickBot="1" x14ac:dyDescent="0.25">
      <c r="B5" s="365" t="s">
        <v>42</v>
      </c>
      <c r="C5" s="31" t="s">
        <v>43</v>
      </c>
      <c r="D5" s="32" t="s">
        <v>44</v>
      </c>
      <c r="E5" s="32" t="s">
        <v>45</v>
      </c>
      <c r="F5" s="33" t="s">
        <v>47</v>
      </c>
      <c r="G5" s="34" t="s">
        <v>48</v>
      </c>
      <c r="H5" s="34" t="s">
        <v>49</v>
      </c>
      <c r="I5" s="35" t="s">
        <v>50</v>
      </c>
      <c r="J5" s="32" t="s">
        <v>51</v>
      </c>
      <c r="K5" s="36" t="s">
        <v>95</v>
      </c>
      <c r="L5" s="589"/>
      <c r="M5" s="31" t="s">
        <v>43</v>
      </c>
      <c r="N5" s="32" t="s">
        <v>44</v>
      </c>
      <c r="O5" s="36" t="s">
        <v>45</v>
      </c>
      <c r="P5" s="15" t="s">
        <v>47</v>
      </c>
      <c r="Q5" s="34" t="s">
        <v>48</v>
      </c>
      <c r="R5" s="34" t="s">
        <v>49</v>
      </c>
      <c r="S5" s="35" t="s">
        <v>50</v>
      </c>
      <c r="T5" s="32" t="s">
        <v>51</v>
      </c>
      <c r="U5" s="36" t="s">
        <v>45</v>
      </c>
      <c r="V5" s="580"/>
      <c r="W5" s="31" t="s">
        <v>43</v>
      </c>
      <c r="X5" s="32" t="s">
        <v>44</v>
      </c>
      <c r="Y5" s="32" t="s">
        <v>45</v>
      </c>
      <c r="Z5" s="33" t="s">
        <v>47</v>
      </c>
      <c r="AA5" s="34" t="s">
        <v>48</v>
      </c>
      <c r="AB5" s="34" t="s">
        <v>49</v>
      </c>
      <c r="AC5" s="35" t="s">
        <v>50</v>
      </c>
      <c r="AD5" s="32" t="s">
        <v>51</v>
      </c>
      <c r="AE5" s="36" t="s">
        <v>45</v>
      </c>
      <c r="AF5" s="589"/>
      <c r="AG5" s="31" t="s">
        <v>43</v>
      </c>
      <c r="AH5" s="32" t="s">
        <v>44</v>
      </c>
      <c r="AI5" s="32" t="s">
        <v>45</v>
      </c>
      <c r="AJ5" s="33" t="s">
        <v>47</v>
      </c>
      <c r="AK5" s="34" t="s">
        <v>48</v>
      </c>
      <c r="AL5" s="34" t="s">
        <v>49</v>
      </c>
      <c r="AM5" s="35" t="s">
        <v>50</v>
      </c>
      <c r="AN5" s="32" t="s">
        <v>51</v>
      </c>
      <c r="AO5" s="36" t="s">
        <v>45</v>
      </c>
      <c r="AP5" s="580"/>
    </row>
    <row r="6" spans="2:43" ht="20.25" customHeight="1" x14ac:dyDescent="0.2">
      <c r="B6" s="364" t="s">
        <v>4</v>
      </c>
      <c r="C6" s="185">
        <v>0</v>
      </c>
      <c r="D6" s="186">
        <v>0</v>
      </c>
      <c r="E6" s="186">
        <v>0</v>
      </c>
      <c r="F6" s="187">
        <v>4</v>
      </c>
      <c r="G6" s="188">
        <v>33</v>
      </c>
      <c r="H6" s="188">
        <v>234</v>
      </c>
      <c r="I6" s="188">
        <v>425</v>
      </c>
      <c r="J6" s="186">
        <v>276</v>
      </c>
      <c r="K6" s="189">
        <v>972</v>
      </c>
      <c r="L6" s="190">
        <v>972</v>
      </c>
      <c r="M6" s="185">
        <v>0</v>
      </c>
      <c r="N6" s="186">
        <v>0</v>
      </c>
      <c r="O6" s="189">
        <v>0</v>
      </c>
      <c r="P6" s="192">
        <v>55</v>
      </c>
      <c r="Q6" s="188">
        <v>142</v>
      </c>
      <c r="R6" s="188">
        <v>220</v>
      </c>
      <c r="S6" s="188">
        <v>246</v>
      </c>
      <c r="T6" s="186">
        <v>126</v>
      </c>
      <c r="U6" s="189">
        <v>789</v>
      </c>
      <c r="V6" s="193">
        <v>789</v>
      </c>
      <c r="W6" s="192">
        <v>0</v>
      </c>
      <c r="X6" s="186">
        <v>0</v>
      </c>
      <c r="Y6" s="186">
        <v>0</v>
      </c>
      <c r="Z6" s="187">
        <v>0</v>
      </c>
      <c r="AA6" s="188">
        <v>1</v>
      </c>
      <c r="AB6" s="188">
        <v>0</v>
      </c>
      <c r="AC6" s="188">
        <v>13</v>
      </c>
      <c r="AD6" s="186">
        <v>17</v>
      </c>
      <c r="AE6" s="189">
        <v>31</v>
      </c>
      <c r="AF6" s="190">
        <v>31</v>
      </c>
      <c r="AG6" s="185">
        <v>0</v>
      </c>
      <c r="AH6" s="186">
        <v>0</v>
      </c>
      <c r="AI6" s="186">
        <v>0</v>
      </c>
      <c r="AJ6" s="187">
        <v>0</v>
      </c>
      <c r="AK6" s="188">
        <v>2</v>
      </c>
      <c r="AL6" s="188">
        <v>1</v>
      </c>
      <c r="AM6" s="188">
        <v>12</v>
      </c>
      <c r="AN6" s="186">
        <v>20</v>
      </c>
      <c r="AO6" s="189">
        <v>35</v>
      </c>
      <c r="AP6" s="191">
        <v>35</v>
      </c>
      <c r="AQ6" s="37"/>
    </row>
    <row r="7" spans="2:43" ht="20.25" customHeight="1" x14ac:dyDescent="0.2">
      <c r="B7" s="62" t="s">
        <v>5</v>
      </c>
      <c r="C7" s="194">
        <v>0</v>
      </c>
      <c r="D7" s="195">
        <v>0</v>
      </c>
      <c r="E7" s="195">
        <v>0</v>
      </c>
      <c r="F7" s="196">
        <v>2</v>
      </c>
      <c r="G7" s="197">
        <v>23</v>
      </c>
      <c r="H7" s="197">
        <v>115</v>
      </c>
      <c r="I7" s="197">
        <v>181</v>
      </c>
      <c r="J7" s="195">
        <v>136</v>
      </c>
      <c r="K7" s="198">
        <v>457</v>
      </c>
      <c r="L7" s="199">
        <v>457</v>
      </c>
      <c r="M7" s="194">
        <v>0</v>
      </c>
      <c r="N7" s="195">
        <v>0</v>
      </c>
      <c r="O7" s="198">
        <v>0</v>
      </c>
      <c r="P7" s="201">
        <v>23</v>
      </c>
      <c r="Q7" s="197">
        <v>70</v>
      </c>
      <c r="R7" s="197">
        <v>100</v>
      </c>
      <c r="S7" s="197">
        <v>119</v>
      </c>
      <c r="T7" s="195">
        <v>73</v>
      </c>
      <c r="U7" s="198">
        <v>385</v>
      </c>
      <c r="V7" s="202">
        <v>385</v>
      </c>
      <c r="W7" s="201">
        <v>0</v>
      </c>
      <c r="X7" s="195">
        <v>0</v>
      </c>
      <c r="Y7" s="195">
        <v>0</v>
      </c>
      <c r="Z7" s="196">
        <v>0</v>
      </c>
      <c r="AA7" s="197">
        <v>1</v>
      </c>
      <c r="AB7" s="197">
        <v>0</v>
      </c>
      <c r="AC7" s="197">
        <v>4</v>
      </c>
      <c r="AD7" s="195">
        <v>6</v>
      </c>
      <c r="AE7" s="198">
        <v>11</v>
      </c>
      <c r="AF7" s="199">
        <v>11</v>
      </c>
      <c r="AG7" s="194">
        <v>0</v>
      </c>
      <c r="AH7" s="195">
        <v>0</v>
      </c>
      <c r="AI7" s="195">
        <v>0</v>
      </c>
      <c r="AJ7" s="196">
        <v>0</v>
      </c>
      <c r="AK7" s="197">
        <v>1</v>
      </c>
      <c r="AL7" s="197">
        <v>0</v>
      </c>
      <c r="AM7" s="197">
        <v>4</v>
      </c>
      <c r="AN7" s="195">
        <v>10</v>
      </c>
      <c r="AO7" s="198">
        <v>15</v>
      </c>
      <c r="AP7" s="200">
        <v>15</v>
      </c>
      <c r="AQ7" s="37"/>
    </row>
    <row r="8" spans="2:43" ht="20.25" customHeight="1" x14ac:dyDescent="0.2">
      <c r="B8" s="62" t="s">
        <v>6</v>
      </c>
      <c r="C8" s="194">
        <v>0</v>
      </c>
      <c r="D8" s="195">
        <v>0</v>
      </c>
      <c r="E8" s="195">
        <v>0</v>
      </c>
      <c r="F8" s="196">
        <v>0</v>
      </c>
      <c r="G8" s="197">
        <v>3</v>
      </c>
      <c r="H8" s="197">
        <v>32</v>
      </c>
      <c r="I8" s="197">
        <v>52</v>
      </c>
      <c r="J8" s="195">
        <v>38</v>
      </c>
      <c r="K8" s="198">
        <v>125</v>
      </c>
      <c r="L8" s="199">
        <v>125</v>
      </c>
      <c r="M8" s="194">
        <v>0</v>
      </c>
      <c r="N8" s="195">
        <v>0</v>
      </c>
      <c r="O8" s="198">
        <v>0</v>
      </c>
      <c r="P8" s="201">
        <v>7</v>
      </c>
      <c r="Q8" s="197">
        <v>20</v>
      </c>
      <c r="R8" s="197">
        <v>28</v>
      </c>
      <c r="S8" s="197">
        <v>44</v>
      </c>
      <c r="T8" s="195">
        <v>16</v>
      </c>
      <c r="U8" s="198">
        <v>115</v>
      </c>
      <c r="V8" s="202">
        <v>115</v>
      </c>
      <c r="W8" s="201">
        <v>0</v>
      </c>
      <c r="X8" s="195">
        <v>0</v>
      </c>
      <c r="Y8" s="195">
        <v>0</v>
      </c>
      <c r="Z8" s="196">
        <v>0</v>
      </c>
      <c r="AA8" s="197">
        <v>0</v>
      </c>
      <c r="AB8" s="197">
        <v>0</v>
      </c>
      <c r="AC8" s="197">
        <v>9</v>
      </c>
      <c r="AD8" s="195">
        <v>10</v>
      </c>
      <c r="AE8" s="198">
        <v>19</v>
      </c>
      <c r="AF8" s="199">
        <v>19</v>
      </c>
      <c r="AG8" s="194">
        <v>0</v>
      </c>
      <c r="AH8" s="195">
        <v>0</v>
      </c>
      <c r="AI8" s="195">
        <v>0</v>
      </c>
      <c r="AJ8" s="196">
        <v>0</v>
      </c>
      <c r="AK8" s="197">
        <v>0</v>
      </c>
      <c r="AL8" s="197">
        <v>0</v>
      </c>
      <c r="AM8" s="197">
        <v>2</v>
      </c>
      <c r="AN8" s="195">
        <v>1</v>
      </c>
      <c r="AO8" s="198">
        <v>3</v>
      </c>
      <c r="AP8" s="200">
        <v>3</v>
      </c>
      <c r="AQ8" s="37"/>
    </row>
    <row r="9" spans="2:43" ht="20.25" customHeight="1" x14ac:dyDescent="0.2">
      <c r="B9" s="62" t="s">
        <v>14</v>
      </c>
      <c r="C9" s="194">
        <v>0</v>
      </c>
      <c r="D9" s="195">
        <v>0</v>
      </c>
      <c r="E9" s="195">
        <v>0</v>
      </c>
      <c r="F9" s="196">
        <v>0</v>
      </c>
      <c r="G9" s="197">
        <v>0</v>
      </c>
      <c r="H9" s="197">
        <v>18</v>
      </c>
      <c r="I9" s="197">
        <v>35</v>
      </c>
      <c r="J9" s="195">
        <v>19</v>
      </c>
      <c r="K9" s="198">
        <v>72</v>
      </c>
      <c r="L9" s="199">
        <v>72</v>
      </c>
      <c r="M9" s="194">
        <v>0</v>
      </c>
      <c r="N9" s="195">
        <v>0</v>
      </c>
      <c r="O9" s="198">
        <v>0</v>
      </c>
      <c r="P9" s="201">
        <v>3</v>
      </c>
      <c r="Q9" s="197">
        <v>11</v>
      </c>
      <c r="R9" s="197">
        <v>9</v>
      </c>
      <c r="S9" s="197">
        <v>12</v>
      </c>
      <c r="T9" s="195">
        <v>1</v>
      </c>
      <c r="U9" s="198">
        <v>36</v>
      </c>
      <c r="V9" s="202">
        <v>36</v>
      </c>
      <c r="W9" s="201">
        <v>0</v>
      </c>
      <c r="X9" s="195">
        <v>0</v>
      </c>
      <c r="Y9" s="195">
        <v>0</v>
      </c>
      <c r="Z9" s="196">
        <v>0</v>
      </c>
      <c r="AA9" s="197">
        <v>0</v>
      </c>
      <c r="AB9" s="197">
        <v>0</v>
      </c>
      <c r="AC9" s="197">
        <v>0</v>
      </c>
      <c r="AD9" s="195">
        <v>0</v>
      </c>
      <c r="AE9" s="198">
        <v>0</v>
      </c>
      <c r="AF9" s="199">
        <v>0</v>
      </c>
      <c r="AG9" s="194">
        <v>0</v>
      </c>
      <c r="AH9" s="195">
        <v>0</v>
      </c>
      <c r="AI9" s="195">
        <v>0</v>
      </c>
      <c r="AJ9" s="196">
        <v>0</v>
      </c>
      <c r="AK9" s="197">
        <v>0</v>
      </c>
      <c r="AL9" s="197">
        <v>0</v>
      </c>
      <c r="AM9" s="197">
        <v>1</v>
      </c>
      <c r="AN9" s="195">
        <v>2</v>
      </c>
      <c r="AO9" s="198">
        <v>3</v>
      </c>
      <c r="AP9" s="200">
        <v>3</v>
      </c>
      <c r="AQ9" s="37"/>
    </row>
    <row r="10" spans="2:43" ht="20.25" customHeight="1" x14ac:dyDescent="0.2">
      <c r="B10" s="62" t="s">
        <v>7</v>
      </c>
      <c r="C10" s="194">
        <v>0</v>
      </c>
      <c r="D10" s="195">
        <v>0</v>
      </c>
      <c r="E10" s="195">
        <v>0</v>
      </c>
      <c r="F10" s="196">
        <v>0</v>
      </c>
      <c r="G10" s="197">
        <v>1</v>
      </c>
      <c r="H10" s="197">
        <v>1</v>
      </c>
      <c r="I10" s="197">
        <v>20</v>
      </c>
      <c r="J10" s="195">
        <v>10</v>
      </c>
      <c r="K10" s="198">
        <v>32</v>
      </c>
      <c r="L10" s="199">
        <v>32</v>
      </c>
      <c r="M10" s="194">
        <v>0</v>
      </c>
      <c r="N10" s="195">
        <v>0</v>
      </c>
      <c r="O10" s="198">
        <v>0</v>
      </c>
      <c r="P10" s="201">
        <v>2</v>
      </c>
      <c r="Q10" s="197">
        <v>7</v>
      </c>
      <c r="R10" s="197">
        <v>5</v>
      </c>
      <c r="S10" s="197">
        <v>3</v>
      </c>
      <c r="T10" s="195">
        <v>2</v>
      </c>
      <c r="U10" s="198">
        <v>19</v>
      </c>
      <c r="V10" s="202">
        <v>19</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0.25" customHeight="1" x14ac:dyDescent="0.2">
      <c r="B11" s="62" t="s">
        <v>8</v>
      </c>
      <c r="C11" s="194">
        <v>0</v>
      </c>
      <c r="D11" s="195">
        <v>0</v>
      </c>
      <c r="E11" s="195">
        <v>0</v>
      </c>
      <c r="F11" s="196">
        <v>1</v>
      </c>
      <c r="G11" s="197">
        <v>2</v>
      </c>
      <c r="H11" s="197">
        <v>1</v>
      </c>
      <c r="I11" s="197">
        <v>9</v>
      </c>
      <c r="J11" s="195">
        <v>6</v>
      </c>
      <c r="K11" s="198">
        <v>19</v>
      </c>
      <c r="L11" s="199">
        <v>19</v>
      </c>
      <c r="M11" s="194">
        <v>0</v>
      </c>
      <c r="N11" s="195">
        <v>0</v>
      </c>
      <c r="O11" s="198">
        <v>0</v>
      </c>
      <c r="P11" s="201">
        <v>0</v>
      </c>
      <c r="Q11" s="197">
        <v>3</v>
      </c>
      <c r="R11" s="197">
        <v>4</v>
      </c>
      <c r="S11" s="197">
        <v>8</v>
      </c>
      <c r="T11" s="195">
        <v>1</v>
      </c>
      <c r="U11" s="198">
        <v>16</v>
      </c>
      <c r="V11" s="202">
        <v>16</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0</v>
      </c>
      <c r="AN11" s="195">
        <v>0</v>
      </c>
      <c r="AO11" s="198">
        <v>0</v>
      </c>
      <c r="AP11" s="200">
        <v>0</v>
      </c>
      <c r="AQ11" s="37"/>
    </row>
    <row r="12" spans="2:43" ht="20.25" customHeight="1" x14ac:dyDescent="0.2">
      <c r="B12" s="62" t="s">
        <v>9</v>
      </c>
      <c r="C12" s="194">
        <v>0</v>
      </c>
      <c r="D12" s="195">
        <v>0</v>
      </c>
      <c r="E12" s="195">
        <v>0</v>
      </c>
      <c r="F12" s="196">
        <v>0</v>
      </c>
      <c r="G12" s="197">
        <v>0</v>
      </c>
      <c r="H12" s="197">
        <v>6</v>
      </c>
      <c r="I12" s="197">
        <v>19</v>
      </c>
      <c r="J12" s="195">
        <v>16</v>
      </c>
      <c r="K12" s="198">
        <v>41</v>
      </c>
      <c r="L12" s="199">
        <v>41</v>
      </c>
      <c r="M12" s="194">
        <v>0</v>
      </c>
      <c r="N12" s="195">
        <v>0</v>
      </c>
      <c r="O12" s="198">
        <v>0</v>
      </c>
      <c r="P12" s="201">
        <v>2</v>
      </c>
      <c r="Q12" s="197">
        <v>3</v>
      </c>
      <c r="R12" s="197">
        <v>8</v>
      </c>
      <c r="S12" s="197">
        <v>7</v>
      </c>
      <c r="T12" s="195">
        <v>6</v>
      </c>
      <c r="U12" s="198">
        <v>26</v>
      </c>
      <c r="V12" s="202">
        <v>26</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0</v>
      </c>
      <c r="AO12" s="198">
        <v>0</v>
      </c>
      <c r="AP12" s="200">
        <v>0</v>
      </c>
      <c r="AQ12" s="37"/>
    </row>
    <row r="13" spans="2:43" ht="20.25" customHeight="1" x14ac:dyDescent="0.2">
      <c r="B13" s="62" t="s">
        <v>10</v>
      </c>
      <c r="C13" s="194">
        <v>0</v>
      </c>
      <c r="D13" s="195">
        <v>0</v>
      </c>
      <c r="E13" s="195">
        <v>0</v>
      </c>
      <c r="F13" s="196">
        <v>0</v>
      </c>
      <c r="G13" s="197">
        <v>2</v>
      </c>
      <c r="H13" s="197">
        <v>16</v>
      </c>
      <c r="I13" s="197">
        <v>20</v>
      </c>
      <c r="J13" s="195">
        <v>12</v>
      </c>
      <c r="K13" s="198">
        <v>50</v>
      </c>
      <c r="L13" s="199">
        <v>50</v>
      </c>
      <c r="M13" s="194">
        <v>0</v>
      </c>
      <c r="N13" s="195">
        <v>0</v>
      </c>
      <c r="O13" s="198">
        <v>0</v>
      </c>
      <c r="P13" s="201">
        <v>2</v>
      </c>
      <c r="Q13" s="197">
        <v>5</v>
      </c>
      <c r="R13" s="197">
        <v>10</v>
      </c>
      <c r="S13" s="197">
        <v>6</v>
      </c>
      <c r="T13" s="195">
        <v>2</v>
      </c>
      <c r="U13" s="198">
        <v>25</v>
      </c>
      <c r="V13" s="202">
        <v>25</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2</v>
      </c>
      <c r="AO13" s="198">
        <v>2</v>
      </c>
      <c r="AP13" s="200">
        <v>2</v>
      </c>
      <c r="AQ13" s="37"/>
    </row>
    <row r="14" spans="2:43" ht="20.25" customHeight="1" x14ac:dyDescent="0.2">
      <c r="B14" s="62" t="s">
        <v>11</v>
      </c>
      <c r="C14" s="194">
        <v>0</v>
      </c>
      <c r="D14" s="195">
        <v>0</v>
      </c>
      <c r="E14" s="195">
        <v>0</v>
      </c>
      <c r="F14" s="196">
        <v>0</v>
      </c>
      <c r="G14" s="197">
        <v>0</v>
      </c>
      <c r="H14" s="197">
        <v>0</v>
      </c>
      <c r="I14" s="197">
        <v>11</v>
      </c>
      <c r="J14" s="195">
        <v>5</v>
      </c>
      <c r="K14" s="198">
        <v>16</v>
      </c>
      <c r="L14" s="199">
        <v>16</v>
      </c>
      <c r="M14" s="194">
        <v>0</v>
      </c>
      <c r="N14" s="195">
        <v>0</v>
      </c>
      <c r="O14" s="198">
        <v>0</v>
      </c>
      <c r="P14" s="201">
        <v>3</v>
      </c>
      <c r="Q14" s="197">
        <v>2</v>
      </c>
      <c r="R14" s="197">
        <v>3</v>
      </c>
      <c r="S14" s="197">
        <v>4</v>
      </c>
      <c r="T14" s="195">
        <v>2</v>
      </c>
      <c r="U14" s="198">
        <v>14</v>
      </c>
      <c r="V14" s="202">
        <v>14</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0</v>
      </c>
      <c r="AO14" s="198">
        <v>0</v>
      </c>
      <c r="AP14" s="200">
        <v>0</v>
      </c>
      <c r="AQ14" s="37"/>
    </row>
    <row r="15" spans="2:43" ht="20.25" customHeight="1" x14ac:dyDescent="0.2">
      <c r="B15" s="62" t="s">
        <v>12</v>
      </c>
      <c r="C15" s="194">
        <v>0</v>
      </c>
      <c r="D15" s="195">
        <v>0</v>
      </c>
      <c r="E15" s="195">
        <v>0</v>
      </c>
      <c r="F15" s="196">
        <v>0</v>
      </c>
      <c r="G15" s="197">
        <v>0</v>
      </c>
      <c r="H15" s="197">
        <v>5</v>
      </c>
      <c r="I15" s="197">
        <v>12</v>
      </c>
      <c r="J15" s="195">
        <v>5</v>
      </c>
      <c r="K15" s="198">
        <v>22</v>
      </c>
      <c r="L15" s="199">
        <v>22</v>
      </c>
      <c r="M15" s="194">
        <v>0</v>
      </c>
      <c r="N15" s="195">
        <v>0</v>
      </c>
      <c r="O15" s="198">
        <v>0</v>
      </c>
      <c r="P15" s="201">
        <v>0</v>
      </c>
      <c r="Q15" s="197">
        <v>5</v>
      </c>
      <c r="R15" s="197">
        <v>6</v>
      </c>
      <c r="S15" s="197">
        <v>12</v>
      </c>
      <c r="T15" s="195">
        <v>3</v>
      </c>
      <c r="U15" s="198">
        <v>26</v>
      </c>
      <c r="V15" s="202">
        <v>26</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0.25" customHeight="1" x14ac:dyDescent="0.2">
      <c r="B16" s="62" t="s">
        <v>13</v>
      </c>
      <c r="C16" s="194">
        <v>0</v>
      </c>
      <c r="D16" s="195">
        <v>0</v>
      </c>
      <c r="E16" s="195">
        <v>0</v>
      </c>
      <c r="F16" s="196">
        <v>0</v>
      </c>
      <c r="G16" s="197">
        <v>0</v>
      </c>
      <c r="H16" s="197">
        <v>3</v>
      </c>
      <c r="I16" s="197">
        <v>3</v>
      </c>
      <c r="J16" s="195">
        <v>3</v>
      </c>
      <c r="K16" s="198">
        <v>9</v>
      </c>
      <c r="L16" s="199">
        <v>9</v>
      </c>
      <c r="M16" s="194">
        <v>0</v>
      </c>
      <c r="N16" s="195">
        <v>0</v>
      </c>
      <c r="O16" s="198">
        <v>0</v>
      </c>
      <c r="P16" s="201">
        <v>0</v>
      </c>
      <c r="Q16" s="197">
        <v>0</v>
      </c>
      <c r="R16" s="197">
        <v>2</v>
      </c>
      <c r="S16" s="197">
        <v>3</v>
      </c>
      <c r="T16" s="195">
        <v>1</v>
      </c>
      <c r="U16" s="198">
        <v>6</v>
      </c>
      <c r="V16" s="202">
        <v>6</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0.25" customHeight="1" x14ac:dyDescent="0.2">
      <c r="B17" s="62" t="s">
        <v>15</v>
      </c>
      <c r="C17" s="194">
        <v>0</v>
      </c>
      <c r="D17" s="195">
        <v>0</v>
      </c>
      <c r="E17" s="195">
        <v>0</v>
      </c>
      <c r="F17" s="196">
        <v>0</v>
      </c>
      <c r="G17" s="197">
        <v>0</v>
      </c>
      <c r="H17" s="197">
        <v>0</v>
      </c>
      <c r="I17" s="197">
        <v>1</v>
      </c>
      <c r="J17" s="195">
        <v>1</v>
      </c>
      <c r="K17" s="198">
        <v>2</v>
      </c>
      <c r="L17" s="199">
        <v>2</v>
      </c>
      <c r="M17" s="194">
        <v>0</v>
      </c>
      <c r="N17" s="195">
        <v>0</v>
      </c>
      <c r="O17" s="198">
        <v>0</v>
      </c>
      <c r="P17" s="201">
        <v>1</v>
      </c>
      <c r="Q17" s="197">
        <v>0</v>
      </c>
      <c r="R17" s="197">
        <v>1</v>
      </c>
      <c r="S17" s="197">
        <v>2</v>
      </c>
      <c r="T17" s="195">
        <v>0</v>
      </c>
      <c r="U17" s="198">
        <v>4</v>
      </c>
      <c r="V17" s="202">
        <v>4</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0.25" customHeight="1" x14ac:dyDescent="0.2">
      <c r="B18" s="62" t="s">
        <v>16</v>
      </c>
      <c r="C18" s="194">
        <v>0</v>
      </c>
      <c r="D18" s="195">
        <v>0</v>
      </c>
      <c r="E18" s="195">
        <v>0</v>
      </c>
      <c r="F18" s="196">
        <v>0</v>
      </c>
      <c r="G18" s="197">
        <v>0</v>
      </c>
      <c r="H18" s="197">
        <v>5</v>
      </c>
      <c r="I18" s="197">
        <v>7</v>
      </c>
      <c r="J18" s="195">
        <v>2</v>
      </c>
      <c r="K18" s="198">
        <v>14</v>
      </c>
      <c r="L18" s="199">
        <v>14</v>
      </c>
      <c r="M18" s="194">
        <v>0</v>
      </c>
      <c r="N18" s="195">
        <v>0</v>
      </c>
      <c r="O18" s="198">
        <v>0</v>
      </c>
      <c r="P18" s="201">
        <v>1</v>
      </c>
      <c r="Q18" s="197">
        <v>3</v>
      </c>
      <c r="R18" s="197">
        <v>4</v>
      </c>
      <c r="S18" s="197">
        <v>5</v>
      </c>
      <c r="T18" s="195">
        <v>3</v>
      </c>
      <c r="U18" s="198">
        <v>16</v>
      </c>
      <c r="V18" s="202">
        <v>16</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3</v>
      </c>
      <c r="AN18" s="195">
        <v>0</v>
      </c>
      <c r="AO18" s="198">
        <v>3</v>
      </c>
      <c r="AP18" s="200">
        <v>3</v>
      </c>
      <c r="AQ18" s="37"/>
    </row>
    <row r="19" spans="2:43" ht="20.25" customHeight="1" x14ac:dyDescent="0.2">
      <c r="B19" s="62" t="s">
        <v>17</v>
      </c>
      <c r="C19" s="194">
        <v>0</v>
      </c>
      <c r="D19" s="195">
        <v>0</v>
      </c>
      <c r="E19" s="195">
        <v>0</v>
      </c>
      <c r="F19" s="196">
        <v>1</v>
      </c>
      <c r="G19" s="197">
        <v>1</v>
      </c>
      <c r="H19" s="197">
        <v>8</v>
      </c>
      <c r="I19" s="197">
        <v>4</v>
      </c>
      <c r="J19" s="195">
        <v>6</v>
      </c>
      <c r="K19" s="198">
        <v>20</v>
      </c>
      <c r="L19" s="199">
        <v>20</v>
      </c>
      <c r="M19" s="194">
        <v>0</v>
      </c>
      <c r="N19" s="195">
        <v>0</v>
      </c>
      <c r="O19" s="198">
        <v>0</v>
      </c>
      <c r="P19" s="201">
        <v>1</v>
      </c>
      <c r="Q19" s="197">
        <v>3</v>
      </c>
      <c r="R19" s="197">
        <v>12</v>
      </c>
      <c r="S19" s="197">
        <v>5</v>
      </c>
      <c r="T19" s="195">
        <v>4</v>
      </c>
      <c r="U19" s="198">
        <v>25</v>
      </c>
      <c r="V19" s="202">
        <v>25</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1</v>
      </c>
      <c r="AM19" s="197">
        <v>0</v>
      </c>
      <c r="AN19" s="195">
        <v>0</v>
      </c>
      <c r="AO19" s="198">
        <v>1</v>
      </c>
      <c r="AP19" s="200">
        <v>1</v>
      </c>
      <c r="AQ19" s="37"/>
    </row>
    <row r="20" spans="2:43" ht="20.25" customHeight="1" x14ac:dyDescent="0.2">
      <c r="B20" s="62" t="s">
        <v>18</v>
      </c>
      <c r="C20" s="194">
        <v>0</v>
      </c>
      <c r="D20" s="195">
        <v>0</v>
      </c>
      <c r="E20" s="195">
        <v>0</v>
      </c>
      <c r="F20" s="196">
        <v>0</v>
      </c>
      <c r="G20" s="197">
        <v>0</v>
      </c>
      <c r="H20" s="197">
        <v>6</v>
      </c>
      <c r="I20" s="197">
        <v>12</v>
      </c>
      <c r="J20" s="195">
        <v>3</v>
      </c>
      <c r="K20" s="198">
        <v>21</v>
      </c>
      <c r="L20" s="199">
        <v>21</v>
      </c>
      <c r="M20" s="194">
        <v>0</v>
      </c>
      <c r="N20" s="195">
        <v>0</v>
      </c>
      <c r="O20" s="198">
        <v>0</v>
      </c>
      <c r="P20" s="201">
        <v>4</v>
      </c>
      <c r="Q20" s="197">
        <v>1</v>
      </c>
      <c r="R20" s="197">
        <v>5</v>
      </c>
      <c r="S20" s="197">
        <v>3</v>
      </c>
      <c r="T20" s="195">
        <v>3</v>
      </c>
      <c r="U20" s="198">
        <v>16</v>
      </c>
      <c r="V20" s="202">
        <v>16</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0</v>
      </c>
      <c r="AM20" s="197">
        <v>0</v>
      </c>
      <c r="AN20" s="195">
        <v>0</v>
      </c>
      <c r="AO20" s="198">
        <v>0</v>
      </c>
      <c r="AP20" s="200">
        <v>0</v>
      </c>
      <c r="AQ20" s="37"/>
    </row>
    <row r="21" spans="2:43" ht="20.25" customHeight="1" x14ac:dyDescent="0.2">
      <c r="B21" s="62" t="s">
        <v>19</v>
      </c>
      <c r="C21" s="194">
        <v>0</v>
      </c>
      <c r="D21" s="195">
        <v>0</v>
      </c>
      <c r="E21" s="195">
        <v>0</v>
      </c>
      <c r="F21" s="196">
        <v>0</v>
      </c>
      <c r="G21" s="197">
        <v>0</v>
      </c>
      <c r="H21" s="197">
        <v>2</v>
      </c>
      <c r="I21" s="197">
        <v>6</v>
      </c>
      <c r="J21" s="195">
        <v>2</v>
      </c>
      <c r="K21" s="198">
        <v>10</v>
      </c>
      <c r="L21" s="199">
        <v>10</v>
      </c>
      <c r="M21" s="194">
        <v>0</v>
      </c>
      <c r="N21" s="195">
        <v>0</v>
      </c>
      <c r="O21" s="198">
        <v>0</v>
      </c>
      <c r="P21" s="201">
        <v>0</v>
      </c>
      <c r="Q21" s="197">
        <v>2</v>
      </c>
      <c r="R21" s="197">
        <v>4</v>
      </c>
      <c r="S21" s="197">
        <v>0</v>
      </c>
      <c r="T21" s="195">
        <v>1</v>
      </c>
      <c r="U21" s="198">
        <v>7</v>
      </c>
      <c r="V21" s="202">
        <v>7</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0.25" customHeight="1" x14ac:dyDescent="0.2">
      <c r="B22" s="62" t="s">
        <v>20</v>
      </c>
      <c r="C22" s="194">
        <v>0</v>
      </c>
      <c r="D22" s="195">
        <v>0</v>
      </c>
      <c r="E22" s="195">
        <v>0</v>
      </c>
      <c r="F22" s="196">
        <v>0</v>
      </c>
      <c r="G22" s="197">
        <v>1</v>
      </c>
      <c r="H22" s="197">
        <v>4</v>
      </c>
      <c r="I22" s="197">
        <v>10</v>
      </c>
      <c r="J22" s="195">
        <v>3</v>
      </c>
      <c r="K22" s="198">
        <v>18</v>
      </c>
      <c r="L22" s="199">
        <v>18</v>
      </c>
      <c r="M22" s="194">
        <v>0</v>
      </c>
      <c r="N22" s="195">
        <v>0</v>
      </c>
      <c r="O22" s="198">
        <v>0</v>
      </c>
      <c r="P22" s="201">
        <v>1</v>
      </c>
      <c r="Q22" s="197">
        <v>1</v>
      </c>
      <c r="R22" s="197">
        <v>3</v>
      </c>
      <c r="S22" s="197">
        <v>2</v>
      </c>
      <c r="T22" s="195">
        <v>1</v>
      </c>
      <c r="U22" s="198">
        <v>8</v>
      </c>
      <c r="V22" s="202">
        <v>8</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1</v>
      </c>
      <c r="AO22" s="198">
        <v>1</v>
      </c>
      <c r="AP22" s="200">
        <v>1</v>
      </c>
      <c r="AQ22" s="37"/>
    </row>
    <row r="23" spans="2:43" ht="20.25" customHeight="1" x14ac:dyDescent="0.2">
      <c r="B23" s="62" t="s">
        <v>21</v>
      </c>
      <c r="C23" s="194">
        <v>0</v>
      </c>
      <c r="D23" s="195">
        <v>0</v>
      </c>
      <c r="E23" s="195">
        <v>0</v>
      </c>
      <c r="F23" s="196">
        <v>0</v>
      </c>
      <c r="G23" s="197">
        <v>0</v>
      </c>
      <c r="H23" s="197">
        <v>2</v>
      </c>
      <c r="I23" s="197">
        <v>5</v>
      </c>
      <c r="J23" s="195">
        <v>2</v>
      </c>
      <c r="K23" s="198">
        <v>9</v>
      </c>
      <c r="L23" s="199">
        <v>9</v>
      </c>
      <c r="M23" s="194">
        <v>0</v>
      </c>
      <c r="N23" s="195">
        <v>0</v>
      </c>
      <c r="O23" s="198">
        <v>0</v>
      </c>
      <c r="P23" s="201">
        <v>0</v>
      </c>
      <c r="Q23" s="197">
        <v>3</v>
      </c>
      <c r="R23" s="197">
        <v>2</v>
      </c>
      <c r="S23" s="197">
        <v>2</v>
      </c>
      <c r="T23" s="195">
        <v>1</v>
      </c>
      <c r="U23" s="198">
        <v>8</v>
      </c>
      <c r="V23" s="202">
        <v>8</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1</v>
      </c>
      <c r="AO23" s="198">
        <v>1</v>
      </c>
      <c r="AP23" s="200">
        <v>1</v>
      </c>
      <c r="AQ23" s="37"/>
    </row>
    <row r="24" spans="2:43" ht="20.25" customHeight="1" x14ac:dyDescent="0.2">
      <c r="B24" s="62" t="s">
        <v>22</v>
      </c>
      <c r="C24" s="194">
        <v>0</v>
      </c>
      <c r="D24" s="195">
        <v>0</v>
      </c>
      <c r="E24" s="195">
        <v>0</v>
      </c>
      <c r="F24" s="196">
        <v>0</v>
      </c>
      <c r="G24" s="197">
        <v>0</v>
      </c>
      <c r="H24" s="197">
        <v>0</v>
      </c>
      <c r="I24" s="197">
        <v>0</v>
      </c>
      <c r="J24" s="195">
        <v>0</v>
      </c>
      <c r="K24" s="198">
        <v>0</v>
      </c>
      <c r="L24" s="199">
        <v>0</v>
      </c>
      <c r="M24" s="194">
        <v>0</v>
      </c>
      <c r="N24" s="195">
        <v>0</v>
      </c>
      <c r="O24" s="198">
        <v>0</v>
      </c>
      <c r="P24" s="201">
        <v>1</v>
      </c>
      <c r="Q24" s="197">
        <v>0</v>
      </c>
      <c r="R24" s="197">
        <v>3</v>
      </c>
      <c r="S24" s="197">
        <v>1</v>
      </c>
      <c r="T24" s="195">
        <v>0</v>
      </c>
      <c r="U24" s="198">
        <v>5</v>
      </c>
      <c r="V24" s="202">
        <v>5</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0.25" customHeight="1" x14ac:dyDescent="0.2">
      <c r="B25" s="62" t="s">
        <v>23</v>
      </c>
      <c r="C25" s="194">
        <v>0</v>
      </c>
      <c r="D25" s="195">
        <v>0</v>
      </c>
      <c r="E25" s="195">
        <v>0</v>
      </c>
      <c r="F25" s="196">
        <v>0</v>
      </c>
      <c r="G25" s="197">
        <v>0</v>
      </c>
      <c r="H25" s="197">
        <v>2</v>
      </c>
      <c r="I25" s="197">
        <v>6</v>
      </c>
      <c r="J25" s="195">
        <v>1</v>
      </c>
      <c r="K25" s="198">
        <v>9</v>
      </c>
      <c r="L25" s="199">
        <v>9</v>
      </c>
      <c r="M25" s="194">
        <v>0</v>
      </c>
      <c r="N25" s="195">
        <v>0</v>
      </c>
      <c r="O25" s="198">
        <v>0</v>
      </c>
      <c r="P25" s="201">
        <v>0</v>
      </c>
      <c r="Q25" s="197">
        <v>1</v>
      </c>
      <c r="R25" s="197">
        <v>2</v>
      </c>
      <c r="S25" s="197">
        <v>1</v>
      </c>
      <c r="T25" s="195">
        <v>2</v>
      </c>
      <c r="U25" s="198">
        <v>6</v>
      </c>
      <c r="V25" s="202">
        <v>6</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1</v>
      </c>
      <c r="AO25" s="198">
        <v>1</v>
      </c>
      <c r="AP25" s="200">
        <v>1</v>
      </c>
      <c r="AQ25" s="37"/>
    </row>
    <row r="26" spans="2:43" ht="20.25" customHeight="1" x14ac:dyDescent="0.2">
      <c r="B26" s="62" t="s">
        <v>24</v>
      </c>
      <c r="C26" s="194">
        <v>0</v>
      </c>
      <c r="D26" s="195">
        <v>0</v>
      </c>
      <c r="E26" s="195">
        <v>0</v>
      </c>
      <c r="F26" s="196">
        <v>0</v>
      </c>
      <c r="G26" s="197">
        <v>0</v>
      </c>
      <c r="H26" s="197">
        <v>1</v>
      </c>
      <c r="I26" s="197">
        <v>2</v>
      </c>
      <c r="J26" s="195">
        <v>0</v>
      </c>
      <c r="K26" s="198">
        <v>3</v>
      </c>
      <c r="L26" s="199">
        <v>3</v>
      </c>
      <c r="M26" s="194">
        <v>0</v>
      </c>
      <c r="N26" s="195">
        <v>0</v>
      </c>
      <c r="O26" s="198">
        <v>0</v>
      </c>
      <c r="P26" s="201">
        <v>1</v>
      </c>
      <c r="Q26" s="197">
        <v>1</v>
      </c>
      <c r="R26" s="197">
        <v>0</v>
      </c>
      <c r="S26" s="197">
        <v>1</v>
      </c>
      <c r="T26" s="195">
        <v>0</v>
      </c>
      <c r="U26" s="198">
        <v>3</v>
      </c>
      <c r="V26" s="202">
        <v>3</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0.25" customHeight="1" x14ac:dyDescent="0.2">
      <c r="B27" s="62" t="s">
        <v>25</v>
      </c>
      <c r="C27" s="194">
        <v>0</v>
      </c>
      <c r="D27" s="195">
        <v>0</v>
      </c>
      <c r="E27" s="195">
        <v>0</v>
      </c>
      <c r="F27" s="196">
        <v>0</v>
      </c>
      <c r="G27" s="197">
        <v>0</v>
      </c>
      <c r="H27" s="197">
        <v>1</v>
      </c>
      <c r="I27" s="197">
        <v>1</v>
      </c>
      <c r="J27" s="195">
        <v>1</v>
      </c>
      <c r="K27" s="198">
        <v>3</v>
      </c>
      <c r="L27" s="199">
        <v>3</v>
      </c>
      <c r="M27" s="194">
        <v>0</v>
      </c>
      <c r="N27" s="195">
        <v>0</v>
      </c>
      <c r="O27" s="198">
        <v>0</v>
      </c>
      <c r="P27" s="201">
        <v>0</v>
      </c>
      <c r="Q27" s="197">
        <v>0</v>
      </c>
      <c r="R27" s="197">
        <v>0</v>
      </c>
      <c r="S27" s="197">
        <v>1</v>
      </c>
      <c r="T27" s="195">
        <v>1</v>
      </c>
      <c r="U27" s="198">
        <v>2</v>
      </c>
      <c r="V27" s="202">
        <v>2</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0.25" customHeight="1" x14ac:dyDescent="0.2">
      <c r="B28" s="62" t="s">
        <v>26</v>
      </c>
      <c r="C28" s="194">
        <v>0</v>
      </c>
      <c r="D28" s="195">
        <v>0</v>
      </c>
      <c r="E28" s="195">
        <v>0</v>
      </c>
      <c r="F28" s="196">
        <v>0</v>
      </c>
      <c r="G28" s="197">
        <v>0</v>
      </c>
      <c r="H28" s="197">
        <v>0</v>
      </c>
      <c r="I28" s="197">
        <v>0</v>
      </c>
      <c r="J28" s="195">
        <v>1</v>
      </c>
      <c r="K28" s="198">
        <v>1</v>
      </c>
      <c r="L28" s="199">
        <v>1</v>
      </c>
      <c r="M28" s="194">
        <v>0</v>
      </c>
      <c r="N28" s="195">
        <v>0</v>
      </c>
      <c r="O28" s="198">
        <v>0</v>
      </c>
      <c r="P28" s="201">
        <v>1</v>
      </c>
      <c r="Q28" s="197">
        <v>0</v>
      </c>
      <c r="R28" s="197">
        <v>1</v>
      </c>
      <c r="S28" s="197">
        <v>0</v>
      </c>
      <c r="T28" s="195">
        <v>0</v>
      </c>
      <c r="U28" s="198">
        <v>2</v>
      </c>
      <c r="V28" s="202">
        <v>2</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0.25" customHeight="1" x14ac:dyDescent="0.2">
      <c r="B29" s="62" t="s">
        <v>27</v>
      </c>
      <c r="C29" s="194">
        <v>0</v>
      </c>
      <c r="D29" s="195">
        <v>0</v>
      </c>
      <c r="E29" s="195">
        <v>0</v>
      </c>
      <c r="F29" s="196">
        <v>0</v>
      </c>
      <c r="G29" s="197">
        <v>0</v>
      </c>
      <c r="H29" s="197">
        <v>1</v>
      </c>
      <c r="I29" s="197">
        <v>2</v>
      </c>
      <c r="J29" s="195">
        <v>0</v>
      </c>
      <c r="K29" s="198">
        <v>3</v>
      </c>
      <c r="L29" s="199">
        <v>3</v>
      </c>
      <c r="M29" s="194">
        <v>0</v>
      </c>
      <c r="N29" s="195">
        <v>0</v>
      </c>
      <c r="O29" s="198">
        <v>0</v>
      </c>
      <c r="P29" s="201">
        <v>0</v>
      </c>
      <c r="Q29" s="197">
        <v>0</v>
      </c>
      <c r="R29" s="197">
        <v>2</v>
      </c>
      <c r="S29" s="197">
        <v>1</v>
      </c>
      <c r="T29" s="195">
        <v>0</v>
      </c>
      <c r="U29" s="198">
        <v>3</v>
      </c>
      <c r="V29" s="202">
        <v>3</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0.25"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0</v>
      </c>
      <c r="R30" s="197">
        <v>1</v>
      </c>
      <c r="S30" s="197">
        <v>1</v>
      </c>
      <c r="T30" s="195">
        <v>1</v>
      </c>
      <c r="U30" s="198">
        <v>3</v>
      </c>
      <c r="V30" s="202">
        <v>3</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0.25" customHeight="1" x14ac:dyDescent="0.2">
      <c r="B31" s="62" t="s">
        <v>29</v>
      </c>
      <c r="C31" s="194">
        <v>0</v>
      </c>
      <c r="D31" s="195">
        <v>0</v>
      </c>
      <c r="E31" s="195">
        <v>0</v>
      </c>
      <c r="F31" s="196">
        <v>0</v>
      </c>
      <c r="G31" s="197">
        <v>0</v>
      </c>
      <c r="H31" s="197">
        <v>1</v>
      </c>
      <c r="I31" s="197">
        <v>0</v>
      </c>
      <c r="J31" s="195">
        <v>1</v>
      </c>
      <c r="K31" s="198">
        <v>2</v>
      </c>
      <c r="L31" s="199">
        <v>2</v>
      </c>
      <c r="M31" s="194">
        <v>0</v>
      </c>
      <c r="N31" s="195">
        <v>0</v>
      </c>
      <c r="O31" s="198">
        <v>0</v>
      </c>
      <c r="P31" s="201">
        <v>0</v>
      </c>
      <c r="Q31" s="197">
        <v>0</v>
      </c>
      <c r="R31" s="197">
        <v>2</v>
      </c>
      <c r="S31" s="197">
        <v>1</v>
      </c>
      <c r="T31" s="195">
        <v>0</v>
      </c>
      <c r="U31" s="198">
        <v>3</v>
      </c>
      <c r="V31" s="202">
        <v>3</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0.25" customHeight="1" x14ac:dyDescent="0.2">
      <c r="B32" s="62" t="s">
        <v>30</v>
      </c>
      <c r="C32" s="194">
        <v>0</v>
      </c>
      <c r="D32" s="195">
        <v>0</v>
      </c>
      <c r="E32" s="195">
        <v>0</v>
      </c>
      <c r="F32" s="196">
        <v>0</v>
      </c>
      <c r="G32" s="197">
        <v>0</v>
      </c>
      <c r="H32" s="197">
        <v>1</v>
      </c>
      <c r="I32" s="197">
        <v>0</v>
      </c>
      <c r="J32" s="195">
        <v>0</v>
      </c>
      <c r="K32" s="198">
        <v>1</v>
      </c>
      <c r="L32" s="199">
        <v>1</v>
      </c>
      <c r="M32" s="194">
        <v>0</v>
      </c>
      <c r="N32" s="195">
        <v>0</v>
      </c>
      <c r="O32" s="198">
        <v>0</v>
      </c>
      <c r="P32" s="201">
        <v>0</v>
      </c>
      <c r="Q32" s="197">
        <v>0</v>
      </c>
      <c r="R32" s="197">
        <v>1</v>
      </c>
      <c r="S32" s="197">
        <v>1</v>
      </c>
      <c r="T32" s="195">
        <v>1</v>
      </c>
      <c r="U32" s="198">
        <v>3</v>
      </c>
      <c r="V32" s="202">
        <v>3</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0.25" customHeight="1" x14ac:dyDescent="0.2">
      <c r="B33" s="62" t="s">
        <v>31</v>
      </c>
      <c r="C33" s="194">
        <v>0</v>
      </c>
      <c r="D33" s="195">
        <v>0</v>
      </c>
      <c r="E33" s="195">
        <v>0</v>
      </c>
      <c r="F33" s="196">
        <v>0</v>
      </c>
      <c r="G33" s="197">
        <v>0</v>
      </c>
      <c r="H33" s="197">
        <v>2</v>
      </c>
      <c r="I33" s="197">
        <v>1</v>
      </c>
      <c r="J33" s="195">
        <v>0</v>
      </c>
      <c r="K33" s="198">
        <v>3</v>
      </c>
      <c r="L33" s="199">
        <v>3</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0.25" customHeight="1" x14ac:dyDescent="0.2">
      <c r="B34" s="62" t="s">
        <v>32</v>
      </c>
      <c r="C34" s="194">
        <v>0</v>
      </c>
      <c r="D34" s="195">
        <v>0</v>
      </c>
      <c r="E34" s="195">
        <v>0</v>
      </c>
      <c r="F34" s="196">
        <v>0</v>
      </c>
      <c r="G34" s="197">
        <v>0</v>
      </c>
      <c r="H34" s="197">
        <v>0</v>
      </c>
      <c r="I34" s="197">
        <v>0</v>
      </c>
      <c r="J34" s="195">
        <v>1</v>
      </c>
      <c r="K34" s="198">
        <v>1</v>
      </c>
      <c r="L34" s="199">
        <v>1</v>
      </c>
      <c r="M34" s="194">
        <v>0</v>
      </c>
      <c r="N34" s="195">
        <v>0</v>
      </c>
      <c r="O34" s="198">
        <v>0</v>
      </c>
      <c r="P34" s="201">
        <v>0</v>
      </c>
      <c r="Q34" s="197">
        <v>0</v>
      </c>
      <c r="R34" s="197">
        <v>0</v>
      </c>
      <c r="S34" s="197">
        <v>0</v>
      </c>
      <c r="T34" s="195">
        <v>0</v>
      </c>
      <c r="U34" s="198">
        <v>0</v>
      </c>
      <c r="V34" s="202">
        <v>0</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0.25" customHeight="1" x14ac:dyDescent="0.2">
      <c r="B35" s="62" t="s">
        <v>33</v>
      </c>
      <c r="C35" s="194">
        <v>0</v>
      </c>
      <c r="D35" s="195">
        <v>0</v>
      </c>
      <c r="E35" s="195">
        <v>0</v>
      </c>
      <c r="F35" s="196">
        <v>0</v>
      </c>
      <c r="G35" s="197">
        <v>0</v>
      </c>
      <c r="H35" s="197">
        <v>0</v>
      </c>
      <c r="I35" s="197">
        <v>1</v>
      </c>
      <c r="J35" s="195">
        <v>0</v>
      </c>
      <c r="K35" s="198">
        <v>1</v>
      </c>
      <c r="L35" s="199">
        <v>1</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0</v>
      </c>
      <c r="AM35" s="197">
        <v>1</v>
      </c>
      <c r="AN35" s="195">
        <v>1</v>
      </c>
      <c r="AO35" s="198">
        <v>3</v>
      </c>
      <c r="AP35" s="200">
        <v>3</v>
      </c>
      <c r="AQ35" s="37"/>
    </row>
    <row r="36" spans="2:43" ht="20.25"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0</v>
      </c>
      <c r="Q36" s="197">
        <v>0</v>
      </c>
      <c r="R36" s="197">
        <v>0</v>
      </c>
      <c r="S36" s="197">
        <v>0</v>
      </c>
      <c r="T36" s="195">
        <v>0</v>
      </c>
      <c r="U36" s="198">
        <v>0</v>
      </c>
      <c r="V36" s="202">
        <v>0</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0.25" customHeight="1" x14ac:dyDescent="0.2">
      <c r="B37" s="62" t="s">
        <v>35</v>
      </c>
      <c r="C37" s="194">
        <v>0</v>
      </c>
      <c r="D37" s="195">
        <v>0</v>
      </c>
      <c r="E37" s="195">
        <v>0</v>
      </c>
      <c r="F37" s="196">
        <v>0</v>
      </c>
      <c r="G37" s="197">
        <v>0</v>
      </c>
      <c r="H37" s="197">
        <v>1</v>
      </c>
      <c r="I37" s="197">
        <v>2</v>
      </c>
      <c r="J37" s="195">
        <v>0</v>
      </c>
      <c r="K37" s="198">
        <v>3</v>
      </c>
      <c r="L37" s="199">
        <v>3</v>
      </c>
      <c r="M37" s="194">
        <v>0</v>
      </c>
      <c r="N37" s="195">
        <v>0</v>
      </c>
      <c r="O37" s="198">
        <v>0</v>
      </c>
      <c r="P37" s="201">
        <v>0</v>
      </c>
      <c r="Q37" s="197">
        <v>0</v>
      </c>
      <c r="R37" s="197">
        <v>1</v>
      </c>
      <c r="S37" s="197">
        <v>0</v>
      </c>
      <c r="T37" s="195">
        <v>0</v>
      </c>
      <c r="U37" s="198">
        <v>1</v>
      </c>
      <c r="V37" s="202">
        <v>1</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0.25" customHeight="1" x14ac:dyDescent="0.2">
      <c r="B38" s="62" t="s">
        <v>36</v>
      </c>
      <c r="C38" s="194">
        <v>0</v>
      </c>
      <c r="D38" s="195">
        <v>0</v>
      </c>
      <c r="E38" s="195">
        <v>0</v>
      </c>
      <c r="F38" s="196">
        <v>0</v>
      </c>
      <c r="G38" s="197">
        <v>0</v>
      </c>
      <c r="H38" s="197">
        <v>0</v>
      </c>
      <c r="I38" s="197">
        <v>2</v>
      </c>
      <c r="J38" s="195">
        <v>2</v>
      </c>
      <c r="K38" s="198">
        <v>4</v>
      </c>
      <c r="L38" s="199">
        <v>4</v>
      </c>
      <c r="M38" s="194">
        <v>0</v>
      </c>
      <c r="N38" s="195">
        <v>0</v>
      </c>
      <c r="O38" s="198">
        <v>0</v>
      </c>
      <c r="P38" s="201">
        <v>2</v>
      </c>
      <c r="Q38" s="197">
        <v>0</v>
      </c>
      <c r="R38" s="197">
        <v>1</v>
      </c>
      <c r="S38" s="197">
        <v>1</v>
      </c>
      <c r="T38" s="195">
        <v>0</v>
      </c>
      <c r="U38" s="198">
        <v>4</v>
      </c>
      <c r="V38" s="202">
        <v>4</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0.25"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1</v>
      </c>
      <c r="AO39" s="207">
        <v>1</v>
      </c>
      <c r="AP39" s="209">
        <v>1</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 ref="G1:H1"/>
    <mergeCell ref="AG4:AI4"/>
    <mergeCell ref="AJ4:AO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6</v>
      </c>
      <c r="G1" s="368">
        <f>第１表!F2</f>
        <v>4</v>
      </c>
      <c r="H1" s="251">
        <f>第１表!G2</f>
        <v>7</v>
      </c>
      <c r="I1" s="641">
        <f>IF(H1&lt;3,H1-2+12,H1-2)</f>
        <v>5</v>
      </c>
      <c r="J1" s="641"/>
      <c r="IB1" s="368"/>
      <c r="IC1" s="253"/>
      <c r="ID1" s="641"/>
      <c r="IE1" s="641"/>
    </row>
    <row r="2" spans="1:409" s="44" customFormat="1" ht="24" customHeight="1" x14ac:dyDescent="0.2">
      <c r="B2" s="20" t="s">
        <v>147</v>
      </c>
      <c r="E2" s="250"/>
      <c r="F2" s="251"/>
      <c r="G2" s="650"/>
      <c r="H2" s="650"/>
      <c r="CB2" s="325"/>
      <c r="CC2" s="325"/>
      <c r="CD2" s="325"/>
      <c r="CE2" s="325"/>
      <c r="CF2" s="325"/>
      <c r="CG2" s="325"/>
      <c r="CH2" s="325"/>
      <c r="CI2" s="325"/>
      <c r="CJ2" s="325"/>
      <c r="CK2" s="325"/>
      <c r="CL2" s="325"/>
      <c r="DI2" s="325"/>
      <c r="DJ2" s="325"/>
      <c r="DK2" s="325"/>
      <c r="DL2" s="325"/>
      <c r="DM2" s="325"/>
      <c r="DN2" s="325"/>
      <c r="DO2" s="325"/>
      <c r="DP2" s="325"/>
      <c r="DQ2" s="325"/>
      <c r="DR2" s="325"/>
      <c r="DS2" s="325"/>
      <c r="FL2" s="325"/>
      <c r="FM2" s="325"/>
      <c r="FN2" s="325"/>
      <c r="FO2" s="325"/>
      <c r="FP2" s="325"/>
      <c r="FQ2" s="325"/>
      <c r="FR2" s="325"/>
      <c r="FS2" s="325"/>
      <c r="FT2" s="325"/>
      <c r="FU2" s="325"/>
      <c r="FV2" s="325"/>
      <c r="HZ2" s="39"/>
      <c r="IA2" s="39"/>
      <c r="IB2" s="252"/>
      <c r="IC2" s="253"/>
      <c r="ID2" s="371"/>
      <c r="IE2" s="371"/>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8</v>
      </c>
      <c r="CB3" s="325"/>
      <c r="CC3" s="325"/>
      <c r="CD3" s="325"/>
      <c r="CE3" s="325"/>
      <c r="CF3" s="325"/>
      <c r="CG3" s="325"/>
      <c r="CH3" s="325"/>
      <c r="CI3" s="325"/>
      <c r="CJ3" s="325"/>
      <c r="CK3" s="325"/>
      <c r="CL3" s="325"/>
      <c r="DI3" s="325"/>
      <c r="DJ3" s="325"/>
      <c r="DK3" s="325"/>
      <c r="DL3" s="325"/>
      <c r="DM3" s="325"/>
      <c r="DN3" s="325"/>
      <c r="DO3" s="325"/>
      <c r="DP3" s="325"/>
      <c r="DQ3" s="325"/>
      <c r="DR3" s="325"/>
      <c r="DS3" s="325"/>
      <c r="FL3" s="325"/>
      <c r="FM3" s="325"/>
      <c r="FN3" s="325"/>
      <c r="FO3" s="325"/>
      <c r="FP3" s="325"/>
      <c r="FQ3" s="325"/>
      <c r="FR3" s="325"/>
      <c r="FS3" s="325"/>
      <c r="FT3" s="325"/>
      <c r="FU3" s="325"/>
      <c r="FV3" s="325"/>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18" customHeight="1" thickBot="1" x14ac:dyDescent="0.25">
      <c r="B4" s="655" t="s">
        <v>42</v>
      </c>
      <c r="C4" s="658" t="s">
        <v>63</v>
      </c>
      <c r="D4" s="658"/>
      <c r="E4" s="658"/>
      <c r="F4" s="658"/>
      <c r="G4" s="658"/>
      <c r="H4" s="658"/>
      <c r="I4" s="658"/>
      <c r="J4" s="658"/>
      <c r="K4" s="658"/>
      <c r="L4" s="658"/>
      <c r="M4" s="658"/>
      <c r="N4" s="592"/>
      <c r="O4" s="592"/>
      <c r="P4" s="592"/>
      <c r="Q4" s="592"/>
      <c r="R4" s="592"/>
      <c r="S4" s="592"/>
      <c r="T4" s="592"/>
      <c r="U4" s="592"/>
      <c r="V4" s="592"/>
      <c r="W4" s="592"/>
      <c r="X4" s="592"/>
      <c r="Y4" s="592"/>
      <c r="Z4" s="592"/>
      <c r="AA4" s="592"/>
      <c r="AB4" s="592"/>
      <c r="AC4" s="592"/>
      <c r="AD4" s="592"/>
      <c r="AE4" s="592"/>
      <c r="AF4" s="592"/>
      <c r="AG4" s="592"/>
      <c r="AH4" s="592"/>
      <c r="AI4" s="592"/>
      <c r="AJ4" s="592"/>
      <c r="AK4" s="592"/>
      <c r="AL4" s="592"/>
      <c r="AM4" s="592"/>
      <c r="AN4" s="592"/>
      <c r="AO4" s="592"/>
      <c r="AP4" s="592"/>
      <c r="AQ4" s="592"/>
      <c r="AR4" s="592"/>
      <c r="AS4" s="592"/>
      <c r="AT4" s="592"/>
      <c r="AU4" s="592"/>
      <c r="AV4" s="592"/>
      <c r="AW4" s="592"/>
      <c r="AX4" s="592"/>
      <c r="AY4" s="592"/>
      <c r="AZ4" s="592"/>
      <c r="BA4" s="592"/>
      <c r="BB4" s="592"/>
      <c r="BC4" s="592"/>
      <c r="BD4" s="592"/>
      <c r="BE4" s="592"/>
      <c r="BF4" s="592"/>
      <c r="BG4" s="592"/>
      <c r="BH4" s="592"/>
      <c r="BI4" s="592"/>
      <c r="BJ4" s="592"/>
      <c r="BK4" s="592"/>
      <c r="BL4" s="592"/>
      <c r="BM4" s="592"/>
      <c r="BN4" s="592"/>
      <c r="BO4" s="592"/>
      <c r="BP4" s="592"/>
      <c r="BQ4" s="592"/>
      <c r="BR4" s="592"/>
      <c r="BS4" s="592"/>
      <c r="BT4" s="592"/>
      <c r="BU4" s="592"/>
      <c r="BV4" s="592"/>
      <c r="BW4" s="592"/>
      <c r="BX4" s="592"/>
      <c r="BY4" s="592"/>
      <c r="BZ4" s="592"/>
      <c r="CA4" s="592"/>
      <c r="CB4" s="592"/>
      <c r="CC4" s="592"/>
      <c r="CD4" s="592"/>
      <c r="CE4" s="592"/>
      <c r="CF4" s="592"/>
      <c r="CG4" s="592"/>
      <c r="CH4" s="592"/>
      <c r="CI4" s="592"/>
      <c r="CJ4" s="592"/>
      <c r="CK4" s="592"/>
      <c r="CL4" s="592"/>
      <c r="CM4" s="592"/>
      <c r="CN4" s="592"/>
      <c r="CO4" s="592"/>
      <c r="CP4" s="592"/>
      <c r="CQ4" s="592"/>
      <c r="CR4" s="592"/>
      <c r="CS4" s="592"/>
      <c r="CT4" s="592"/>
      <c r="CU4" s="592"/>
      <c r="CV4" s="592"/>
      <c r="CW4" s="592"/>
      <c r="CX4" s="592"/>
      <c r="CY4" s="592"/>
      <c r="CZ4" s="592"/>
      <c r="DA4" s="592"/>
      <c r="DB4" s="592"/>
      <c r="DC4" s="592"/>
      <c r="DD4" s="592"/>
      <c r="DE4" s="592"/>
      <c r="DF4" s="592"/>
      <c r="DG4" s="592"/>
      <c r="DH4" s="592"/>
      <c r="DI4" s="592"/>
      <c r="DJ4" s="592"/>
      <c r="DK4" s="592"/>
      <c r="DL4" s="592"/>
      <c r="DM4" s="592"/>
      <c r="DN4" s="592"/>
      <c r="DO4" s="592"/>
      <c r="DP4" s="592"/>
      <c r="DQ4" s="592"/>
      <c r="DR4" s="592"/>
      <c r="DS4" s="592"/>
      <c r="DT4" s="592"/>
      <c r="DU4" s="592"/>
      <c r="DV4" s="592"/>
      <c r="DW4" s="592"/>
      <c r="DX4" s="592"/>
      <c r="DY4" s="592"/>
      <c r="DZ4" s="592"/>
      <c r="EA4" s="592"/>
      <c r="EB4" s="592"/>
      <c r="EC4" s="592"/>
      <c r="ED4" s="592"/>
      <c r="EE4" s="592"/>
      <c r="EF4" s="592"/>
      <c r="EG4" s="592"/>
      <c r="EH4" s="592"/>
      <c r="EI4" s="592"/>
      <c r="EJ4" s="592"/>
      <c r="EK4" s="592"/>
      <c r="EL4" s="592"/>
      <c r="EM4" s="592"/>
      <c r="EN4" s="592"/>
      <c r="EO4" s="592"/>
      <c r="EP4" s="592"/>
      <c r="EQ4" s="592"/>
      <c r="ER4" s="592"/>
      <c r="ES4" s="592"/>
      <c r="ET4" s="592"/>
      <c r="EU4" s="592"/>
      <c r="EV4" s="592"/>
      <c r="EW4" s="592"/>
      <c r="EX4" s="592"/>
      <c r="EY4" s="592"/>
      <c r="EZ4" s="592"/>
      <c r="FA4" s="592"/>
      <c r="FB4" s="592"/>
      <c r="FC4" s="592"/>
      <c r="FD4" s="592"/>
      <c r="FE4" s="592"/>
      <c r="FF4" s="592"/>
      <c r="FG4" s="592"/>
      <c r="FH4" s="592"/>
      <c r="FI4" s="592"/>
      <c r="FJ4" s="592"/>
      <c r="FK4" s="592"/>
      <c r="FL4" s="592"/>
      <c r="FM4" s="592"/>
      <c r="FN4" s="592"/>
      <c r="FO4" s="592"/>
      <c r="FP4" s="592"/>
      <c r="FQ4" s="592"/>
      <c r="FR4" s="592"/>
      <c r="FS4" s="592"/>
      <c r="FT4" s="592"/>
      <c r="FU4" s="592"/>
      <c r="FV4" s="592"/>
      <c r="FW4" s="592"/>
      <c r="FX4" s="592"/>
      <c r="FY4" s="592"/>
      <c r="FZ4" s="592"/>
      <c r="GA4" s="592"/>
      <c r="GB4" s="592"/>
      <c r="GC4" s="592"/>
      <c r="GD4" s="592"/>
      <c r="GE4" s="592"/>
      <c r="GF4" s="592"/>
      <c r="GG4" s="592"/>
      <c r="GH4" s="592"/>
      <c r="GI4" s="592"/>
      <c r="GJ4" s="592"/>
      <c r="GK4" s="592"/>
      <c r="GL4" s="592"/>
      <c r="GM4" s="592"/>
      <c r="GN4" s="592"/>
      <c r="GO4" s="592"/>
      <c r="GP4" s="592"/>
      <c r="GQ4" s="592"/>
      <c r="GR4" s="592"/>
      <c r="GS4" s="592"/>
      <c r="GT4" s="592"/>
      <c r="GU4" s="592"/>
      <c r="GV4" s="592"/>
      <c r="GW4" s="592"/>
      <c r="GX4" s="592"/>
      <c r="GY4" s="592"/>
      <c r="GZ4" s="592"/>
      <c r="HA4" s="592"/>
      <c r="HB4" s="592"/>
      <c r="HC4" s="592"/>
      <c r="HD4" s="592"/>
      <c r="HE4" s="592"/>
      <c r="HF4" s="592"/>
      <c r="HG4" s="592"/>
      <c r="HH4" s="592"/>
      <c r="HI4" s="592"/>
      <c r="HJ4" s="592"/>
      <c r="HK4" s="592"/>
      <c r="HL4" s="592"/>
      <c r="HM4" s="592"/>
      <c r="HN4" s="592"/>
      <c r="HO4" s="592"/>
      <c r="HP4" s="592"/>
      <c r="HQ4" s="592"/>
      <c r="HR4" s="592"/>
      <c r="HS4" s="592"/>
      <c r="HT4" s="592"/>
      <c r="HU4" s="592"/>
      <c r="HV4" s="592"/>
      <c r="HW4" s="592"/>
      <c r="HX4" s="592"/>
      <c r="HY4" s="593"/>
      <c r="HZ4" s="638" t="s">
        <v>85</v>
      </c>
      <c r="IA4" s="639"/>
      <c r="IB4" s="639"/>
      <c r="IC4" s="639"/>
      <c r="ID4" s="639"/>
      <c r="IE4" s="639"/>
      <c r="IF4" s="639"/>
      <c r="IG4" s="639"/>
      <c r="IH4" s="639"/>
      <c r="II4" s="639"/>
      <c r="IJ4" s="639"/>
      <c r="IK4" s="639"/>
      <c r="IL4" s="639"/>
      <c r="IM4" s="639"/>
      <c r="IN4" s="639"/>
      <c r="IO4" s="639"/>
      <c r="IP4" s="639"/>
      <c r="IQ4" s="639"/>
      <c r="IR4" s="639"/>
      <c r="IS4" s="639"/>
      <c r="IT4" s="639"/>
      <c r="IU4" s="639"/>
      <c r="IV4" s="639"/>
      <c r="IW4" s="639"/>
      <c r="IX4" s="639"/>
      <c r="IY4" s="639"/>
      <c r="IZ4" s="639"/>
      <c r="JA4" s="639"/>
      <c r="JB4" s="639"/>
      <c r="JC4" s="639"/>
      <c r="JD4" s="639"/>
      <c r="JE4" s="639"/>
      <c r="JF4" s="639"/>
      <c r="JG4" s="639"/>
      <c r="JH4" s="639"/>
      <c r="JI4" s="639"/>
      <c r="JJ4" s="639"/>
      <c r="JK4" s="639"/>
      <c r="JL4" s="639"/>
      <c r="JM4" s="639"/>
      <c r="JN4" s="639"/>
      <c r="JO4" s="639"/>
      <c r="JP4" s="639"/>
      <c r="JQ4" s="639"/>
      <c r="JR4" s="639"/>
      <c r="JS4" s="639"/>
      <c r="JT4" s="639"/>
      <c r="JU4" s="639"/>
      <c r="JV4" s="639"/>
      <c r="JW4" s="639"/>
      <c r="JX4" s="639"/>
      <c r="JY4" s="639"/>
      <c r="JZ4" s="639"/>
      <c r="KA4" s="639"/>
      <c r="KB4" s="639"/>
      <c r="KC4" s="639"/>
      <c r="KD4" s="639"/>
      <c r="KE4" s="639"/>
      <c r="KF4" s="639"/>
      <c r="KG4" s="639"/>
      <c r="KH4" s="639"/>
      <c r="KI4" s="639"/>
      <c r="KJ4" s="639"/>
      <c r="KK4" s="639"/>
      <c r="KL4" s="639"/>
      <c r="KM4" s="639"/>
      <c r="KN4" s="639"/>
      <c r="KO4" s="639"/>
      <c r="KP4" s="639"/>
      <c r="KQ4" s="639"/>
      <c r="KR4" s="639"/>
      <c r="KS4" s="639"/>
      <c r="KT4" s="639"/>
      <c r="KU4" s="639"/>
      <c r="KV4" s="639"/>
      <c r="KW4" s="639"/>
      <c r="KX4" s="639"/>
      <c r="KY4" s="639"/>
      <c r="KZ4" s="639"/>
      <c r="LA4" s="639"/>
      <c r="LB4" s="639"/>
      <c r="LC4" s="639"/>
      <c r="LD4" s="639"/>
      <c r="LE4" s="639"/>
      <c r="LF4" s="639"/>
      <c r="LG4" s="639"/>
      <c r="LH4" s="639"/>
      <c r="LI4" s="639"/>
      <c r="LJ4" s="639"/>
      <c r="LK4" s="639"/>
      <c r="LL4" s="639"/>
      <c r="LM4" s="639"/>
      <c r="LN4" s="639"/>
      <c r="LO4" s="639"/>
      <c r="LP4" s="639"/>
      <c r="LQ4" s="639"/>
      <c r="LR4" s="639"/>
      <c r="LS4" s="639"/>
      <c r="LT4" s="639"/>
      <c r="LU4" s="639"/>
      <c r="LV4" s="639"/>
      <c r="LW4" s="639"/>
      <c r="LX4" s="639"/>
      <c r="LY4" s="639"/>
      <c r="LZ4" s="639"/>
      <c r="MA4" s="639"/>
      <c r="MB4" s="639"/>
      <c r="MC4" s="639"/>
      <c r="MD4" s="639"/>
      <c r="ME4" s="640"/>
      <c r="MF4" s="638" t="s">
        <v>86</v>
      </c>
      <c r="MG4" s="639"/>
      <c r="MH4" s="639"/>
      <c r="MI4" s="639"/>
      <c r="MJ4" s="639"/>
      <c r="MK4" s="639"/>
      <c r="ML4" s="639"/>
      <c r="MM4" s="639"/>
      <c r="MN4" s="639"/>
      <c r="MO4" s="639"/>
      <c r="MP4" s="639"/>
      <c r="MQ4" s="639"/>
      <c r="MR4" s="639"/>
      <c r="MS4" s="639"/>
      <c r="MT4" s="639"/>
      <c r="MU4" s="639"/>
      <c r="MV4" s="639"/>
      <c r="MW4" s="639"/>
      <c r="MX4" s="639"/>
      <c r="MY4" s="639"/>
      <c r="MZ4" s="639"/>
      <c r="NA4" s="639"/>
      <c r="NB4" s="639"/>
      <c r="NC4" s="639"/>
      <c r="ND4" s="639"/>
      <c r="NE4" s="639"/>
      <c r="NF4" s="639"/>
      <c r="NG4" s="639"/>
      <c r="NH4" s="639"/>
      <c r="NI4" s="639"/>
      <c r="NJ4" s="639"/>
      <c r="NK4" s="639"/>
      <c r="NL4" s="639"/>
      <c r="NM4" s="639"/>
      <c r="NN4" s="639"/>
      <c r="NO4" s="639"/>
      <c r="NP4" s="639"/>
      <c r="NQ4" s="639"/>
      <c r="NR4" s="639"/>
      <c r="NS4" s="639"/>
      <c r="NT4" s="639"/>
      <c r="NU4" s="639"/>
      <c r="NV4" s="639"/>
      <c r="NW4" s="639"/>
      <c r="NX4" s="639"/>
      <c r="NY4" s="639"/>
      <c r="NZ4" s="639"/>
      <c r="OA4" s="639"/>
      <c r="OB4" s="639"/>
      <c r="OC4" s="639"/>
      <c r="OD4" s="639"/>
      <c r="OE4" s="639"/>
      <c r="OF4" s="639"/>
      <c r="OG4" s="639"/>
      <c r="OH4" s="640"/>
      <c r="OI4" s="594" t="s">
        <v>60</v>
      </c>
      <c r="OJ4" s="503"/>
      <c r="OK4" s="503"/>
      <c r="OL4" s="503"/>
      <c r="OM4" s="503"/>
      <c r="ON4" s="503"/>
      <c r="OO4" s="503"/>
      <c r="OP4" s="503"/>
      <c r="OQ4" s="503"/>
      <c r="OR4" s="503"/>
      <c r="OS4" s="504"/>
    </row>
    <row r="5" spans="1:409" ht="18" customHeight="1" thickBot="1" x14ac:dyDescent="0.25">
      <c r="B5" s="656"/>
      <c r="C5" s="659"/>
      <c r="D5" s="659"/>
      <c r="E5" s="659"/>
      <c r="F5" s="659"/>
      <c r="G5" s="659"/>
      <c r="H5" s="659"/>
      <c r="I5" s="659"/>
      <c r="J5" s="659"/>
      <c r="K5" s="659"/>
      <c r="L5" s="659"/>
      <c r="M5" s="659"/>
      <c r="N5" s="661" t="s">
        <v>64</v>
      </c>
      <c r="O5" s="662"/>
      <c r="P5" s="662"/>
      <c r="Q5" s="662"/>
      <c r="R5" s="662"/>
      <c r="S5" s="662"/>
      <c r="T5" s="662"/>
      <c r="U5" s="662"/>
      <c r="V5" s="662"/>
      <c r="W5" s="662"/>
      <c r="X5" s="662"/>
      <c r="Y5" s="662"/>
      <c r="Z5" s="662"/>
      <c r="AA5" s="662"/>
      <c r="AB5" s="662"/>
      <c r="AC5" s="662"/>
      <c r="AD5" s="662"/>
      <c r="AE5" s="662"/>
      <c r="AF5" s="662"/>
      <c r="AG5" s="662"/>
      <c r="AH5" s="662"/>
      <c r="AI5" s="662"/>
      <c r="AJ5" s="662"/>
      <c r="AK5" s="662"/>
      <c r="AL5" s="662"/>
      <c r="AM5" s="662"/>
      <c r="AN5" s="662"/>
      <c r="AO5" s="662"/>
      <c r="AP5" s="662"/>
      <c r="AQ5" s="662"/>
      <c r="AR5" s="662"/>
      <c r="AS5" s="662"/>
      <c r="AT5" s="662"/>
      <c r="AU5" s="662"/>
      <c r="AV5" s="662"/>
      <c r="AW5" s="662"/>
      <c r="AX5" s="662"/>
      <c r="AY5" s="662"/>
      <c r="AZ5" s="662"/>
      <c r="BA5" s="662"/>
      <c r="BB5" s="662"/>
      <c r="BC5" s="662"/>
      <c r="BD5" s="662"/>
      <c r="BE5" s="662"/>
      <c r="BF5" s="662"/>
      <c r="BG5" s="662"/>
      <c r="BH5" s="662"/>
      <c r="BI5" s="662"/>
      <c r="BJ5" s="662"/>
      <c r="BK5" s="662"/>
      <c r="BL5" s="662"/>
      <c r="BM5" s="662"/>
      <c r="BN5" s="662"/>
      <c r="BO5" s="662"/>
      <c r="BP5" s="662"/>
      <c r="BQ5" s="662"/>
      <c r="BR5" s="662"/>
      <c r="BS5" s="662"/>
      <c r="BT5" s="662"/>
      <c r="BU5" s="662"/>
      <c r="BV5" s="662"/>
      <c r="BW5" s="662"/>
      <c r="BX5" s="662"/>
      <c r="BY5" s="662"/>
      <c r="BZ5" s="662"/>
      <c r="CA5" s="663"/>
      <c r="CB5" s="661" t="s">
        <v>65</v>
      </c>
      <c r="CC5" s="662"/>
      <c r="CD5" s="662"/>
      <c r="CE5" s="662"/>
      <c r="CF5" s="662"/>
      <c r="CG5" s="662"/>
      <c r="CH5" s="662"/>
      <c r="CI5" s="662"/>
      <c r="CJ5" s="662"/>
      <c r="CK5" s="662"/>
      <c r="CL5" s="662"/>
      <c r="CM5" s="662"/>
      <c r="CN5" s="662"/>
      <c r="CO5" s="662"/>
      <c r="CP5" s="662"/>
      <c r="CQ5" s="662"/>
      <c r="CR5" s="662"/>
      <c r="CS5" s="662"/>
      <c r="CT5" s="662"/>
      <c r="CU5" s="662"/>
      <c r="CV5" s="662"/>
      <c r="CW5" s="662"/>
      <c r="CX5" s="662"/>
      <c r="CY5" s="662"/>
      <c r="CZ5" s="662"/>
      <c r="DA5" s="662"/>
      <c r="DB5" s="662"/>
      <c r="DC5" s="662"/>
      <c r="DD5" s="662"/>
      <c r="DE5" s="662"/>
      <c r="DF5" s="662"/>
      <c r="DG5" s="662"/>
      <c r="DH5" s="663"/>
      <c r="DI5" s="638" t="s">
        <v>66</v>
      </c>
      <c r="DJ5" s="639"/>
      <c r="DK5" s="639"/>
      <c r="DL5" s="639"/>
      <c r="DM5" s="639"/>
      <c r="DN5" s="639"/>
      <c r="DO5" s="639"/>
      <c r="DP5" s="639"/>
      <c r="DQ5" s="639"/>
      <c r="DR5" s="639"/>
      <c r="DS5" s="639"/>
      <c r="DT5" s="639"/>
      <c r="DU5" s="639"/>
      <c r="DV5" s="639"/>
      <c r="DW5" s="639"/>
      <c r="DX5" s="639"/>
      <c r="DY5" s="639"/>
      <c r="DZ5" s="639"/>
      <c r="EA5" s="639"/>
      <c r="EB5" s="639"/>
      <c r="EC5" s="639"/>
      <c r="ED5" s="639"/>
      <c r="EE5" s="639"/>
      <c r="EF5" s="639"/>
      <c r="EG5" s="639"/>
      <c r="EH5" s="639"/>
      <c r="EI5" s="639"/>
      <c r="EJ5" s="639"/>
      <c r="EK5" s="639"/>
      <c r="EL5" s="639"/>
      <c r="EM5" s="639"/>
      <c r="EN5" s="639"/>
      <c r="EO5" s="639"/>
      <c r="EP5" s="639"/>
      <c r="EQ5" s="639"/>
      <c r="ER5" s="639"/>
      <c r="ES5" s="639"/>
      <c r="ET5" s="639"/>
      <c r="EU5" s="639"/>
      <c r="EV5" s="639"/>
      <c r="EW5" s="639"/>
      <c r="EX5" s="639"/>
      <c r="EY5" s="639"/>
      <c r="EZ5" s="639"/>
      <c r="FA5" s="639"/>
      <c r="FB5" s="639"/>
      <c r="FC5" s="639"/>
      <c r="FD5" s="639"/>
      <c r="FE5" s="639"/>
      <c r="FF5" s="639"/>
      <c r="FG5" s="639"/>
      <c r="FH5" s="639"/>
      <c r="FI5" s="639"/>
      <c r="FJ5" s="639"/>
      <c r="FK5" s="640"/>
      <c r="FL5" s="661" t="s">
        <v>67</v>
      </c>
      <c r="FM5" s="662"/>
      <c r="FN5" s="662"/>
      <c r="FO5" s="662"/>
      <c r="FP5" s="662"/>
      <c r="FQ5" s="662"/>
      <c r="FR5" s="662"/>
      <c r="FS5" s="662"/>
      <c r="FT5" s="662"/>
      <c r="FU5" s="662"/>
      <c r="FV5" s="662"/>
      <c r="FW5" s="662"/>
      <c r="FX5" s="662"/>
      <c r="FY5" s="662"/>
      <c r="FZ5" s="662"/>
      <c r="GA5" s="662"/>
      <c r="GB5" s="662"/>
      <c r="GC5" s="662"/>
      <c r="GD5" s="662"/>
      <c r="GE5" s="662"/>
      <c r="GF5" s="662"/>
      <c r="GG5" s="662"/>
      <c r="GH5" s="662"/>
      <c r="GI5" s="662"/>
      <c r="GJ5" s="662"/>
      <c r="GK5" s="662"/>
      <c r="GL5" s="662"/>
      <c r="GM5" s="662"/>
      <c r="GN5" s="662"/>
      <c r="GO5" s="662"/>
      <c r="GP5" s="662"/>
      <c r="GQ5" s="662"/>
      <c r="GR5" s="662"/>
      <c r="GS5" s="662"/>
      <c r="GT5" s="662"/>
      <c r="GU5" s="662"/>
      <c r="GV5" s="662"/>
      <c r="GW5" s="662"/>
      <c r="GX5" s="662"/>
      <c r="GY5" s="662"/>
      <c r="GZ5" s="662"/>
      <c r="HA5" s="662"/>
      <c r="HB5" s="662"/>
      <c r="HC5" s="663"/>
      <c r="HD5" s="664" t="s">
        <v>68</v>
      </c>
      <c r="HE5" s="665"/>
      <c r="HF5" s="665"/>
      <c r="HG5" s="665"/>
      <c r="HH5" s="665"/>
      <c r="HI5" s="665"/>
      <c r="HJ5" s="665"/>
      <c r="HK5" s="665"/>
      <c r="HL5" s="665"/>
      <c r="HM5" s="665"/>
      <c r="HN5" s="666"/>
      <c r="HO5" s="664" t="s">
        <v>69</v>
      </c>
      <c r="HP5" s="665"/>
      <c r="HQ5" s="665"/>
      <c r="HR5" s="665"/>
      <c r="HS5" s="665"/>
      <c r="HT5" s="665"/>
      <c r="HU5" s="665"/>
      <c r="HV5" s="665"/>
      <c r="HW5" s="665"/>
      <c r="HX5" s="665"/>
      <c r="HY5" s="666"/>
      <c r="HZ5" s="617"/>
      <c r="IA5" s="618"/>
      <c r="IB5" s="618"/>
      <c r="IC5" s="618"/>
      <c r="ID5" s="618"/>
      <c r="IE5" s="618"/>
      <c r="IF5" s="618"/>
      <c r="IG5" s="618"/>
      <c r="IH5" s="618"/>
      <c r="II5" s="618"/>
      <c r="IJ5" s="619"/>
      <c r="IK5" s="594" t="s">
        <v>94</v>
      </c>
      <c r="IL5" s="503"/>
      <c r="IM5" s="503"/>
      <c r="IN5" s="503"/>
      <c r="IO5" s="503"/>
      <c r="IP5" s="503"/>
      <c r="IQ5" s="503"/>
      <c r="IR5" s="503"/>
      <c r="IS5" s="503"/>
      <c r="IT5" s="503"/>
      <c r="IU5" s="504"/>
      <c r="IV5" s="594" t="s">
        <v>88</v>
      </c>
      <c r="IW5" s="503"/>
      <c r="IX5" s="503"/>
      <c r="IY5" s="503"/>
      <c r="IZ5" s="503"/>
      <c r="JA5" s="503"/>
      <c r="JB5" s="503"/>
      <c r="JC5" s="503"/>
      <c r="JD5" s="503"/>
      <c r="JE5" s="503"/>
      <c r="JF5" s="504"/>
      <c r="JG5" s="623" t="s">
        <v>144</v>
      </c>
      <c r="JH5" s="624"/>
      <c r="JI5" s="624"/>
      <c r="JJ5" s="624"/>
      <c r="JK5" s="624"/>
      <c r="JL5" s="624"/>
      <c r="JM5" s="624"/>
      <c r="JN5" s="624"/>
      <c r="JO5" s="624"/>
      <c r="JP5" s="624"/>
      <c r="JQ5" s="625"/>
      <c r="JR5" s="594" t="s">
        <v>90</v>
      </c>
      <c r="JS5" s="503"/>
      <c r="JT5" s="503"/>
      <c r="JU5" s="503"/>
      <c r="JV5" s="503"/>
      <c r="JW5" s="503"/>
      <c r="JX5" s="503"/>
      <c r="JY5" s="503"/>
      <c r="JZ5" s="503"/>
      <c r="KA5" s="503"/>
      <c r="KB5" s="504"/>
      <c r="KC5" s="594" t="s">
        <v>89</v>
      </c>
      <c r="KD5" s="503"/>
      <c r="KE5" s="503"/>
      <c r="KF5" s="503"/>
      <c r="KG5" s="503"/>
      <c r="KH5" s="503"/>
      <c r="KI5" s="503"/>
      <c r="KJ5" s="503"/>
      <c r="KK5" s="503"/>
      <c r="KL5" s="503"/>
      <c r="KM5" s="504"/>
      <c r="KN5" s="594" t="s">
        <v>91</v>
      </c>
      <c r="KO5" s="503"/>
      <c r="KP5" s="503"/>
      <c r="KQ5" s="503"/>
      <c r="KR5" s="503"/>
      <c r="KS5" s="503"/>
      <c r="KT5" s="503"/>
      <c r="KU5" s="503"/>
      <c r="KV5" s="503"/>
      <c r="KW5" s="503"/>
      <c r="KX5" s="504"/>
      <c r="KY5" s="594" t="s">
        <v>92</v>
      </c>
      <c r="KZ5" s="503"/>
      <c r="LA5" s="503"/>
      <c r="LB5" s="503"/>
      <c r="LC5" s="503"/>
      <c r="LD5" s="503"/>
      <c r="LE5" s="503"/>
      <c r="LF5" s="503"/>
      <c r="LG5" s="503"/>
      <c r="LH5" s="503"/>
      <c r="LI5" s="504"/>
      <c r="LJ5" s="629" t="s">
        <v>93</v>
      </c>
      <c r="LK5" s="630"/>
      <c r="LL5" s="630"/>
      <c r="LM5" s="630"/>
      <c r="LN5" s="630"/>
      <c r="LO5" s="630"/>
      <c r="LP5" s="630"/>
      <c r="LQ5" s="630"/>
      <c r="LR5" s="630"/>
      <c r="LS5" s="630"/>
      <c r="LT5" s="631"/>
      <c r="LU5" s="632" t="s">
        <v>145</v>
      </c>
      <c r="LV5" s="633"/>
      <c r="LW5" s="633"/>
      <c r="LX5" s="633"/>
      <c r="LY5" s="633"/>
      <c r="LZ5" s="633"/>
      <c r="MA5" s="633"/>
      <c r="MB5" s="633"/>
      <c r="MC5" s="633"/>
      <c r="MD5" s="633"/>
      <c r="ME5" s="634"/>
      <c r="MF5" s="617"/>
      <c r="MG5" s="618"/>
      <c r="MH5" s="618"/>
      <c r="MI5" s="618"/>
      <c r="MJ5" s="618"/>
      <c r="MK5" s="618"/>
      <c r="ML5" s="618"/>
      <c r="MM5" s="618"/>
      <c r="MN5" s="618"/>
      <c r="MO5" s="618"/>
      <c r="MP5" s="619"/>
      <c r="MQ5" s="594" t="s">
        <v>57</v>
      </c>
      <c r="MR5" s="503"/>
      <c r="MS5" s="503"/>
      <c r="MT5" s="503"/>
      <c r="MU5" s="503"/>
      <c r="MV5" s="503"/>
      <c r="MW5" s="503"/>
      <c r="MX5" s="503"/>
      <c r="MY5" s="503"/>
      <c r="MZ5" s="503"/>
      <c r="NA5" s="504"/>
      <c r="NB5" s="594" t="s">
        <v>58</v>
      </c>
      <c r="NC5" s="503"/>
      <c r="ND5" s="503"/>
      <c r="NE5" s="503"/>
      <c r="NF5" s="503"/>
      <c r="NG5" s="503"/>
      <c r="NH5" s="503"/>
      <c r="NI5" s="503"/>
      <c r="NJ5" s="503"/>
      <c r="NK5" s="503"/>
      <c r="NL5" s="504"/>
      <c r="NM5" s="594" t="s">
        <v>59</v>
      </c>
      <c r="NN5" s="503"/>
      <c r="NO5" s="503"/>
      <c r="NP5" s="503"/>
      <c r="NQ5" s="503"/>
      <c r="NR5" s="503"/>
      <c r="NS5" s="503"/>
      <c r="NT5" s="503"/>
      <c r="NU5" s="503"/>
      <c r="NV5" s="503"/>
      <c r="NW5" s="504"/>
      <c r="NX5" s="642" t="s">
        <v>151</v>
      </c>
      <c r="NY5" s="643"/>
      <c r="NZ5" s="643"/>
      <c r="OA5" s="643"/>
      <c r="OB5" s="643"/>
      <c r="OC5" s="643"/>
      <c r="OD5" s="643"/>
      <c r="OE5" s="643"/>
      <c r="OF5" s="643"/>
      <c r="OG5" s="643"/>
      <c r="OH5" s="644"/>
      <c r="OI5" s="614"/>
      <c r="OJ5" s="615"/>
      <c r="OK5" s="615"/>
      <c r="OL5" s="615"/>
      <c r="OM5" s="615"/>
      <c r="ON5" s="615"/>
      <c r="OO5" s="615"/>
      <c r="OP5" s="615"/>
      <c r="OQ5" s="615"/>
      <c r="OR5" s="615"/>
      <c r="OS5" s="616"/>
    </row>
    <row r="6" spans="1:409" ht="18" customHeight="1" thickBot="1" x14ac:dyDescent="0.25">
      <c r="B6" s="656"/>
      <c r="C6" s="660"/>
      <c r="D6" s="660"/>
      <c r="E6" s="660"/>
      <c r="F6" s="660"/>
      <c r="G6" s="660"/>
      <c r="H6" s="660"/>
      <c r="I6" s="660"/>
      <c r="J6" s="660"/>
      <c r="K6" s="660"/>
      <c r="L6" s="660"/>
      <c r="M6" s="660"/>
      <c r="N6" s="595"/>
      <c r="O6" s="586"/>
      <c r="P6" s="586"/>
      <c r="Q6" s="586"/>
      <c r="R6" s="586"/>
      <c r="S6" s="586"/>
      <c r="T6" s="586"/>
      <c r="U6" s="586"/>
      <c r="V6" s="586"/>
      <c r="W6" s="586"/>
      <c r="X6" s="596"/>
      <c r="Y6" s="597" t="s">
        <v>70</v>
      </c>
      <c r="Z6" s="598"/>
      <c r="AA6" s="598"/>
      <c r="AB6" s="598"/>
      <c r="AC6" s="598"/>
      <c r="AD6" s="598"/>
      <c r="AE6" s="598"/>
      <c r="AF6" s="598"/>
      <c r="AG6" s="598"/>
      <c r="AH6" s="598"/>
      <c r="AI6" s="599"/>
      <c r="AJ6" s="664" t="s">
        <v>71</v>
      </c>
      <c r="AK6" s="665"/>
      <c r="AL6" s="665"/>
      <c r="AM6" s="665"/>
      <c r="AN6" s="665"/>
      <c r="AO6" s="665"/>
      <c r="AP6" s="665"/>
      <c r="AQ6" s="665"/>
      <c r="AR6" s="665"/>
      <c r="AS6" s="665"/>
      <c r="AT6" s="666"/>
      <c r="AU6" s="673" t="s">
        <v>72</v>
      </c>
      <c r="AV6" s="674"/>
      <c r="AW6" s="674"/>
      <c r="AX6" s="674"/>
      <c r="AY6" s="674"/>
      <c r="AZ6" s="674"/>
      <c r="BA6" s="674"/>
      <c r="BB6" s="674"/>
      <c r="BC6" s="674"/>
      <c r="BD6" s="674"/>
      <c r="BE6" s="675"/>
      <c r="BF6" s="673" t="s">
        <v>73</v>
      </c>
      <c r="BG6" s="674"/>
      <c r="BH6" s="674"/>
      <c r="BI6" s="674"/>
      <c r="BJ6" s="674"/>
      <c r="BK6" s="674"/>
      <c r="BL6" s="674"/>
      <c r="BM6" s="674"/>
      <c r="BN6" s="674"/>
      <c r="BO6" s="674"/>
      <c r="BP6" s="675"/>
      <c r="BQ6" s="673" t="s">
        <v>74</v>
      </c>
      <c r="BR6" s="674"/>
      <c r="BS6" s="674"/>
      <c r="BT6" s="674"/>
      <c r="BU6" s="674"/>
      <c r="BV6" s="674"/>
      <c r="BW6" s="674"/>
      <c r="BX6" s="674"/>
      <c r="BY6" s="674"/>
      <c r="BZ6" s="674"/>
      <c r="CA6" s="675"/>
      <c r="CB6" s="620"/>
      <c r="CC6" s="621"/>
      <c r="CD6" s="621"/>
      <c r="CE6" s="621"/>
      <c r="CF6" s="621"/>
      <c r="CG6" s="621"/>
      <c r="CH6" s="621"/>
      <c r="CI6" s="621"/>
      <c r="CJ6" s="621"/>
      <c r="CK6" s="621"/>
      <c r="CL6" s="622"/>
      <c r="CM6" s="673" t="s">
        <v>75</v>
      </c>
      <c r="CN6" s="674"/>
      <c r="CO6" s="674"/>
      <c r="CP6" s="674"/>
      <c r="CQ6" s="674"/>
      <c r="CR6" s="674"/>
      <c r="CS6" s="674"/>
      <c r="CT6" s="674"/>
      <c r="CU6" s="674"/>
      <c r="CV6" s="674"/>
      <c r="CW6" s="675"/>
      <c r="CX6" s="673" t="s">
        <v>76</v>
      </c>
      <c r="CY6" s="674"/>
      <c r="CZ6" s="674"/>
      <c r="DA6" s="674"/>
      <c r="DB6" s="674"/>
      <c r="DC6" s="674"/>
      <c r="DD6" s="674"/>
      <c r="DE6" s="674"/>
      <c r="DF6" s="674"/>
      <c r="DG6" s="674"/>
      <c r="DH6" s="675"/>
      <c r="DI6" s="620"/>
      <c r="DJ6" s="621"/>
      <c r="DK6" s="621"/>
      <c r="DL6" s="621"/>
      <c r="DM6" s="621"/>
      <c r="DN6" s="621"/>
      <c r="DO6" s="621"/>
      <c r="DP6" s="621"/>
      <c r="DQ6" s="621"/>
      <c r="DR6" s="621"/>
      <c r="DS6" s="621"/>
      <c r="DT6" s="673" t="s">
        <v>77</v>
      </c>
      <c r="DU6" s="674"/>
      <c r="DV6" s="674"/>
      <c r="DW6" s="674"/>
      <c r="DX6" s="674"/>
      <c r="DY6" s="674"/>
      <c r="DZ6" s="674"/>
      <c r="EA6" s="674"/>
      <c r="EB6" s="674"/>
      <c r="EC6" s="674"/>
      <c r="ED6" s="675"/>
      <c r="EE6" s="673" t="s">
        <v>78</v>
      </c>
      <c r="EF6" s="674"/>
      <c r="EG6" s="674"/>
      <c r="EH6" s="674"/>
      <c r="EI6" s="674"/>
      <c r="EJ6" s="674"/>
      <c r="EK6" s="674"/>
      <c r="EL6" s="674"/>
      <c r="EM6" s="674"/>
      <c r="EN6" s="674"/>
      <c r="EO6" s="675"/>
      <c r="EP6" s="673" t="s">
        <v>79</v>
      </c>
      <c r="EQ6" s="674"/>
      <c r="ER6" s="674"/>
      <c r="ES6" s="674"/>
      <c r="ET6" s="674"/>
      <c r="EU6" s="674"/>
      <c r="EV6" s="674"/>
      <c r="EW6" s="674"/>
      <c r="EX6" s="674"/>
      <c r="EY6" s="674"/>
      <c r="EZ6" s="675"/>
      <c r="FA6" s="676" t="s">
        <v>152</v>
      </c>
      <c r="FB6" s="674"/>
      <c r="FC6" s="674"/>
      <c r="FD6" s="674"/>
      <c r="FE6" s="674"/>
      <c r="FF6" s="674"/>
      <c r="FG6" s="674"/>
      <c r="FH6" s="674"/>
      <c r="FI6" s="674"/>
      <c r="FJ6" s="674"/>
      <c r="FK6" s="675"/>
      <c r="FL6" s="620"/>
      <c r="FM6" s="621"/>
      <c r="FN6" s="621"/>
      <c r="FO6" s="621"/>
      <c r="FP6" s="621"/>
      <c r="FQ6" s="621"/>
      <c r="FR6" s="621"/>
      <c r="FS6" s="621"/>
      <c r="FT6" s="621"/>
      <c r="FU6" s="621"/>
      <c r="FV6" s="621"/>
      <c r="FW6" s="673" t="s">
        <v>80</v>
      </c>
      <c r="FX6" s="674"/>
      <c r="FY6" s="674"/>
      <c r="FZ6" s="674"/>
      <c r="GA6" s="674"/>
      <c r="GB6" s="674"/>
      <c r="GC6" s="674"/>
      <c r="GD6" s="674"/>
      <c r="GE6" s="674"/>
      <c r="GF6" s="674"/>
      <c r="GG6" s="675"/>
      <c r="GH6" s="597" t="s">
        <v>81</v>
      </c>
      <c r="GI6" s="598"/>
      <c r="GJ6" s="598"/>
      <c r="GK6" s="598"/>
      <c r="GL6" s="598"/>
      <c r="GM6" s="598"/>
      <c r="GN6" s="598"/>
      <c r="GO6" s="598"/>
      <c r="GP6" s="598"/>
      <c r="GQ6" s="598"/>
      <c r="GR6" s="599"/>
      <c r="GS6" s="597" t="s">
        <v>82</v>
      </c>
      <c r="GT6" s="598"/>
      <c r="GU6" s="598"/>
      <c r="GV6" s="598"/>
      <c r="GW6" s="598"/>
      <c r="GX6" s="598"/>
      <c r="GY6" s="598"/>
      <c r="GZ6" s="598"/>
      <c r="HA6" s="598"/>
      <c r="HB6" s="598"/>
      <c r="HC6" s="599"/>
      <c r="HD6" s="667"/>
      <c r="HE6" s="668"/>
      <c r="HF6" s="668"/>
      <c r="HG6" s="668"/>
      <c r="HH6" s="668"/>
      <c r="HI6" s="668"/>
      <c r="HJ6" s="668"/>
      <c r="HK6" s="668"/>
      <c r="HL6" s="668"/>
      <c r="HM6" s="668"/>
      <c r="HN6" s="669"/>
      <c r="HO6" s="667"/>
      <c r="HP6" s="668"/>
      <c r="HQ6" s="668"/>
      <c r="HR6" s="668"/>
      <c r="HS6" s="668"/>
      <c r="HT6" s="668"/>
      <c r="HU6" s="668"/>
      <c r="HV6" s="668"/>
      <c r="HW6" s="668"/>
      <c r="HX6" s="668"/>
      <c r="HY6" s="669"/>
      <c r="HZ6" s="620"/>
      <c r="IA6" s="621"/>
      <c r="IB6" s="621"/>
      <c r="IC6" s="621"/>
      <c r="ID6" s="621"/>
      <c r="IE6" s="621"/>
      <c r="IF6" s="621"/>
      <c r="IG6" s="621"/>
      <c r="IH6" s="621"/>
      <c r="II6" s="621"/>
      <c r="IJ6" s="622"/>
      <c r="IK6" s="595"/>
      <c r="IL6" s="586"/>
      <c r="IM6" s="586"/>
      <c r="IN6" s="586"/>
      <c r="IO6" s="586"/>
      <c r="IP6" s="586"/>
      <c r="IQ6" s="586"/>
      <c r="IR6" s="586"/>
      <c r="IS6" s="586"/>
      <c r="IT6" s="586"/>
      <c r="IU6" s="596"/>
      <c r="IV6" s="595"/>
      <c r="IW6" s="586"/>
      <c r="IX6" s="586"/>
      <c r="IY6" s="586"/>
      <c r="IZ6" s="586"/>
      <c r="JA6" s="586"/>
      <c r="JB6" s="586"/>
      <c r="JC6" s="586"/>
      <c r="JD6" s="586"/>
      <c r="JE6" s="586"/>
      <c r="JF6" s="596"/>
      <c r="JG6" s="626"/>
      <c r="JH6" s="627"/>
      <c r="JI6" s="627"/>
      <c r="JJ6" s="627"/>
      <c r="JK6" s="627"/>
      <c r="JL6" s="627"/>
      <c r="JM6" s="627"/>
      <c r="JN6" s="627"/>
      <c r="JO6" s="627"/>
      <c r="JP6" s="627"/>
      <c r="JQ6" s="628"/>
      <c r="JR6" s="595"/>
      <c r="JS6" s="586"/>
      <c r="JT6" s="586"/>
      <c r="JU6" s="586"/>
      <c r="JV6" s="586"/>
      <c r="JW6" s="586"/>
      <c r="JX6" s="586"/>
      <c r="JY6" s="586"/>
      <c r="JZ6" s="586"/>
      <c r="KA6" s="586"/>
      <c r="KB6" s="596"/>
      <c r="KC6" s="595"/>
      <c r="KD6" s="586"/>
      <c r="KE6" s="586"/>
      <c r="KF6" s="586"/>
      <c r="KG6" s="586"/>
      <c r="KH6" s="586"/>
      <c r="KI6" s="586"/>
      <c r="KJ6" s="586"/>
      <c r="KK6" s="586"/>
      <c r="KL6" s="586"/>
      <c r="KM6" s="596"/>
      <c r="KN6" s="595"/>
      <c r="KO6" s="586"/>
      <c r="KP6" s="586"/>
      <c r="KQ6" s="586"/>
      <c r="KR6" s="586"/>
      <c r="KS6" s="586"/>
      <c r="KT6" s="586"/>
      <c r="KU6" s="586"/>
      <c r="KV6" s="586"/>
      <c r="KW6" s="586"/>
      <c r="KX6" s="596"/>
      <c r="KY6" s="595"/>
      <c r="KZ6" s="586"/>
      <c r="LA6" s="586"/>
      <c r="LB6" s="586"/>
      <c r="LC6" s="586"/>
      <c r="LD6" s="586"/>
      <c r="LE6" s="586"/>
      <c r="LF6" s="586"/>
      <c r="LG6" s="586"/>
      <c r="LH6" s="586"/>
      <c r="LI6" s="596"/>
      <c r="LJ6" s="620"/>
      <c r="LK6" s="621"/>
      <c r="LL6" s="621"/>
      <c r="LM6" s="621"/>
      <c r="LN6" s="621"/>
      <c r="LO6" s="621"/>
      <c r="LP6" s="621"/>
      <c r="LQ6" s="621"/>
      <c r="LR6" s="621"/>
      <c r="LS6" s="621"/>
      <c r="LT6" s="622"/>
      <c r="LU6" s="635"/>
      <c r="LV6" s="636"/>
      <c r="LW6" s="636"/>
      <c r="LX6" s="636"/>
      <c r="LY6" s="636"/>
      <c r="LZ6" s="636"/>
      <c r="MA6" s="636"/>
      <c r="MB6" s="636"/>
      <c r="MC6" s="636"/>
      <c r="MD6" s="636"/>
      <c r="ME6" s="637"/>
      <c r="MF6" s="620"/>
      <c r="MG6" s="621"/>
      <c r="MH6" s="621"/>
      <c r="MI6" s="621"/>
      <c r="MJ6" s="621"/>
      <c r="MK6" s="621"/>
      <c r="ML6" s="621"/>
      <c r="MM6" s="621"/>
      <c r="MN6" s="621"/>
      <c r="MO6" s="621"/>
      <c r="MP6" s="622"/>
      <c r="MQ6" s="595"/>
      <c r="MR6" s="586"/>
      <c r="MS6" s="586"/>
      <c r="MT6" s="586"/>
      <c r="MU6" s="586"/>
      <c r="MV6" s="586"/>
      <c r="MW6" s="586"/>
      <c r="MX6" s="586"/>
      <c r="MY6" s="586"/>
      <c r="MZ6" s="586"/>
      <c r="NA6" s="596"/>
      <c r="NB6" s="595"/>
      <c r="NC6" s="586"/>
      <c r="ND6" s="586"/>
      <c r="NE6" s="586"/>
      <c r="NF6" s="586"/>
      <c r="NG6" s="586"/>
      <c r="NH6" s="586"/>
      <c r="NI6" s="586"/>
      <c r="NJ6" s="586"/>
      <c r="NK6" s="586"/>
      <c r="NL6" s="596"/>
      <c r="NM6" s="595"/>
      <c r="NN6" s="586"/>
      <c r="NO6" s="586"/>
      <c r="NP6" s="586"/>
      <c r="NQ6" s="586"/>
      <c r="NR6" s="586"/>
      <c r="NS6" s="586"/>
      <c r="NT6" s="586"/>
      <c r="NU6" s="586"/>
      <c r="NV6" s="586"/>
      <c r="NW6" s="596"/>
      <c r="NX6" s="645"/>
      <c r="NY6" s="646"/>
      <c r="NZ6" s="646"/>
      <c r="OA6" s="646"/>
      <c r="OB6" s="646"/>
      <c r="OC6" s="646"/>
      <c r="OD6" s="646"/>
      <c r="OE6" s="646"/>
      <c r="OF6" s="646"/>
      <c r="OG6" s="646"/>
      <c r="OH6" s="647"/>
      <c r="OI6" s="595"/>
      <c r="OJ6" s="586"/>
      <c r="OK6" s="586"/>
      <c r="OL6" s="586"/>
      <c r="OM6" s="586"/>
      <c r="ON6" s="586"/>
      <c r="OO6" s="586"/>
      <c r="OP6" s="586"/>
      <c r="OQ6" s="586"/>
      <c r="OR6" s="586"/>
      <c r="OS6" s="596"/>
    </row>
    <row r="7" spans="1:409" ht="18" customHeight="1" x14ac:dyDescent="0.2">
      <c r="B7" s="656"/>
      <c r="C7" s="577" t="s">
        <v>61</v>
      </c>
      <c r="D7" s="577"/>
      <c r="E7" s="577"/>
      <c r="F7" s="576" t="s">
        <v>62</v>
      </c>
      <c r="G7" s="577"/>
      <c r="H7" s="577"/>
      <c r="I7" s="577"/>
      <c r="J7" s="577"/>
      <c r="K7" s="577"/>
      <c r="L7" s="577"/>
      <c r="M7" s="576" t="s">
        <v>52</v>
      </c>
      <c r="N7" s="671" t="s">
        <v>61</v>
      </c>
      <c r="O7" s="577"/>
      <c r="P7" s="577"/>
      <c r="Q7" s="576" t="s">
        <v>62</v>
      </c>
      <c r="R7" s="577"/>
      <c r="S7" s="577"/>
      <c r="T7" s="577"/>
      <c r="U7" s="577"/>
      <c r="V7" s="577"/>
      <c r="W7" s="578"/>
      <c r="X7" s="611" t="s">
        <v>52</v>
      </c>
      <c r="Y7" s="595" t="s">
        <v>61</v>
      </c>
      <c r="Z7" s="586"/>
      <c r="AA7" s="587"/>
      <c r="AB7" s="585" t="s">
        <v>62</v>
      </c>
      <c r="AC7" s="586"/>
      <c r="AD7" s="586"/>
      <c r="AE7" s="586"/>
      <c r="AF7" s="586"/>
      <c r="AG7" s="586"/>
      <c r="AH7" s="587"/>
      <c r="AI7" s="596" t="s">
        <v>52</v>
      </c>
      <c r="AJ7" s="573" t="s">
        <v>61</v>
      </c>
      <c r="AK7" s="574"/>
      <c r="AL7" s="575"/>
      <c r="AM7" s="609" t="s">
        <v>62</v>
      </c>
      <c r="AN7" s="574"/>
      <c r="AO7" s="574"/>
      <c r="AP7" s="574"/>
      <c r="AQ7" s="574"/>
      <c r="AR7" s="574"/>
      <c r="AS7" s="610"/>
      <c r="AT7" s="672" t="s">
        <v>52</v>
      </c>
      <c r="AU7" s="590" t="s">
        <v>61</v>
      </c>
      <c r="AV7" s="583"/>
      <c r="AW7" s="584"/>
      <c r="AX7" s="612" t="s">
        <v>62</v>
      </c>
      <c r="AY7" s="583"/>
      <c r="AZ7" s="583"/>
      <c r="BA7" s="583"/>
      <c r="BB7" s="583"/>
      <c r="BC7" s="583"/>
      <c r="BD7" s="613"/>
      <c r="BE7" s="596" t="s">
        <v>52</v>
      </c>
      <c r="BF7" s="590" t="s">
        <v>61</v>
      </c>
      <c r="BG7" s="583"/>
      <c r="BH7" s="584"/>
      <c r="BI7" s="612" t="s">
        <v>62</v>
      </c>
      <c r="BJ7" s="583"/>
      <c r="BK7" s="583"/>
      <c r="BL7" s="583"/>
      <c r="BM7" s="583"/>
      <c r="BN7" s="583"/>
      <c r="BO7" s="613"/>
      <c r="BP7" s="596" t="s">
        <v>52</v>
      </c>
      <c r="BQ7" s="590" t="s">
        <v>61</v>
      </c>
      <c r="BR7" s="583"/>
      <c r="BS7" s="584"/>
      <c r="BT7" s="612" t="s">
        <v>62</v>
      </c>
      <c r="BU7" s="583"/>
      <c r="BV7" s="583"/>
      <c r="BW7" s="583"/>
      <c r="BX7" s="583"/>
      <c r="BY7" s="583"/>
      <c r="BZ7" s="613"/>
      <c r="CA7" s="596" t="s">
        <v>52</v>
      </c>
      <c r="CB7" s="573" t="s">
        <v>61</v>
      </c>
      <c r="CC7" s="574"/>
      <c r="CD7" s="575"/>
      <c r="CE7" s="609" t="s">
        <v>62</v>
      </c>
      <c r="CF7" s="574"/>
      <c r="CG7" s="574"/>
      <c r="CH7" s="574"/>
      <c r="CI7" s="574"/>
      <c r="CJ7" s="574"/>
      <c r="CK7" s="610"/>
      <c r="CL7" s="611" t="s">
        <v>52</v>
      </c>
      <c r="CM7" s="590" t="s">
        <v>61</v>
      </c>
      <c r="CN7" s="583"/>
      <c r="CO7" s="613"/>
      <c r="CP7" s="612" t="s">
        <v>62</v>
      </c>
      <c r="CQ7" s="583"/>
      <c r="CR7" s="583"/>
      <c r="CS7" s="583"/>
      <c r="CT7" s="583"/>
      <c r="CU7" s="583"/>
      <c r="CV7" s="613"/>
      <c r="CW7" s="607" t="s">
        <v>52</v>
      </c>
      <c r="CX7" s="590" t="s">
        <v>61</v>
      </c>
      <c r="CY7" s="583"/>
      <c r="CZ7" s="613"/>
      <c r="DA7" s="612" t="s">
        <v>62</v>
      </c>
      <c r="DB7" s="583"/>
      <c r="DC7" s="583"/>
      <c r="DD7" s="583"/>
      <c r="DE7" s="583"/>
      <c r="DF7" s="583"/>
      <c r="DG7" s="613"/>
      <c r="DH7" s="607" t="s">
        <v>52</v>
      </c>
      <c r="DI7" s="573" t="s">
        <v>61</v>
      </c>
      <c r="DJ7" s="574"/>
      <c r="DK7" s="610"/>
      <c r="DL7" s="609" t="s">
        <v>62</v>
      </c>
      <c r="DM7" s="574"/>
      <c r="DN7" s="574"/>
      <c r="DO7" s="574"/>
      <c r="DP7" s="574"/>
      <c r="DQ7" s="574"/>
      <c r="DR7" s="610"/>
      <c r="DS7" s="611" t="s">
        <v>52</v>
      </c>
      <c r="DT7" s="590" t="s">
        <v>61</v>
      </c>
      <c r="DU7" s="583"/>
      <c r="DV7" s="584"/>
      <c r="DW7" s="612" t="s">
        <v>62</v>
      </c>
      <c r="DX7" s="583"/>
      <c r="DY7" s="583"/>
      <c r="DZ7" s="583"/>
      <c r="EA7" s="583"/>
      <c r="EB7" s="583"/>
      <c r="EC7" s="613"/>
      <c r="ED7" s="596" t="s">
        <v>52</v>
      </c>
      <c r="EE7" s="590" t="s">
        <v>61</v>
      </c>
      <c r="EF7" s="583"/>
      <c r="EG7" s="584"/>
      <c r="EH7" s="612" t="s">
        <v>62</v>
      </c>
      <c r="EI7" s="583"/>
      <c r="EJ7" s="583"/>
      <c r="EK7" s="583"/>
      <c r="EL7" s="583"/>
      <c r="EM7" s="583"/>
      <c r="EN7" s="613"/>
      <c r="EO7" s="596" t="s">
        <v>52</v>
      </c>
      <c r="EP7" s="590" t="s">
        <v>61</v>
      </c>
      <c r="EQ7" s="583"/>
      <c r="ER7" s="584"/>
      <c r="ES7" s="612" t="s">
        <v>62</v>
      </c>
      <c r="ET7" s="583"/>
      <c r="EU7" s="583"/>
      <c r="EV7" s="583"/>
      <c r="EW7" s="583"/>
      <c r="EX7" s="583"/>
      <c r="EY7" s="613"/>
      <c r="EZ7" s="596" t="s">
        <v>52</v>
      </c>
      <c r="FA7" s="590" t="s">
        <v>61</v>
      </c>
      <c r="FB7" s="583"/>
      <c r="FC7" s="584"/>
      <c r="FD7" s="612" t="s">
        <v>62</v>
      </c>
      <c r="FE7" s="583"/>
      <c r="FF7" s="583"/>
      <c r="FG7" s="583"/>
      <c r="FH7" s="583"/>
      <c r="FI7" s="583"/>
      <c r="FJ7" s="613"/>
      <c r="FK7" s="596" t="s">
        <v>52</v>
      </c>
      <c r="FL7" s="573" t="s">
        <v>61</v>
      </c>
      <c r="FM7" s="574"/>
      <c r="FN7" s="575"/>
      <c r="FO7" s="609" t="s">
        <v>62</v>
      </c>
      <c r="FP7" s="574"/>
      <c r="FQ7" s="574"/>
      <c r="FR7" s="574"/>
      <c r="FS7" s="574"/>
      <c r="FT7" s="574"/>
      <c r="FU7" s="610"/>
      <c r="FV7" s="577" t="s">
        <v>52</v>
      </c>
      <c r="FW7" s="590" t="s">
        <v>61</v>
      </c>
      <c r="FX7" s="583"/>
      <c r="FY7" s="584"/>
      <c r="FZ7" s="612" t="s">
        <v>62</v>
      </c>
      <c r="GA7" s="583"/>
      <c r="GB7" s="583"/>
      <c r="GC7" s="583"/>
      <c r="GD7" s="583"/>
      <c r="GE7" s="583"/>
      <c r="GF7" s="613"/>
      <c r="GG7" s="596" t="s">
        <v>52</v>
      </c>
      <c r="GH7" s="595" t="s">
        <v>61</v>
      </c>
      <c r="GI7" s="586"/>
      <c r="GJ7" s="586"/>
      <c r="GK7" s="585" t="s">
        <v>62</v>
      </c>
      <c r="GL7" s="586"/>
      <c r="GM7" s="586"/>
      <c r="GN7" s="586"/>
      <c r="GO7" s="586"/>
      <c r="GP7" s="586"/>
      <c r="GQ7" s="587"/>
      <c r="GR7" s="653" t="s">
        <v>52</v>
      </c>
      <c r="GS7" s="595" t="s">
        <v>61</v>
      </c>
      <c r="GT7" s="586"/>
      <c r="GU7" s="587"/>
      <c r="GV7" s="585" t="s">
        <v>62</v>
      </c>
      <c r="GW7" s="586"/>
      <c r="GX7" s="586"/>
      <c r="GY7" s="586"/>
      <c r="GZ7" s="586"/>
      <c r="HA7" s="586"/>
      <c r="HB7" s="587"/>
      <c r="HC7" s="653" t="s">
        <v>52</v>
      </c>
      <c r="HD7" s="590" t="s">
        <v>61</v>
      </c>
      <c r="HE7" s="583"/>
      <c r="HF7" s="584"/>
      <c r="HG7" s="612" t="s">
        <v>62</v>
      </c>
      <c r="HH7" s="583"/>
      <c r="HI7" s="583"/>
      <c r="HJ7" s="583"/>
      <c r="HK7" s="583"/>
      <c r="HL7" s="583"/>
      <c r="HM7" s="613"/>
      <c r="HN7" s="596" t="s">
        <v>52</v>
      </c>
      <c r="HO7" s="590" t="s">
        <v>61</v>
      </c>
      <c r="HP7" s="583"/>
      <c r="HQ7" s="584"/>
      <c r="HR7" s="612" t="s">
        <v>62</v>
      </c>
      <c r="HS7" s="583"/>
      <c r="HT7" s="583"/>
      <c r="HU7" s="583"/>
      <c r="HV7" s="583"/>
      <c r="HW7" s="583"/>
      <c r="HX7" s="613"/>
      <c r="HY7" s="596" t="s">
        <v>52</v>
      </c>
      <c r="HZ7" s="573" t="s">
        <v>61</v>
      </c>
      <c r="IA7" s="574"/>
      <c r="IB7" s="575"/>
      <c r="IC7" s="609" t="s">
        <v>62</v>
      </c>
      <c r="ID7" s="574"/>
      <c r="IE7" s="574"/>
      <c r="IF7" s="574"/>
      <c r="IG7" s="574"/>
      <c r="IH7" s="574"/>
      <c r="II7" s="610"/>
      <c r="IJ7" s="577" t="s">
        <v>52</v>
      </c>
      <c r="IK7" s="590" t="s">
        <v>61</v>
      </c>
      <c r="IL7" s="583"/>
      <c r="IM7" s="584"/>
      <c r="IN7" s="612" t="s">
        <v>62</v>
      </c>
      <c r="IO7" s="583"/>
      <c r="IP7" s="583"/>
      <c r="IQ7" s="583"/>
      <c r="IR7" s="583"/>
      <c r="IS7" s="583"/>
      <c r="IT7" s="613"/>
      <c r="IU7" s="596" t="s">
        <v>52</v>
      </c>
      <c r="IV7" s="590" t="s">
        <v>61</v>
      </c>
      <c r="IW7" s="583"/>
      <c r="IX7" s="613"/>
      <c r="IY7" s="612" t="s">
        <v>62</v>
      </c>
      <c r="IZ7" s="583"/>
      <c r="JA7" s="583"/>
      <c r="JB7" s="583"/>
      <c r="JC7" s="583"/>
      <c r="JD7" s="583"/>
      <c r="JE7" s="613"/>
      <c r="JF7" s="596" t="s">
        <v>52</v>
      </c>
      <c r="JG7" s="590" t="s">
        <v>61</v>
      </c>
      <c r="JH7" s="583"/>
      <c r="JI7" s="584"/>
      <c r="JJ7" s="612" t="s">
        <v>62</v>
      </c>
      <c r="JK7" s="583"/>
      <c r="JL7" s="583"/>
      <c r="JM7" s="583"/>
      <c r="JN7" s="583"/>
      <c r="JO7" s="583"/>
      <c r="JP7" s="613"/>
      <c r="JQ7" s="607" t="s">
        <v>52</v>
      </c>
      <c r="JR7" s="590" t="s">
        <v>61</v>
      </c>
      <c r="JS7" s="583"/>
      <c r="JT7" s="584"/>
      <c r="JU7" s="612" t="s">
        <v>62</v>
      </c>
      <c r="JV7" s="583"/>
      <c r="JW7" s="583"/>
      <c r="JX7" s="583"/>
      <c r="JY7" s="583"/>
      <c r="JZ7" s="583"/>
      <c r="KA7" s="613"/>
      <c r="KB7" s="607" t="s">
        <v>52</v>
      </c>
      <c r="KC7" s="590" t="s">
        <v>61</v>
      </c>
      <c r="KD7" s="583"/>
      <c r="KE7" s="584"/>
      <c r="KF7" s="612" t="s">
        <v>62</v>
      </c>
      <c r="KG7" s="583"/>
      <c r="KH7" s="583"/>
      <c r="KI7" s="583"/>
      <c r="KJ7" s="583"/>
      <c r="KK7" s="583"/>
      <c r="KL7" s="613"/>
      <c r="KM7" s="607" t="s">
        <v>52</v>
      </c>
      <c r="KN7" s="590" t="s">
        <v>61</v>
      </c>
      <c r="KO7" s="583"/>
      <c r="KP7" s="584"/>
      <c r="KQ7" s="612" t="s">
        <v>62</v>
      </c>
      <c r="KR7" s="583"/>
      <c r="KS7" s="583"/>
      <c r="KT7" s="583"/>
      <c r="KU7" s="583"/>
      <c r="KV7" s="583"/>
      <c r="KW7" s="613"/>
      <c r="KX7" s="607" t="s">
        <v>52</v>
      </c>
      <c r="KY7" s="590" t="s">
        <v>61</v>
      </c>
      <c r="KZ7" s="583"/>
      <c r="LA7" s="584"/>
      <c r="LB7" s="612" t="s">
        <v>62</v>
      </c>
      <c r="LC7" s="583"/>
      <c r="LD7" s="583"/>
      <c r="LE7" s="583"/>
      <c r="LF7" s="583"/>
      <c r="LG7" s="583"/>
      <c r="LH7" s="613"/>
      <c r="LI7" s="607" t="s">
        <v>52</v>
      </c>
      <c r="LJ7" s="590" t="s">
        <v>61</v>
      </c>
      <c r="LK7" s="583"/>
      <c r="LL7" s="584"/>
      <c r="LM7" s="612" t="s">
        <v>62</v>
      </c>
      <c r="LN7" s="583"/>
      <c r="LO7" s="583"/>
      <c r="LP7" s="583"/>
      <c r="LQ7" s="583"/>
      <c r="LR7" s="583"/>
      <c r="LS7" s="613"/>
      <c r="LT7" s="607" t="s">
        <v>52</v>
      </c>
      <c r="LU7" s="590" t="s">
        <v>61</v>
      </c>
      <c r="LV7" s="583"/>
      <c r="LW7" s="584"/>
      <c r="LX7" s="612" t="s">
        <v>62</v>
      </c>
      <c r="LY7" s="583"/>
      <c r="LZ7" s="583"/>
      <c r="MA7" s="583"/>
      <c r="MB7" s="583"/>
      <c r="MC7" s="583"/>
      <c r="MD7" s="613"/>
      <c r="ME7" s="607" t="s">
        <v>52</v>
      </c>
      <c r="MF7" s="573" t="s">
        <v>61</v>
      </c>
      <c r="MG7" s="574"/>
      <c r="MH7" s="575"/>
      <c r="MI7" s="609" t="s">
        <v>62</v>
      </c>
      <c r="MJ7" s="574"/>
      <c r="MK7" s="574"/>
      <c r="ML7" s="574"/>
      <c r="MM7" s="574"/>
      <c r="MN7" s="574"/>
      <c r="MO7" s="610"/>
      <c r="MP7" s="611" t="s">
        <v>52</v>
      </c>
      <c r="MQ7" s="590" t="s">
        <v>61</v>
      </c>
      <c r="MR7" s="583"/>
      <c r="MS7" s="584"/>
      <c r="MT7" s="612" t="s">
        <v>62</v>
      </c>
      <c r="MU7" s="583"/>
      <c r="MV7" s="583"/>
      <c r="MW7" s="583"/>
      <c r="MX7" s="583"/>
      <c r="MY7" s="583"/>
      <c r="MZ7" s="613"/>
      <c r="NA7" s="607" t="s">
        <v>52</v>
      </c>
      <c r="NB7" s="590" t="s">
        <v>61</v>
      </c>
      <c r="NC7" s="583"/>
      <c r="ND7" s="584"/>
      <c r="NE7" s="612" t="s">
        <v>62</v>
      </c>
      <c r="NF7" s="583"/>
      <c r="NG7" s="583"/>
      <c r="NH7" s="583"/>
      <c r="NI7" s="583"/>
      <c r="NJ7" s="583"/>
      <c r="NK7" s="613"/>
      <c r="NL7" s="607" t="s">
        <v>52</v>
      </c>
      <c r="NM7" s="590" t="s">
        <v>61</v>
      </c>
      <c r="NN7" s="583"/>
      <c r="NO7" s="584"/>
      <c r="NP7" s="612" t="s">
        <v>62</v>
      </c>
      <c r="NQ7" s="583"/>
      <c r="NR7" s="583"/>
      <c r="NS7" s="583"/>
      <c r="NT7" s="583"/>
      <c r="NU7" s="583"/>
      <c r="NV7" s="613"/>
      <c r="NW7" s="607" t="s">
        <v>52</v>
      </c>
      <c r="NX7" s="590" t="s">
        <v>61</v>
      </c>
      <c r="NY7" s="583"/>
      <c r="NZ7" s="584"/>
      <c r="OA7" s="612" t="s">
        <v>62</v>
      </c>
      <c r="OB7" s="583"/>
      <c r="OC7" s="583"/>
      <c r="OD7" s="583"/>
      <c r="OE7" s="583"/>
      <c r="OF7" s="583"/>
      <c r="OG7" s="613"/>
      <c r="OH7" s="607" t="s">
        <v>52</v>
      </c>
      <c r="OI7" s="573" t="s">
        <v>61</v>
      </c>
      <c r="OJ7" s="574"/>
      <c r="OK7" s="575"/>
      <c r="OL7" s="609" t="s">
        <v>62</v>
      </c>
      <c r="OM7" s="574"/>
      <c r="ON7" s="574"/>
      <c r="OO7" s="574"/>
      <c r="OP7" s="574"/>
      <c r="OQ7" s="574"/>
      <c r="OR7" s="610"/>
      <c r="OS7" s="611" t="s">
        <v>52</v>
      </c>
    </row>
    <row r="8" spans="1:409" ht="28.5" customHeight="1" thickBot="1" x14ac:dyDescent="0.25">
      <c r="B8" s="657"/>
      <c r="C8" s="65" t="s">
        <v>43</v>
      </c>
      <c r="D8" s="16" t="s">
        <v>44</v>
      </c>
      <c r="E8" s="41" t="s">
        <v>45</v>
      </c>
      <c r="F8" s="42" t="s">
        <v>83</v>
      </c>
      <c r="G8" s="16" t="s">
        <v>47</v>
      </c>
      <c r="H8" s="16" t="s">
        <v>48</v>
      </c>
      <c r="I8" s="16" t="s">
        <v>49</v>
      </c>
      <c r="J8" s="16" t="s">
        <v>50</v>
      </c>
      <c r="K8" s="16" t="s">
        <v>51</v>
      </c>
      <c r="L8" s="17" t="s">
        <v>45</v>
      </c>
      <c r="M8" s="670"/>
      <c r="N8" s="40" t="s">
        <v>43</v>
      </c>
      <c r="O8" s="16" t="s">
        <v>44</v>
      </c>
      <c r="P8" s="17" t="s">
        <v>45</v>
      </c>
      <c r="Q8" s="42" t="s">
        <v>83</v>
      </c>
      <c r="R8" s="16" t="s">
        <v>47</v>
      </c>
      <c r="S8" s="16" t="s">
        <v>48</v>
      </c>
      <c r="T8" s="16" t="s">
        <v>49</v>
      </c>
      <c r="U8" s="16" t="s">
        <v>50</v>
      </c>
      <c r="V8" s="16" t="s">
        <v>51</v>
      </c>
      <c r="W8" s="17" t="s">
        <v>45</v>
      </c>
      <c r="X8" s="652"/>
      <c r="Y8" s="40" t="s">
        <v>43</v>
      </c>
      <c r="Z8" s="16" t="s">
        <v>44</v>
      </c>
      <c r="AA8" s="17" t="s">
        <v>45</v>
      </c>
      <c r="AB8" s="42" t="s">
        <v>83</v>
      </c>
      <c r="AC8" s="16" t="s">
        <v>47</v>
      </c>
      <c r="AD8" s="16" t="s">
        <v>48</v>
      </c>
      <c r="AE8" s="16" t="s">
        <v>49</v>
      </c>
      <c r="AF8" s="16" t="s">
        <v>50</v>
      </c>
      <c r="AG8" s="16" t="s">
        <v>51</v>
      </c>
      <c r="AH8" s="17" t="s">
        <v>45</v>
      </c>
      <c r="AI8" s="651"/>
      <c r="AJ8" s="40" t="s">
        <v>43</v>
      </c>
      <c r="AK8" s="16" t="s">
        <v>44</v>
      </c>
      <c r="AL8" s="41" t="s">
        <v>45</v>
      </c>
      <c r="AM8" s="42" t="s">
        <v>83</v>
      </c>
      <c r="AN8" s="16" t="s">
        <v>47</v>
      </c>
      <c r="AO8" s="16" t="s">
        <v>48</v>
      </c>
      <c r="AP8" s="16" t="s">
        <v>49</v>
      </c>
      <c r="AQ8" s="16" t="s">
        <v>50</v>
      </c>
      <c r="AR8" s="16" t="s">
        <v>51</v>
      </c>
      <c r="AS8" s="17" t="s">
        <v>45</v>
      </c>
      <c r="AT8" s="651"/>
      <c r="AU8" s="40" t="s">
        <v>43</v>
      </c>
      <c r="AV8" s="16" t="s">
        <v>44</v>
      </c>
      <c r="AW8" s="41" t="s">
        <v>45</v>
      </c>
      <c r="AX8" s="42" t="s">
        <v>83</v>
      </c>
      <c r="AY8" s="16" t="s">
        <v>47</v>
      </c>
      <c r="AZ8" s="16" t="s">
        <v>48</v>
      </c>
      <c r="BA8" s="16" t="s">
        <v>49</v>
      </c>
      <c r="BB8" s="16" t="s">
        <v>50</v>
      </c>
      <c r="BC8" s="16" t="s">
        <v>51</v>
      </c>
      <c r="BD8" s="17" t="s">
        <v>45</v>
      </c>
      <c r="BE8" s="651"/>
      <c r="BF8" s="61" t="s">
        <v>43</v>
      </c>
      <c r="BG8" s="16" t="s">
        <v>44</v>
      </c>
      <c r="BH8" s="41" t="s">
        <v>45</v>
      </c>
      <c r="BI8" s="42" t="s">
        <v>83</v>
      </c>
      <c r="BJ8" s="16" t="s">
        <v>47</v>
      </c>
      <c r="BK8" s="16" t="s">
        <v>48</v>
      </c>
      <c r="BL8" s="16" t="s">
        <v>49</v>
      </c>
      <c r="BM8" s="16" t="s">
        <v>50</v>
      </c>
      <c r="BN8" s="16" t="s">
        <v>51</v>
      </c>
      <c r="BO8" s="17" t="s">
        <v>45</v>
      </c>
      <c r="BP8" s="651"/>
      <c r="BQ8" s="40" t="s">
        <v>43</v>
      </c>
      <c r="BR8" s="16" t="s">
        <v>44</v>
      </c>
      <c r="BS8" s="41" t="s">
        <v>45</v>
      </c>
      <c r="BT8" s="42" t="s">
        <v>83</v>
      </c>
      <c r="BU8" s="16" t="s">
        <v>47</v>
      </c>
      <c r="BV8" s="16" t="s">
        <v>48</v>
      </c>
      <c r="BW8" s="16" t="s">
        <v>49</v>
      </c>
      <c r="BX8" s="16" t="s">
        <v>50</v>
      </c>
      <c r="BY8" s="16" t="s">
        <v>51</v>
      </c>
      <c r="BZ8" s="17" t="s">
        <v>45</v>
      </c>
      <c r="CA8" s="651"/>
      <c r="CB8" s="40" t="s">
        <v>43</v>
      </c>
      <c r="CC8" s="16" t="s">
        <v>44</v>
      </c>
      <c r="CD8" s="41" t="s">
        <v>45</v>
      </c>
      <c r="CE8" s="42" t="s">
        <v>83</v>
      </c>
      <c r="CF8" s="16" t="s">
        <v>47</v>
      </c>
      <c r="CG8" s="16" t="s">
        <v>48</v>
      </c>
      <c r="CH8" s="16" t="s">
        <v>49</v>
      </c>
      <c r="CI8" s="16" t="s">
        <v>50</v>
      </c>
      <c r="CJ8" s="16" t="s">
        <v>51</v>
      </c>
      <c r="CK8" s="17" t="s">
        <v>45</v>
      </c>
      <c r="CL8" s="652"/>
      <c r="CM8" s="40" t="s">
        <v>43</v>
      </c>
      <c r="CN8" s="16" t="s">
        <v>44</v>
      </c>
      <c r="CO8" s="17" t="s">
        <v>45</v>
      </c>
      <c r="CP8" s="42" t="s">
        <v>83</v>
      </c>
      <c r="CQ8" s="16" t="s">
        <v>47</v>
      </c>
      <c r="CR8" s="16" t="s">
        <v>48</v>
      </c>
      <c r="CS8" s="16" t="s">
        <v>49</v>
      </c>
      <c r="CT8" s="16" t="s">
        <v>50</v>
      </c>
      <c r="CU8" s="16" t="s">
        <v>51</v>
      </c>
      <c r="CV8" s="17" t="s">
        <v>45</v>
      </c>
      <c r="CW8" s="652"/>
      <c r="CX8" s="40" t="s">
        <v>43</v>
      </c>
      <c r="CY8" s="16" t="s">
        <v>44</v>
      </c>
      <c r="CZ8" s="17" t="s">
        <v>45</v>
      </c>
      <c r="DA8" s="42" t="s">
        <v>83</v>
      </c>
      <c r="DB8" s="16" t="s">
        <v>47</v>
      </c>
      <c r="DC8" s="16" t="s">
        <v>48</v>
      </c>
      <c r="DD8" s="16" t="s">
        <v>49</v>
      </c>
      <c r="DE8" s="16" t="s">
        <v>50</v>
      </c>
      <c r="DF8" s="16" t="s">
        <v>51</v>
      </c>
      <c r="DG8" s="17" t="s">
        <v>45</v>
      </c>
      <c r="DH8" s="652"/>
      <c r="DI8" s="40" t="s">
        <v>43</v>
      </c>
      <c r="DJ8" s="16" t="s">
        <v>44</v>
      </c>
      <c r="DK8" s="17" t="s">
        <v>45</v>
      </c>
      <c r="DL8" s="42" t="s">
        <v>83</v>
      </c>
      <c r="DM8" s="16" t="s">
        <v>47</v>
      </c>
      <c r="DN8" s="16" t="s">
        <v>48</v>
      </c>
      <c r="DO8" s="16" t="s">
        <v>49</v>
      </c>
      <c r="DP8" s="16" t="s">
        <v>50</v>
      </c>
      <c r="DQ8" s="16" t="s">
        <v>51</v>
      </c>
      <c r="DR8" s="17" t="s">
        <v>45</v>
      </c>
      <c r="DS8" s="652"/>
      <c r="DT8" s="40" t="s">
        <v>43</v>
      </c>
      <c r="DU8" s="16" t="s">
        <v>44</v>
      </c>
      <c r="DV8" s="41" t="s">
        <v>45</v>
      </c>
      <c r="DW8" s="42" t="s">
        <v>83</v>
      </c>
      <c r="DX8" s="16" t="s">
        <v>47</v>
      </c>
      <c r="DY8" s="16" t="s">
        <v>48</v>
      </c>
      <c r="DZ8" s="16" t="s">
        <v>49</v>
      </c>
      <c r="EA8" s="16" t="s">
        <v>50</v>
      </c>
      <c r="EB8" s="16" t="s">
        <v>51</v>
      </c>
      <c r="EC8" s="17" t="s">
        <v>45</v>
      </c>
      <c r="ED8" s="651"/>
      <c r="EE8" s="40" t="s">
        <v>43</v>
      </c>
      <c r="EF8" s="16" t="s">
        <v>44</v>
      </c>
      <c r="EG8" s="41" t="s">
        <v>45</v>
      </c>
      <c r="EH8" s="42" t="s">
        <v>83</v>
      </c>
      <c r="EI8" s="16" t="s">
        <v>47</v>
      </c>
      <c r="EJ8" s="16" t="s">
        <v>48</v>
      </c>
      <c r="EK8" s="16" t="s">
        <v>49</v>
      </c>
      <c r="EL8" s="16" t="s">
        <v>50</v>
      </c>
      <c r="EM8" s="16" t="s">
        <v>51</v>
      </c>
      <c r="EN8" s="17" t="s">
        <v>45</v>
      </c>
      <c r="EO8" s="651"/>
      <c r="EP8" s="40" t="s">
        <v>43</v>
      </c>
      <c r="EQ8" s="16" t="s">
        <v>44</v>
      </c>
      <c r="ER8" s="41" t="s">
        <v>45</v>
      </c>
      <c r="ES8" s="42" t="s">
        <v>83</v>
      </c>
      <c r="ET8" s="16" t="s">
        <v>47</v>
      </c>
      <c r="EU8" s="16" t="s">
        <v>48</v>
      </c>
      <c r="EV8" s="16" t="s">
        <v>49</v>
      </c>
      <c r="EW8" s="16" t="s">
        <v>50</v>
      </c>
      <c r="EX8" s="16" t="s">
        <v>51</v>
      </c>
      <c r="EY8" s="17" t="s">
        <v>45</v>
      </c>
      <c r="EZ8" s="651"/>
      <c r="FA8" s="40" t="s">
        <v>43</v>
      </c>
      <c r="FB8" s="16" t="s">
        <v>44</v>
      </c>
      <c r="FC8" s="41" t="s">
        <v>45</v>
      </c>
      <c r="FD8" s="42" t="s">
        <v>83</v>
      </c>
      <c r="FE8" s="16" t="s">
        <v>47</v>
      </c>
      <c r="FF8" s="16" t="s">
        <v>48</v>
      </c>
      <c r="FG8" s="16" t="s">
        <v>49</v>
      </c>
      <c r="FH8" s="16" t="s">
        <v>50</v>
      </c>
      <c r="FI8" s="16" t="s">
        <v>51</v>
      </c>
      <c r="FJ8" s="17" t="s">
        <v>45</v>
      </c>
      <c r="FK8" s="651"/>
      <c r="FL8" s="40" t="s">
        <v>43</v>
      </c>
      <c r="FM8" s="16" t="s">
        <v>44</v>
      </c>
      <c r="FN8" s="41" t="s">
        <v>45</v>
      </c>
      <c r="FO8" s="42" t="s">
        <v>83</v>
      </c>
      <c r="FP8" s="16" t="s">
        <v>47</v>
      </c>
      <c r="FQ8" s="16" t="s">
        <v>48</v>
      </c>
      <c r="FR8" s="16" t="s">
        <v>49</v>
      </c>
      <c r="FS8" s="16" t="s">
        <v>50</v>
      </c>
      <c r="FT8" s="16" t="s">
        <v>51</v>
      </c>
      <c r="FU8" s="17" t="s">
        <v>45</v>
      </c>
      <c r="FV8" s="649"/>
      <c r="FW8" s="40" t="s">
        <v>43</v>
      </c>
      <c r="FX8" s="16" t="s">
        <v>44</v>
      </c>
      <c r="FY8" s="41" t="s">
        <v>45</v>
      </c>
      <c r="FZ8" s="42" t="s">
        <v>83</v>
      </c>
      <c r="GA8" s="16" t="s">
        <v>47</v>
      </c>
      <c r="GB8" s="16" t="s">
        <v>48</v>
      </c>
      <c r="GC8" s="16" t="s">
        <v>49</v>
      </c>
      <c r="GD8" s="16" t="s">
        <v>50</v>
      </c>
      <c r="GE8" s="16" t="s">
        <v>51</v>
      </c>
      <c r="GF8" s="17" t="s">
        <v>45</v>
      </c>
      <c r="GG8" s="651"/>
      <c r="GH8" s="40" t="s">
        <v>43</v>
      </c>
      <c r="GI8" s="16" t="s">
        <v>44</v>
      </c>
      <c r="GJ8" s="41" t="s">
        <v>45</v>
      </c>
      <c r="GK8" s="42" t="s">
        <v>83</v>
      </c>
      <c r="GL8" s="16" t="s">
        <v>47</v>
      </c>
      <c r="GM8" s="16" t="s">
        <v>48</v>
      </c>
      <c r="GN8" s="16" t="s">
        <v>49</v>
      </c>
      <c r="GO8" s="16" t="s">
        <v>50</v>
      </c>
      <c r="GP8" s="16" t="s">
        <v>51</v>
      </c>
      <c r="GQ8" s="17" t="s">
        <v>45</v>
      </c>
      <c r="GR8" s="654"/>
      <c r="GS8" s="40" t="s">
        <v>43</v>
      </c>
      <c r="GT8" s="16" t="s">
        <v>44</v>
      </c>
      <c r="GU8" s="41" t="s">
        <v>45</v>
      </c>
      <c r="GV8" s="42" t="s">
        <v>83</v>
      </c>
      <c r="GW8" s="16" t="s">
        <v>47</v>
      </c>
      <c r="GX8" s="16" t="s">
        <v>48</v>
      </c>
      <c r="GY8" s="16" t="s">
        <v>49</v>
      </c>
      <c r="GZ8" s="16" t="s">
        <v>50</v>
      </c>
      <c r="HA8" s="16" t="s">
        <v>51</v>
      </c>
      <c r="HB8" s="17" t="s">
        <v>45</v>
      </c>
      <c r="HC8" s="654"/>
      <c r="HD8" s="40" t="s">
        <v>43</v>
      </c>
      <c r="HE8" s="16" t="s">
        <v>44</v>
      </c>
      <c r="HF8" s="41" t="s">
        <v>45</v>
      </c>
      <c r="HG8" s="42" t="s">
        <v>83</v>
      </c>
      <c r="HH8" s="16" t="s">
        <v>47</v>
      </c>
      <c r="HI8" s="16" t="s">
        <v>48</v>
      </c>
      <c r="HJ8" s="16" t="s">
        <v>49</v>
      </c>
      <c r="HK8" s="16" t="s">
        <v>50</v>
      </c>
      <c r="HL8" s="16" t="s">
        <v>51</v>
      </c>
      <c r="HM8" s="17" t="s">
        <v>45</v>
      </c>
      <c r="HN8" s="651"/>
      <c r="HO8" s="40" t="s">
        <v>43</v>
      </c>
      <c r="HP8" s="16" t="s">
        <v>44</v>
      </c>
      <c r="HQ8" s="41" t="s">
        <v>45</v>
      </c>
      <c r="HR8" s="42" t="s">
        <v>83</v>
      </c>
      <c r="HS8" s="16" t="s">
        <v>47</v>
      </c>
      <c r="HT8" s="16" t="s">
        <v>48</v>
      </c>
      <c r="HU8" s="16" t="s">
        <v>49</v>
      </c>
      <c r="HV8" s="16" t="s">
        <v>50</v>
      </c>
      <c r="HW8" s="16" t="s">
        <v>51</v>
      </c>
      <c r="HX8" s="17" t="s">
        <v>45</v>
      </c>
      <c r="HY8" s="651"/>
      <c r="HZ8" s="369" t="s">
        <v>43</v>
      </c>
      <c r="IA8" s="370" t="s">
        <v>44</v>
      </c>
      <c r="IB8" s="41" t="s">
        <v>45</v>
      </c>
      <c r="IC8" s="42" t="s">
        <v>83</v>
      </c>
      <c r="ID8" s="370" t="s">
        <v>47</v>
      </c>
      <c r="IE8" s="370" t="s">
        <v>48</v>
      </c>
      <c r="IF8" s="370" t="s">
        <v>49</v>
      </c>
      <c r="IG8" s="370" t="s">
        <v>50</v>
      </c>
      <c r="IH8" s="370" t="s">
        <v>51</v>
      </c>
      <c r="II8" s="17" t="s">
        <v>45</v>
      </c>
      <c r="IJ8" s="649"/>
      <c r="IK8" s="369" t="s">
        <v>43</v>
      </c>
      <c r="IL8" s="370" t="s">
        <v>44</v>
      </c>
      <c r="IM8" s="41" t="s">
        <v>45</v>
      </c>
      <c r="IN8" s="42" t="s">
        <v>83</v>
      </c>
      <c r="IO8" s="59" t="s">
        <v>47</v>
      </c>
      <c r="IP8" s="59" t="s">
        <v>48</v>
      </c>
      <c r="IQ8" s="59" t="s">
        <v>49</v>
      </c>
      <c r="IR8" s="59" t="s">
        <v>50</v>
      </c>
      <c r="IS8" s="59" t="s">
        <v>51</v>
      </c>
      <c r="IT8" s="64" t="s">
        <v>45</v>
      </c>
      <c r="IU8" s="648"/>
      <c r="IV8" s="61" t="s">
        <v>43</v>
      </c>
      <c r="IW8" s="59" t="s">
        <v>44</v>
      </c>
      <c r="IX8" s="64" t="s">
        <v>45</v>
      </c>
      <c r="IY8" s="33" t="s">
        <v>83</v>
      </c>
      <c r="IZ8" s="59" t="s">
        <v>47</v>
      </c>
      <c r="JA8" s="59" t="s">
        <v>48</v>
      </c>
      <c r="JB8" s="59" t="s">
        <v>49</v>
      </c>
      <c r="JC8" s="59" t="s">
        <v>50</v>
      </c>
      <c r="JD8" s="59" t="s">
        <v>51</v>
      </c>
      <c r="JE8" s="64" t="s">
        <v>45</v>
      </c>
      <c r="JF8" s="648"/>
      <c r="JG8" s="61" t="s">
        <v>43</v>
      </c>
      <c r="JH8" s="59" t="s">
        <v>44</v>
      </c>
      <c r="JI8" s="60" t="s">
        <v>45</v>
      </c>
      <c r="JJ8" s="33" t="s">
        <v>83</v>
      </c>
      <c r="JK8" s="59" t="s">
        <v>47</v>
      </c>
      <c r="JL8" s="59" t="s">
        <v>48</v>
      </c>
      <c r="JM8" s="59" t="s">
        <v>49</v>
      </c>
      <c r="JN8" s="59" t="s">
        <v>50</v>
      </c>
      <c r="JO8" s="59" t="s">
        <v>51</v>
      </c>
      <c r="JP8" s="64" t="s">
        <v>45</v>
      </c>
      <c r="JQ8" s="608"/>
      <c r="JR8" s="61" t="s">
        <v>43</v>
      </c>
      <c r="JS8" s="59" t="s">
        <v>44</v>
      </c>
      <c r="JT8" s="60" t="s">
        <v>45</v>
      </c>
      <c r="JU8" s="33" t="s">
        <v>83</v>
      </c>
      <c r="JV8" s="59" t="s">
        <v>47</v>
      </c>
      <c r="JW8" s="59" t="s">
        <v>48</v>
      </c>
      <c r="JX8" s="59" t="s">
        <v>49</v>
      </c>
      <c r="JY8" s="59" t="s">
        <v>50</v>
      </c>
      <c r="JZ8" s="59" t="s">
        <v>51</v>
      </c>
      <c r="KA8" s="64" t="s">
        <v>45</v>
      </c>
      <c r="KB8" s="608"/>
      <c r="KC8" s="61" t="s">
        <v>43</v>
      </c>
      <c r="KD8" s="59" t="s">
        <v>44</v>
      </c>
      <c r="KE8" s="60" t="s">
        <v>45</v>
      </c>
      <c r="KF8" s="33" t="s">
        <v>83</v>
      </c>
      <c r="KG8" s="59" t="s">
        <v>47</v>
      </c>
      <c r="KH8" s="59" t="s">
        <v>48</v>
      </c>
      <c r="KI8" s="59" t="s">
        <v>49</v>
      </c>
      <c r="KJ8" s="59" t="s">
        <v>50</v>
      </c>
      <c r="KK8" s="59" t="s">
        <v>51</v>
      </c>
      <c r="KL8" s="64" t="s">
        <v>45</v>
      </c>
      <c r="KM8" s="608"/>
      <c r="KN8" s="61" t="s">
        <v>43</v>
      </c>
      <c r="KO8" s="59" t="s">
        <v>44</v>
      </c>
      <c r="KP8" s="60" t="s">
        <v>45</v>
      </c>
      <c r="KQ8" s="42" t="s">
        <v>83</v>
      </c>
      <c r="KR8" s="59" t="s">
        <v>47</v>
      </c>
      <c r="KS8" s="59" t="s">
        <v>48</v>
      </c>
      <c r="KT8" s="59" t="s">
        <v>49</v>
      </c>
      <c r="KU8" s="59" t="s">
        <v>50</v>
      </c>
      <c r="KV8" s="59" t="s">
        <v>51</v>
      </c>
      <c r="KW8" s="64" t="s">
        <v>45</v>
      </c>
      <c r="KX8" s="608"/>
      <c r="KY8" s="61" t="s">
        <v>43</v>
      </c>
      <c r="KZ8" s="59" t="s">
        <v>44</v>
      </c>
      <c r="LA8" s="60" t="s">
        <v>45</v>
      </c>
      <c r="LB8" s="42" t="s">
        <v>83</v>
      </c>
      <c r="LC8" s="59" t="s">
        <v>47</v>
      </c>
      <c r="LD8" s="59" t="s">
        <v>48</v>
      </c>
      <c r="LE8" s="59" t="s">
        <v>49</v>
      </c>
      <c r="LF8" s="59" t="s">
        <v>50</v>
      </c>
      <c r="LG8" s="59" t="s">
        <v>51</v>
      </c>
      <c r="LH8" s="64" t="s">
        <v>45</v>
      </c>
      <c r="LI8" s="608"/>
      <c r="LJ8" s="61" t="s">
        <v>43</v>
      </c>
      <c r="LK8" s="59" t="s">
        <v>44</v>
      </c>
      <c r="LL8" s="60" t="s">
        <v>45</v>
      </c>
      <c r="LM8" s="42" t="s">
        <v>83</v>
      </c>
      <c r="LN8" s="59" t="s">
        <v>47</v>
      </c>
      <c r="LO8" s="59" t="s">
        <v>48</v>
      </c>
      <c r="LP8" s="59" t="s">
        <v>49</v>
      </c>
      <c r="LQ8" s="59" t="s">
        <v>50</v>
      </c>
      <c r="LR8" s="59" t="s">
        <v>51</v>
      </c>
      <c r="LS8" s="64" t="s">
        <v>45</v>
      </c>
      <c r="LT8" s="608"/>
      <c r="LU8" s="61" t="s">
        <v>43</v>
      </c>
      <c r="LV8" s="59" t="s">
        <v>44</v>
      </c>
      <c r="LW8" s="60" t="s">
        <v>45</v>
      </c>
      <c r="LX8" s="42" t="s">
        <v>83</v>
      </c>
      <c r="LY8" s="59" t="s">
        <v>47</v>
      </c>
      <c r="LZ8" s="59" t="s">
        <v>48</v>
      </c>
      <c r="MA8" s="59" t="s">
        <v>49</v>
      </c>
      <c r="MB8" s="59" t="s">
        <v>50</v>
      </c>
      <c r="MC8" s="59" t="s">
        <v>51</v>
      </c>
      <c r="MD8" s="64" t="s">
        <v>45</v>
      </c>
      <c r="ME8" s="608"/>
      <c r="MF8" s="61" t="s">
        <v>43</v>
      </c>
      <c r="MG8" s="59" t="s">
        <v>44</v>
      </c>
      <c r="MH8" s="60" t="s">
        <v>45</v>
      </c>
      <c r="MI8" s="42" t="s">
        <v>83</v>
      </c>
      <c r="MJ8" s="59" t="s">
        <v>47</v>
      </c>
      <c r="MK8" s="59" t="s">
        <v>48</v>
      </c>
      <c r="ML8" s="59" t="s">
        <v>49</v>
      </c>
      <c r="MM8" s="59" t="s">
        <v>50</v>
      </c>
      <c r="MN8" s="59" t="s">
        <v>51</v>
      </c>
      <c r="MO8" s="64" t="s">
        <v>45</v>
      </c>
      <c r="MP8" s="608"/>
      <c r="MQ8" s="61" t="s">
        <v>43</v>
      </c>
      <c r="MR8" s="59" t="s">
        <v>44</v>
      </c>
      <c r="MS8" s="60" t="s">
        <v>45</v>
      </c>
      <c r="MT8" s="42" t="s">
        <v>83</v>
      </c>
      <c r="MU8" s="59" t="s">
        <v>47</v>
      </c>
      <c r="MV8" s="59" t="s">
        <v>48</v>
      </c>
      <c r="MW8" s="59" t="s">
        <v>49</v>
      </c>
      <c r="MX8" s="59" t="s">
        <v>50</v>
      </c>
      <c r="MY8" s="59" t="s">
        <v>51</v>
      </c>
      <c r="MZ8" s="64" t="s">
        <v>45</v>
      </c>
      <c r="NA8" s="608"/>
      <c r="NB8" s="61" t="s">
        <v>43</v>
      </c>
      <c r="NC8" s="59" t="s">
        <v>44</v>
      </c>
      <c r="ND8" s="60" t="s">
        <v>45</v>
      </c>
      <c r="NE8" s="42" t="s">
        <v>83</v>
      </c>
      <c r="NF8" s="59" t="s">
        <v>47</v>
      </c>
      <c r="NG8" s="59" t="s">
        <v>48</v>
      </c>
      <c r="NH8" s="59" t="s">
        <v>49</v>
      </c>
      <c r="NI8" s="59" t="s">
        <v>50</v>
      </c>
      <c r="NJ8" s="59" t="s">
        <v>51</v>
      </c>
      <c r="NK8" s="64" t="s">
        <v>45</v>
      </c>
      <c r="NL8" s="608"/>
      <c r="NM8" s="61" t="s">
        <v>43</v>
      </c>
      <c r="NN8" s="59" t="s">
        <v>44</v>
      </c>
      <c r="NO8" s="60" t="s">
        <v>45</v>
      </c>
      <c r="NP8" s="42" t="s">
        <v>83</v>
      </c>
      <c r="NQ8" s="59" t="s">
        <v>47</v>
      </c>
      <c r="NR8" s="59" t="s">
        <v>48</v>
      </c>
      <c r="NS8" s="59" t="s">
        <v>49</v>
      </c>
      <c r="NT8" s="59" t="s">
        <v>50</v>
      </c>
      <c r="NU8" s="59" t="s">
        <v>51</v>
      </c>
      <c r="NV8" s="64" t="s">
        <v>45</v>
      </c>
      <c r="NW8" s="608"/>
      <c r="NX8" s="61" t="s">
        <v>43</v>
      </c>
      <c r="NY8" s="59" t="s">
        <v>44</v>
      </c>
      <c r="NZ8" s="60" t="s">
        <v>45</v>
      </c>
      <c r="OA8" s="42" t="s">
        <v>83</v>
      </c>
      <c r="OB8" s="59" t="s">
        <v>47</v>
      </c>
      <c r="OC8" s="59" t="s">
        <v>48</v>
      </c>
      <c r="OD8" s="59" t="s">
        <v>49</v>
      </c>
      <c r="OE8" s="59" t="s">
        <v>50</v>
      </c>
      <c r="OF8" s="59" t="s">
        <v>51</v>
      </c>
      <c r="OG8" s="64" t="s">
        <v>45</v>
      </c>
      <c r="OH8" s="608"/>
      <c r="OI8" s="61" t="s">
        <v>43</v>
      </c>
      <c r="OJ8" s="59" t="s">
        <v>44</v>
      </c>
      <c r="OK8" s="60" t="s">
        <v>45</v>
      </c>
      <c r="OL8" s="33" t="s">
        <v>83</v>
      </c>
      <c r="OM8" s="59" t="s">
        <v>47</v>
      </c>
      <c r="ON8" s="59" t="s">
        <v>48</v>
      </c>
      <c r="OO8" s="59" t="s">
        <v>49</v>
      </c>
      <c r="OP8" s="59" t="s">
        <v>50</v>
      </c>
      <c r="OQ8" s="59" t="s">
        <v>51</v>
      </c>
      <c r="OR8" s="64" t="s">
        <v>45</v>
      </c>
      <c r="OS8" s="608"/>
    </row>
    <row r="9" spans="1:409" s="431" customFormat="1" ht="18.75" customHeight="1" x14ac:dyDescent="0.2">
      <c r="A9" s="44"/>
      <c r="B9" s="387" t="s">
        <v>4</v>
      </c>
      <c r="C9" s="388">
        <v>381652573</v>
      </c>
      <c r="D9" s="389">
        <v>776910377</v>
      </c>
      <c r="E9" s="390">
        <v>1158562950</v>
      </c>
      <c r="F9" s="391">
        <v>0</v>
      </c>
      <c r="G9" s="389">
        <v>5068588009</v>
      </c>
      <c r="H9" s="389">
        <v>6789427149</v>
      </c>
      <c r="I9" s="389">
        <v>5691688837</v>
      </c>
      <c r="J9" s="389">
        <v>5470519612</v>
      </c>
      <c r="K9" s="389">
        <v>4113761992</v>
      </c>
      <c r="L9" s="392">
        <v>27133985599</v>
      </c>
      <c r="M9" s="393">
        <v>28292548549</v>
      </c>
      <c r="N9" s="388">
        <v>85943108</v>
      </c>
      <c r="O9" s="389">
        <v>215902111</v>
      </c>
      <c r="P9" s="394">
        <v>301845219</v>
      </c>
      <c r="Q9" s="388">
        <v>0</v>
      </c>
      <c r="R9" s="389">
        <v>1423088731</v>
      </c>
      <c r="S9" s="389">
        <v>2151988035</v>
      </c>
      <c r="T9" s="389">
        <v>1832467277</v>
      </c>
      <c r="U9" s="389">
        <v>2063863366</v>
      </c>
      <c r="V9" s="389">
        <v>2102400247</v>
      </c>
      <c r="W9" s="394">
        <v>9573807656</v>
      </c>
      <c r="X9" s="393">
        <v>9875652875</v>
      </c>
      <c r="Y9" s="388">
        <v>0</v>
      </c>
      <c r="Z9" s="389">
        <v>0</v>
      </c>
      <c r="AA9" s="394">
        <v>0</v>
      </c>
      <c r="AB9" s="395">
        <v>0</v>
      </c>
      <c r="AC9" s="396">
        <v>706138545</v>
      </c>
      <c r="AD9" s="396">
        <v>1099007087</v>
      </c>
      <c r="AE9" s="396">
        <v>1039404550</v>
      </c>
      <c r="AF9" s="396">
        <v>1212074596</v>
      </c>
      <c r="AG9" s="396">
        <v>1232489496</v>
      </c>
      <c r="AH9" s="394">
        <v>5289114274</v>
      </c>
      <c r="AI9" s="393">
        <v>5289114274</v>
      </c>
      <c r="AJ9" s="397">
        <v>47200</v>
      </c>
      <c r="AK9" s="396">
        <v>993401</v>
      </c>
      <c r="AL9" s="394">
        <v>1040601</v>
      </c>
      <c r="AM9" s="395">
        <v>0</v>
      </c>
      <c r="AN9" s="396">
        <v>5513963</v>
      </c>
      <c r="AO9" s="392">
        <v>26881606</v>
      </c>
      <c r="AP9" s="396">
        <v>50333857</v>
      </c>
      <c r="AQ9" s="396">
        <v>122708742</v>
      </c>
      <c r="AR9" s="396">
        <v>242818784</v>
      </c>
      <c r="AS9" s="394">
        <v>448256952</v>
      </c>
      <c r="AT9" s="393">
        <v>449297553</v>
      </c>
      <c r="AU9" s="397">
        <v>46009026</v>
      </c>
      <c r="AV9" s="396">
        <v>150547247</v>
      </c>
      <c r="AW9" s="394">
        <v>196556273</v>
      </c>
      <c r="AX9" s="395">
        <v>0</v>
      </c>
      <c r="AY9" s="396">
        <v>428630834</v>
      </c>
      <c r="AZ9" s="396">
        <v>670893678</v>
      </c>
      <c r="BA9" s="396">
        <v>435270893</v>
      </c>
      <c r="BB9" s="396">
        <v>428841706</v>
      </c>
      <c r="BC9" s="396">
        <v>404003918</v>
      </c>
      <c r="BD9" s="394">
        <v>2367641029</v>
      </c>
      <c r="BE9" s="398">
        <v>2564197302</v>
      </c>
      <c r="BF9" s="397">
        <v>5783353</v>
      </c>
      <c r="BG9" s="392">
        <v>22509795</v>
      </c>
      <c r="BH9" s="399">
        <v>28293148</v>
      </c>
      <c r="BI9" s="395">
        <v>0</v>
      </c>
      <c r="BJ9" s="396">
        <v>36963720</v>
      </c>
      <c r="BK9" s="396">
        <v>61726603</v>
      </c>
      <c r="BL9" s="396">
        <v>41615772</v>
      </c>
      <c r="BM9" s="396">
        <v>38065192</v>
      </c>
      <c r="BN9" s="396">
        <v>22271709</v>
      </c>
      <c r="BO9" s="394">
        <v>200642996</v>
      </c>
      <c r="BP9" s="393">
        <v>228936144</v>
      </c>
      <c r="BQ9" s="397">
        <v>34103529</v>
      </c>
      <c r="BR9" s="396">
        <v>41851668</v>
      </c>
      <c r="BS9" s="394">
        <v>75955197</v>
      </c>
      <c r="BT9" s="395">
        <v>0</v>
      </c>
      <c r="BU9" s="396">
        <v>245841669</v>
      </c>
      <c r="BV9" s="396">
        <v>293479061</v>
      </c>
      <c r="BW9" s="396">
        <v>265842205</v>
      </c>
      <c r="BX9" s="396">
        <v>262173130</v>
      </c>
      <c r="BY9" s="396">
        <v>200816340</v>
      </c>
      <c r="BZ9" s="394">
        <v>1268152405</v>
      </c>
      <c r="CA9" s="393">
        <v>1344107602</v>
      </c>
      <c r="CB9" s="397">
        <v>33772893</v>
      </c>
      <c r="CC9" s="396">
        <v>105128060</v>
      </c>
      <c r="CD9" s="394">
        <v>138900953</v>
      </c>
      <c r="CE9" s="395">
        <v>0</v>
      </c>
      <c r="CF9" s="396">
        <v>1416706513</v>
      </c>
      <c r="CG9" s="396">
        <v>1837254701</v>
      </c>
      <c r="CH9" s="400">
        <v>1332139258</v>
      </c>
      <c r="CI9" s="396">
        <v>913951519</v>
      </c>
      <c r="CJ9" s="396">
        <v>448799899</v>
      </c>
      <c r="CK9" s="394">
        <v>5948851890</v>
      </c>
      <c r="CL9" s="393">
        <v>6087752843</v>
      </c>
      <c r="CM9" s="388">
        <v>0</v>
      </c>
      <c r="CN9" s="389">
        <v>0</v>
      </c>
      <c r="CO9" s="394">
        <v>0</v>
      </c>
      <c r="CP9" s="395">
        <v>0</v>
      </c>
      <c r="CQ9" s="396">
        <v>1201006485</v>
      </c>
      <c r="CR9" s="396">
        <v>1437134628</v>
      </c>
      <c r="CS9" s="396">
        <v>1046213058</v>
      </c>
      <c r="CT9" s="396">
        <v>702455492</v>
      </c>
      <c r="CU9" s="396">
        <v>365764298</v>
      </c>
      <c r="CV9" s="401">
        <v>4752573961</v>
      </c>
      <c r="CW9" s="393">
        <v>4752573961</v>
      </c>
      <c r="CX9" s="397">
        <v>33772893</v>
      </c>
      <c r="CY9" s="396">
        <v>105128060</v>
      </c>
      <c r="CZ9" s="394">
        <v>138900953</v>
      </c>
      <c r="DA9" s="395">
        <v>0</v>
      </c>
      <c r="DB9" s="396">
        <v>215700028</v>
      </c>
      <c r="DC9" s="396">
        <v>400120073</v>
      </c>
      <c r="DD9" s="396">
        <v>285926200</v>
      </c>
      <c r="DE9" s="396">
        <v>211496027</v>
      </c>
      <c r="DF9" s="396">
        <v>83035601</v>
      </c>
      <c r="DG9" s="394">
        <v>1196277929</v>
      </c>
      <c r="DH9" s="393">
        <v>1335178882</v>
      </c>
      <c r="DI9" s="397">
        <v>1755982</v>
      </c>
      <c r="DJ9" s="396">
        <v>10023531</v>
      </c>
      <c r="DK9" s="399">
        <v>11779513</v>
      </c>
      <c r="DL9" s="395">
        <v>0</v>
      </c>
      <c r="DM9" s="396">
        <v>138097101</v>
      </c>
      <c r="DN9" s="396">
        <v>290058534</v>
      </c>
      <c r="DO9" s="396">
        <v>539596084</v>
      </c>
      <c r="DP9" s="396">
        <v>468668168</v>
      </c>
      <c r="DQ9" s="396">
        <v>255874268</v>
      </c>
      <c r="DR9" s="402">
        <v>1692294155</v>
      </c>
      <c r="DS9" s="393">
        <v>1704073668</v>
      </c>
      <c r="DT9" s="397">
        <v>1721449</v>
      </c>
      <c r="DU9" s="396">
        <v>9146081</v>
      </c>
      <c r="DV9" s="394">
        <v>10867530</v>
      </c>
      <c r="DW9" s="395">
        <v>0</v>
      </c>
      <c r="DX9" s="396">
        <v>125530301</v>
      </c>
      <c r="DY9" s="396">
        <v>258401502</v>
      </c>
      <c r="DZ9" s="396">
        <v>488990295</v>
      </c>
      <c r="EA9" s="396">
        <v>418529701</v>
      </c>
      <c r="EB9" s="396">
        <v>222402934</v>
      </c>
      <c r="EC9" s="394">
        <v>1513854733</v>
      </c>
      <c r="ED9" s="393">
        <v>1524722263</v>
      </c>
      <c r="EE9" s="397">
        <v>34533</v>
      </c>
      <c r="EF9" s="392">
        <v>877450</v>
      </c>
      <c r="EG9" s="394">
        <v>911983</v>
      </c>
      <c r="EH9" s="398">
        <v>0</v>
      </c>
      <c r="EI9" s="396">
        <v>12566800</v>
      </c>
      <c r="EJ9" s="396">
        <v>31657032</v>
      </c>
      <c r="EK9" s="396">
        <v>50532684</v>
      </c>
      <c r="EL9" s="396">
        <v>50138467</v>
      </c>
      <c r="EM9" s="400">
        <v>33471334</v>
      </c>
      <c r="EN9" s="392">
        <v>178366317</v>
      </c>
      <c r="EO9" s="393">
        <v>179278300</v>
      </c>
      <c r="EP9" s="397">
        <v>0</v>
      </c>
      <c r="EQ9" s="396">
        <v>0</v>
      </c>
      <c r="ER9" s="392">
        <v>0</v>
      </c>
      <c r="ES9" s="395">
        <v>0</v>
      </c>
      <c r="ET9" s="396">
        <v>0</v>
      </c>
      <c r="EU9" s="396">
        <v>0</v>
      </c>
      <c r="EV9" s="396">
        <v>0</v>
      </c>
      <c r="EW9" s="396">
        <v>0</v>
      </c>
      <c r="EX9" s="396">
        <v>0</v>
      </c>
      <c r="EY9" s="401">
        <v>0</v>
      </c>
      <c r="EZ9" s="393">
        <v>0</v>
      </c>
      <c r="FA9" s="397">
        <v>0</v>
      </c>
      <c r="FB9" s="396">
        <v>0</v>
      </c>
      <c r="FC9" s="392">
        <v>0</v>
      </c>
      <c r="FD9" s="403"/>
      <c r="FE9" s="396">
        <v>0</v>
      </c>
      <c r="FF9" s="396">
        <v>0</v>
      </c>
      <c r="FG9" s="396">
        <v>73105</v>
      </c>
      <c r="FH9" s="396">
        <v>0</v>
      </c>
      <c r="FI9" s="396">
        <v>0</v>
      </c>
      <c r="FJ9" s="401">
        <v>73105</v>
      </c>
      <c r="FK9" s="393">
        <v>73105</v>
      </c>
      <c r="FL9" s="397">
        <v>91622421</v>
      </c>
      <c r="FM9" s="396">
        <v>185189643</v>
      </c>
      <c r="FN9" s="394">
        <v>276812064</v>
      </c>
      <c r="FO9" s="395">
        <v>0</v>
      </c>
      <c r="FP9" s="396">
        <v>245803029</v>
      </c>
      <c r="FQ9" s="396">
        <v>615911597</v>
      </c>
      <c r="FR9" s="396">
        <v>436268165</v>
      </c>
      <c r="FS9" s="396">
        <v>412665508</v>
      </c>
      <c r="FT9" s="396">
        <v>301825923</v>
      </c>
      <c r="FU9" s="394">
        <v>2012474222</v>
      </c>
      <c r="FV9" s="393">
        <v>2289286286</v>
      </c>
      <c r="FW9" s="397">
        <v>50366993</v>
      </c>
      <c r="FX9" s="396">
        <v>136449767</v>
      </c>
      <c r="FY9" s="392">
        <v>186816760</v>
      </c>
      <c r="FZ9" s="398">
        <v>0</v>
      </c>
      <c r="GA9" s="396">
        <v>192451377</v>
      </c>
      <c r="GB9" s="404">
        <v>565799148</v>
      </c>
      <c r="GC9" s="396">
        <v>404347355</v>
      </c>
      <c r="GD9" s="404">
        <v>384582956</v>
      </c>
      <c r="GE9" s="396">
        <v>289111398</v>
      </c>
      <c r="GF9" s="401">
        <v>1836292234</v>
      </c>
      <c r="GG9" s="405">
        <v>2023108994</v>
      </c>
      <c r="GH9" s="406">
        <v>5763425</v>
      </c>
      <c r="GI9" s="396">
        <v>8971096</v>
      </c>
      <c r="GJ9" s="404">
        <v>14734521</v>
      </c>
      <c r="GK9" s="391">
        <v>0</v>
      </c>
      <c r="GL9" s="396">
        <v>12187318</v>
      </c>
      <c r="GM9" s="392">
        <v>15700843</v>
      </c>
      <c r="GN9" s="396">
        <v>12442892</v>
      </c>
      <c r="GO9" s="392">
        <v>11057808</v>
      </c>
      <c r="GP9" s="396">
        <v>5304121</v>
      </c>
      <c r="GQ9" s="402">
        <v>56692982</v>
      </c>
      <c r="GR9" s="393">
        <v>71427503</v>
      </c>
      <c r="GS9" s="392">
        <v>35492003</v>
      </c>
      <c r="GT9" s="396">
        <v>39768780</v>
      </c>
      <c r="GU9" s="394">
        <v>75260783</v>
      </c>
      <c r="GV9" s="392">
        <v>0</v>
      </c>
      <c r="GW9" s="396">
        <v>41164334</v>
      </c>
      <c r="GX9" s="392">
        <v>34411606</v>
      </c>
      <c r="GY9" s="396">
        <v>19477918</v>
      </c>
      <c r="GZ9" s="392">
        <v>17024744</v>
      </c>
      <c r="HA9" s="396">
        <v>7410404</v>
      </c>
      <c r="HB9" s="392">
        <v>119489006</v>
      </c>
      <c r="HC9" s="393">
        <v>194749789</v>
      </c>
      <c r="HD9" s="392">
        <v>101756670</v>
      </c>
      <c r="HE9" s="396">
        <v>129394348</v>
      </c>
      <c r="HF9" s="392">
        <v>231151018</v>
      </c>
      <c r="HG9" s="398">
        <v>0</v>
      </c>
      <c r="HH9" s="396">
        <v>1018493617</v>
      </c>
      <c r="HI9" s="404">
        <v>1018645710</v>
      </c>
      <c r="HJ9" s="396">
        <v>973683296</v>
      </c>
      <c r="HK9" s="404">
        <v>1198587651</v>
      </c>
      <c r="HL9" s="396">
        <v>755629087</v>
      </c>
      <c r="HM9" s="401">
        <v>4965039361</v>
      </c>
      <c r="HN9" s="392">
        <v>5196190379</v>
      </c>
      <c r="HO9" s="406">
        <v>66801499</v>
      </c>
      <c r="HP9" s="396">
        <v>131272684</v>
      </c>
      <c r="HQ9" s="401">
        <v>198074183</v>
      </c>
      <c r="HR9" s="392">
        <v>0</v>
      </c>
      <c r="HS9" s="396">
        <v>826399018</v>
      </c>
      <c r="HT9" s="392">
        <v>875568572</v>
      </c>
      <c r="HU9" s="396">
        <v>577534757</v>
      </c>
      <c r="HV9" s="392">
        <v>412783400</v>
      </c>
      <c r="HW9" s="396">
        <v>249232568</v>
      </c>
      <c r="HX9" s="392">
        <v>2941518315</v>
      </c>
      <c r="HY9" s="393">
        <v>3139592498</v>
      </c>
      <c r="HZ9" s="407">
        <v>9413369</v>
      </c>
      <c r="IA9" s="408">
        <v>35783448</v>
      </c>
      <c r="IB9" s="409">
        <v>45196817</v>
      </c>
      <c r="IC9" s="410">
        <v>0</v>
      </c>
      <c r="ID9" s="408">
        <v>1662183186</v>
      </c>
      <c r="IE9" s="411">
        <v>2142285492</v>
      </c>
      <c r="IF9" s="412">
        <v>2260311544</v>
      </c>
      <c r="IG9" s="408">
        <v>1669726886</v>
      </c>
      <c r="IH9" s="412">
        <v>1190787773</v>
      </c>
      <c r="II9" s="413">
        <v>8925294881</v>
      </c>
      <c r="IJ9" s="414">
        <v>8970491698</v>
      </c>
      <c r="IK9" s="415">
        <v>0</v>
      </c>
      <c r="IL9" s="416">
        <v>0</v>
      </c>
      <c r="IM9" s="417">
        <v>0</v>
      </c>
      <c r="IN9" s="418"/>
      <c r="IO9" s="419">
        <v>26419818</v>
      </c>
      <c r="IP9" s="419">
        <v>43220436</v>
      </c>
      <c r="IQ9" s="419">
        <v>62455769</v>
      </c>
      <c r="IR9" s="419">
        <v>96334002</v>
      </c>
      <c r="IS9" s="419">
        <v>93523760</v>
      </c>
      <c r="IT9" s="420">
        <v>321953785</v>
      </c>
      <c r="IU9" s="421">
        <v>321953785</v>
      </c>
      <c r="IV9" s="422">
        <v>0</v>
      </c>
      <c r="IW9" s="419">
        <v>0</v>
      </c>
      <c r="IX9" s="423">
        <v>0</v>
      </c>
      <c r="IY9" s="424"/>
      <c r="IZ9" s="419">
        <v>3802532</v>
      </c>
      <c r="JA9" s="419">
        <v>11476612</v>
      </c>
      <c r="JB9" s="419">
        <v>12479923</v>
      </c>
      <c r="JC9" s="419">
        <v>16628761</v>
      </c>
      <c r="JD9" s="419">
        <v>17490600</v>
      </c>
      <c r="JE9" s="423">
        <v>61878428</v>
      </c>
      <c r="JF9" s="425">
        <v>61878428</v>
      </c>
      <c r="JG9" s="422">
        <v>0</v>
      </c>
      <c r="JH9" s="419">
        <v>0</v>
      </c>
      <c r="JI9" s="420">
        <v>0</v>
      </c>
      <c r="JJ9" s="426">
        <v>0</v>
      </c>
      <c r="JK9" s="419">
        <v>626722067</v>
      </c>
      <c r="JL9" s="419">
        <v>730048911</v>
      </c>
      <c r="JM9" s="419">
        <v>566372277</v>
      </c>
      <c r="JN9" s="419">
        <v>348580172</v>
      </c>
      <c r="JO9" s="419">
        <v>187351499</v>
      </c>
      <c r="JP9" s="423">
        <v>2459074926</v>
      </c>
      <c r="JQ9" s="421">
        <v>2459074926</v>
      </c>
      <c r="JR9" s="422">
        <v>196103</v>
      </c>
      <c r="JS9" s="419">
        <v>375294</v>
      </c>
      <c r="JT9" s="420">
        <v>571397</v>
      </c>
      <c r="JU9" s="426">
        <v>0</v>
      </c>
      <c r="JV9" s="419">
        <v>72111569</v>
      </c>
      <c r="JW9" s="419">
        <v>102433054</v>
      </c>
      <c r="JX9" s="419">
        <v>152908119</v>
      </c>
      <c r="JY9" s="419">
        <v>84164637</v>
      </c>
      <c r="JZ9" s="419">
        <v>81497605</v>
      </c>
      <c r="KA9" s="423">
        <v>493114984</v>
      </c>
      <c r="KB9" s="421">
        <v>493686381</v>
      </c>
      <c r="KC9" s="427">
        <v>9217266</v>
      </c>
      <c r="KD9" s="428">
        <v>24629203</v>
      </c>
      <c r="KE9" s="423">
        <v>33846469</v>
      </c>
      <c r="KF9" s="426">
        <v>0</v>
      </c>
      <c r="KG9" s="419">
        <v>197197328</v>
      </c>
      <c r="KH9" s="419">
        <v>299375155</v>
      </c>
      <c r="KI9" s="419">
        <v>349426066</v>
      </c>
      <c r="KJ9" s="419">
        <v>280671451</v>
      </c>
      <c r="KK9" s="419">
        <v>149154537</v>
      </c>
      <c r="KL9" s="423">
        <v>1275824537</v>
      </c>
      <c r="KM9" s="429">
        <v>1309671006</v>
      </c>
      <c r="KN9" s="415">
        <v>0</v>
      </c>
      <c r="KO9" s="416">
        <v>10778951</v>
      </c>
      <c r="KP9" s="417">
        <v>10778951</v>
      </c>
      <c r="KQ9" s="418"/>
      <c r="KR9" s="419">
        <v>697531108</v>
      </c>
      <c r="KS9" s="419">
        <v>882422333</v>
      </c>
      <c r="KT9" s="419">
        <v>964346394</v>
      </c>
      <c r="KU9" s="419">
        <v>635058115</v>
      </c>
      <c r="KV9" s="419">
        <v>441266281</v>
      </c>
      <c r="KW9" s="423">
        <v>3620624231</v>
      </c>
      <c r="KX9" s="421">
        <v>3631403182</v>
      </c>
      <c r="KY9" s="422">
        <v>0</v>
      </c>
      <c r="KZ9" s="419">
        <v>0</v>
      </c>
      <c r="LA9" s="423">
        <v>0</v>
      </c>
      <c r="LB9" s="430"/>
      <c r="LC9" s="419">
        <v>5566549</v>
      </c>
      <c r="LD9" s="419">
        <v>10680206</v>
      </c>
      <c r="LE9" s="419">
        <v>11627791</v>
      </c>
      <c r="LF9" s="419">
        <v>15068541</v>
      </c>
      <c r="LG9" s="419">
        <v>12328757</v>
      </c>
      <c r="LH9" s="423">
        <v>55271844</v>
      </c>
      <c r="LI9" s="425">
        <v>55271844</v>
      </c>
      <c r="LJ9" s="422">
        <v>0</v>
      </c>
      <c r="LK9" s="419">
        <v>0</v>
      </c>
      <c r="LL9" s="423">
        <v>0</v>
      </c>
      <c r="LM9" s="430"/>
      <c r="LN9" s="419">
        <v>2940021</v>
      </c>
      <c r="LO9" s="419">
        <v>6607350</v>
      </c>
      <c r="LP9" s="419">
        <v>63106730</v>
      </c>
      <c r="LQ9" s="419">
        <v>93425490</v>
      </c>
      <c r="LR9" s="419">
        <v>63349634</v>
      </c>
      <c r="LS9" s="423">
        <v>229429225</v>
      </c>
      <c r="LT9" s="421">
        <v>229429225</v>
      </c>
      <c r="LU9" s="422">
        <v>0</v>
      </c>
      <c r="LV9" s="419">
        <v>0</v>
      </c>
      <c r="LW9" s="423">
        <v>0</v>
      </c>
      <c r="LX9" s="430"/>
      <c r="LY9" s="419">
        <v>29892194</v>
      </c>
      <c r="LZ9" s="419">
        <v>56021435</v>
      </c>
      <c r="MA9" s="419">
        <v>77588475</v>
      </c>
      <c r="MB9" s="419">
        <v>99795717</v>
      </c>
      <c r="MC9" s="419">
        <v>144825100</v>
      </c>
      <c r="MD9" s="423">
        <v>408122921</v>
      </c>
      <c r="ME9" s="425">
        <v>408122921</v>
      </c>
      <c r="MF9" s="422">
        <v>0</v>
      </c>
      <c r="MG9" s="419">
        <v>0</v>
      </c>
      <c r="MH9" s="423">
        <v>0</v>
      </c>
      <c r="MI9" s="430"/>
      <c r="MJ9" s="419">
        <v>590881644</v>
      </c>
      <c r="MK9" s="419">
        <v>1372246088</v>
      </c>
      <c r="ML9" s="419">
        <v>4029598085</v>
      </c>
      <c r="MM9" s="419">
        <v>5932919368</v>
      </c>
      <c r="MN9" s="419">
        <v>4270460113</v>
      </c>
      <c r="MO9" s="423">
        <v>16196105298</v>
      </c>
      <c r="MP9" s="429">
        <v>16196105298</v>
      </c>
      <c r="MQ9" s="422">
        <v>0</v>
      </c>
      <c r="MR9" s="419">
        <v>0</v>
      </c>
      <c r="MS9" s="423">
        <v>0</v>
      </c>
      <c r="MT9" s="430"/>
      <c r="MU9" s="419">
        <v>98266503</v>
      </c>
      <c r="MV9" s="419">
        <v>364171180</v>
      </c>
      <c r="MW9" s="419">
        <v>2584594988</v>
      </c>
      <c r="MX9" s="419">
        <v>4019371350</v>
      </c>
      <c r="MY9" s="419">
        <v>3049689014</v>
      </c>
      <c r="MZ9" s="423">
        <v>10116093035</v>
      </c>
      <c r="NA9" s="429">
        <v>10116093035</v>
      </c>
      <c r="NB9" s="422">
        <v>0</v>
      </c>
      <c r="NC9" s="419">
        <v>0</v>
      </c>
      <c r="ND9" s="423">
        <v>0</v>
      </c>
      <c r="NE9" s="430"/>
      <c r="NF9" s="419">
        <v>489694256</v>
      </c>
      <c r="NG9" s="419">
        <v>1001904998</v>
      </c>
      <c r="NH9" s="419">
        <v>1420610086</v>
      </c>
      <c r="NI9" s="419">
        <v>1739115443</v>
      </c>
      <c r="NJ9" s="419">
        <v>963584318</v>
      </c>
      <c r="NK9" s="423">
        <v>5614909101</v>
      </c>
      <c r="NL9" s="421">
        <v>5614909101</v>
      </c>
      <c r="NM9" s="422">
        <v>0</v>
      </c>
      <c r="NN9" s="419">
        <v>0</v>
      </c>
      <c r="NO9" s="423">
        <v>0</v>
      </c>
      <c r="NP9" s="430"/>
      <c r="NQ9" s="419">
        <v>73087</v>
      </c>
      <c r="NR9" s="419">
        <v>330054</v>
      </c>
      <c r="NS9" s="419">
        <v>6086680</v>
      </c>
      <c r="NT9" s="419">
        <v>54793752</v>
      </c>
      <c r="NU9" s="419">
        <v>88880032</v>
      </c>
      <c r="NV9" s="423">
        <v>150163605</v>
      </c>
      <c r="NW9" s="425">
        <v>150163605</v>
      </c>
      <c r="NX9" s="422">
        <v>0</v>
      </c>
      <c r="NY9" s="419">
        <v>0</v>
      </c>
      <c r="NZ9" s="423">
        <v>0</v>
      </c>
      <c r="OA9" s="430"/>
      <c r="OB9" s="419">
        <v>2847798</v>
      </c>
      <c r="OC9" s="419">
        <v>5839856</v>
      </c>
      <c r="OD9" s="419">
        <v>18306331</v>
      </c>
      <c r="OE9" s="419">
        <v>119638823</v>
      </c>
      <c r="OF9" s="419">
        <v>168306749</v>
      </c>
      <c r="OG9" s="423">
        <v>314939557</v>
      </c>
      <c r="OH9" s="425">
        <v>314939557</v>
      </c>
      <c r="OI9" s="422">
        <v>391065942</v>
      </c>
      <c r="OJ9" s="419">
        <v>812693825</v>
      </c>
      <c r="OK9" s="420">
        <v>1203759767</v>
      </c>
      <c r="OL9" s="426">
        <v>0</v>
      </c>
      <c r="OM9" s="419">
        <v>7321652839</v>
      </c>
      <c r="ON9" s="419">
        <v>10303958729</v>
      </c>
      <c r="OO9" s="419">
        <v>11981598466</v>
      </c>
      <c r="OP9" s="419">
        <v>13073165866</v>
      </c>
      <c r="OQ9" s="419">
        <v>9575009878</v>
      </c>
      <c r="OR9" s="423">
        <v>52255385778</v>
      </c>
      <c r="OS9" s="429">
        <v>53459145545</v>
      </c>
    </row>
    <row r="10" spans="1:409" s="431" customFormat="1" ht="18.75" customHeight="1" x14ac:dyDescent="0.2">
      <c r="A10" s="44"/>
      <c r="B10" s="432" t="s">
        <v>5</v>
      </c>
      <c r="C10" s="433">
        <v>155457631</v>
      </c>
      <c r="D10" s="434">
        <v>355433416</v>
      </c>
      <c r="E10" s="435">
        <v>510891047</v>
      </c>
      <c r="F10" s="436">
        <v>0</v>
      </c>
      <c r="G10" s="434">
        <v>1764122868</v>
      </c>
      <c r="H10" s="434">
        <v>3086326407</v>
      </c>
      <c r="I10" s="434">
        <v>2352398737</v>
      </c>
      <c r="J10" s="434">
        <v>2201518298</v>
      </c>
      <c r="K10" s="434">
        <v>1662695794</v>
      </c>
      <c r="L10" s="436">
        <v>11067062104</v>
      </c>
      <c r="M10" s="437">
        <v>11577953151</v>
      </c>
      <c r="N10" s="433">
        <v>37483259</v>
      </c>
      <c r="O10" s="434">
        <v>111173861</v>
      </c>
      <c r="P10" s="435">
        <v>148657120</v>
      </c>
      <c r="Q10" s="433">
        <v>0</v>
      </c>
      <c r="R10" s="434">
        <v>517487019</v>
      </c>
      <c r="S10" s="434">
        <v>1026309061</v>
      </c>
      <c r="T10" s="434">
        <v>779430610</v>
      </c>
      <c r="U10" s="434">
        <v>816097690</v>
      </c>
      <c r="V10" s="434">
        <v>850495501</v>
      </c>
      <c r="W10" s="435">
        <v>3989819881</v>
      </c>
      <c r="X10" s="437">
        <v>4138477001</v>
      </c>
      <c r="Y10" s="433">
        <v>0</v>
      </c>
      <c r="Z10" s="434">
        <v>0</v>
      </c>
      <c r="AA10" s="435">
        <v>0</v>
      </c>
      <c r="AB10" s="433">
        <v>0</v>
      </c>
      <c r="AC10" s="434">
        <v>249478599</v>
      </c>
      <c r="AD10" s="434">
        <v>500568315</v>
      </c>
      <c r="AE10" s="434">
        <v>416524568</v>
      </c>
      <c r="AF10" s="434">
        <v>443503980</v>
      </c>
      <c r="AG10" s="434">
        <v>467936562</v>
      </c>
      <c r="AH10" s="435">
        <v>2078012024</v>
      </c>
      <c r="AI10" s="437">
        <v>2078012024</v>
      </c>
      <c r="AJ10" s="433">
        <v>0</v>
      </c>
      <c r="AK10" s="434">
        <v>436438</v>
      </c>
      <c r="AL10" s="435">
        <v>436438</v>
      </c>
      <c r="AM10" s="433">
        <v>0</v>
      </c>
      <c r="AN10" s="434">
        <v>1512402</v>
      </c>
      <c r="AO10" s="434">
        <v>10541883</v>
      </c>
      <c r="AP10" s="434">
        <v>19003107</v>
      </c>
      <c r="AQ10" s="434">
        <v>49089213</v>
      </c>
      <c r="AR10" s="434">
        <v>105707461</v>
      </c>
      <c r="AS10" s="435">
        <v>185854066</v>
      </c>
      <c r="AT10" s="437">
        <v>186290504</v>
      </c>
      <c r="AU10" s="433">
        <v>20744597</v>
      </c>
      <c r="AV10" s="434">
        <v>79187529</v>
      </c>
      <c r="AW10" s="435">
        <v>99932126</v>
      </c>
      <c r="AX10" s="433">
        <v>0</v>
      </c>
      <c r="AY10" s="434">
        <v>164078767</v>
      </c>
      <c r="AZ10" s="434">
        <v>358001569</v>
      </c>
      <c r="BA10" s="434">
        <v>214855296</v>
      </c>
      <c r="BB10" s="434">
        <v>199219147</v>
      </c>
      <c r="BC10" s="434">
        <v>184471608</v>
      </c>
      <c r="BD10" s="435">
        <v>1120626387</v>
      </c>
      <c r="BE10" s="437">
        <v>1220558513</v>
      </c>
      <c r="BF10" s="433">
        <v>2512566</v>
      </c>
      <c r="BG10" s="434">
        <v>11974750</v>
      </c>
      <c r="BH10" s="438">
        <v>14487316</v>
      </c>
      <c r="BI10" s="439">
        <v>0</v>
      </c>
      <c r="BJ10" s="434">
        <v>8913855</v>
      </c>
      <c r="BK10" s="434">
        <v>25765491</v>
      </c>
      <c r="BL10" s="434">
        <v>17332004</v>
      </c>
      <c r="BM10" s="434">
        <v>16722273</v>
      </c>
      <c r="BN10" s="434">
        <v>8691250</v>
      </c>
      <c r="BO10" s="435">
        <v>77424873</v>
      </c>
      <c r="BP10" s="437">
        <v>91912189</v>
      </c>
      <c r="BQ10" s="433">
        <v>14226096</v>
      </c>
      <c r="BR10" s="434">
        <v>19575144</v>
      </c>
      <c r="BS10" s="435">
        <v>33801240</v>
      </c>
      <c r="BT10" s="433">
        <v>0</v>
      </c>
      <c r="BU10" s="434">
        <v>93503396</v>
      </c>
      <c r="BV10" s="434">
        <v>131431803</v>
      </c>
      <c r="BW10" s="434">
        <v>111715635</v>
      </c>
      <c r="BX10" s="434">
        <v>107563077</v>
      </c>
      <c r="BY10" s="434">
        <v>83688620</v>
      </c>
      <c r="BZ10" s="435">
        <v>527902531</v>
      </c>
      <c r="CA10" s="437">
        <v>561703771</v>
      </c>
      <c r="CB10" s="433">
        <v>15505146</v>
      </c>
      <c r="CC10" s="434">
        <v>48646569</v>
      </c>
      <c r="CD10" s="435">
        <v>64151715</v>
      </c>
      <c r="CE10" s="433">
        <v>0</v>
      </c>
      <c r="CF10" s="434">
        <v>447775097</v>
      </c>
      <c r="CG10" s="434">
        <v>774115225</v>
      </c>
      <c r="CH10" s="434">
        <v>508242437</v>
      </c>
      <c r="CI10" s="434">
        <v>329301970</v>
      </c>
      <c r="CJ10" s="434">
        <v>166218652</v>
      </c>
      <c r="CK10" s="435">
        <v>2225653381</v>
      </c>
      <c r="CL10" s="437">
        <v>2289805096</v>
      </c>
      <c r="CM10" s="433">
        <v>0</v>
      </c>
      <c r="CN10" s="434">
        <v>0</v>
      </c>
      <c r="CO10" s="435">
        <v>0</v>
      </c>
      <c r="CP10" s="439">
        <v>0</v>
      </c>
      <c r="CQ10" s="434">
        <v>383266955</v>
      </c>
      <c r="CR10" s="434">
        <v>589818505</v>
      </c>
      <c r="CS10" s="434">
        <v>380167393</v>
      </c>
      <c r="CT10" s="434">
        <v>238607243</v>
      </c>
      <c r="CU10" s="434">
        <v>128603245</v>
      </c>
      <c r="CV10" s="435">
        <v>1720463341</v>
      </c>
      <c r="CW10" s="437">
        <v>1720463341</v>
      </c>
      <c r="CX10" s="433">
        <v>15505146</v>
      </c>
      <c r="CY10" s="434">
        <v>48646569</v>
      </c>
      <c r="CZ10" s="435">
        <v>64151715</v>
      </c>
      <c r="DA10" s="433">
        <v>0</v>
      </c>
      <c r="DB10" s="434">
        <v>64508142</v>
      </c>
      <c r="DC10" s="434">
        <v>184296720</v>
      </c>
      <c r="DD10" s="434">
        <v>128075044</v>
      </c>
      <c r="DE10" s="434">
        <v>90694727</v>
      </c>
      <c r="DF10" s="434">
        <v>37615407</v>
      </c>
      <c r="DG10" s="435">
        <v>505190040</v>
      </c>
      <c r="DH10" s="437">
        <v>569341755</v>
      </c>
      <c r="DI10" s="433">
        <v>560292</v>
      </c>
      <c r="DJ10" s="434">
        <v>4704379</v>
      </c>
      <c r="DK10" s="438">
        <v>5264671</v>
      </c>
      <c r="DL10" s="439">
        <v>0</v>
      </c>
      <c r="DM10" s="434">
        <v>42123462</v>
      </c>
      <c r="DN10" s="434">
        <v>118527834</v>
      </c>
      <c r="DO10" s="434">
        <v>211036520</v>
      </c>
      <c r="DP10" s="434">
        <v>187783813</v>
      </c>
      <c r="DQ10" s="434">
        <v>104032337</v>
      </c>
      <c r="DR10" s="435">
        <v>663503966</v>
      </c>
      <c r="DS10" s="437">
        <v>668768637</v>
      </c>
      <c r="DT10" s="433">
        <v>560292</v>
      </c>
      <c r="DU10" s="434">
        <v>3998254</v>
      </c>
      <c r="DV10" s="435">
        <v>4558546</v>
      </c>
      <c r="DW10" s="433">
        <v>0</v>
      </c>
      <c r="DX10" s="434">
        <v>35816346</v>
      </c>
      <c r="DY10" s="434">
        <v>100222157</v>
      </c>
      <c r="DZ10" s="434">
        <v>182763399</v>
      </c>
      <c r="EA10" s="434">
        <v>159929642</v>
      </c>
      <c r="EB10" s="434">
        <v>83747712</v>
      </c>
      <c r="EC10" s="435">
        <v>562479256</v>
      </c>
      <c r="ED10" s="437">
        <v>567037802</v>
      </c>
      <c r="EE10" s="433">
        <v>0</v>
      </c>
      <c r="EF10" s="438">
        <v>706125</v>
      </c>
      <c r="EG10" s="435">
        <v>706125</v>
      </c>
      <c r="EH10" s="433">
        <v>0</v>
      </c>
      <c r="EI10" s="434">
        <v>6307116</v>
      </c>
      <c r="EJ10" s="434">
        <v>18305677</v>
      </c>
      <c r="EK10" s="434">
        <v>28273121</v>
      </c>
      <c r="EL10" s="434">
        <v>27854171</v>
      </c>
      <c r="EM10" s="434">
        <v>20284625</v>
      </c>
      <c r="EN10" s="438">
        <v>101024710</v>
      </c>
      <c r="EO10" s="437">
        <v>101730835</v>
      </c>
      <c r="EP10" s="433">
        <v>0</v>
      </c>
      <c r="EQ10" s="434">
        <v>0</v>
      </c>
      <c r="ER10" s="438">
        <v>0</v>
      </c>
      <c r="ES10" s="439">
        <v>0</v>
      </c>
      <c r="ET10" s="434">
        <v>0</v>
      </c>
      <c r="EU10" s="434">
        <v>0</v>
      </c>
      <c r="EV10" s="434">
        <v>0</v>
      </c>
      <c r="EW10" s="434">
        <v>0</v>
      </c>
      <c r="EX10" s="434">
        <v>0</v>
      </c>
      <c r="EY10" s="435">
        <v>0</v>
      </c>
      <c r="EZ10" s="437">
        <v>0</v>
      </c>
      <c r="FA10" s="433">
        <v>0</v>
      </c>
      <c r="FB10" s="434">
        <v>0</v>
      </c>
      <c r="FC10" s="438">
        <v>0</v>
      </c>
      <c r="FD10" s="440"/>
      <c r="FE10" s="434">
        <v>0</v>
      </c>
      <c r="FF10" s="434">
        <v>0</v>
      </c>
      <c r="FG10" s="434">
        <v>0</v>
      </c>
      <c r="FH10" s="434">
        <v>0</v>
      </c>
      <c r="FI10" s="434">
        <v>0</v>
      </c>
      <c r="FJ10" s="435">
        <v>0</v>
      </c>
      <c r="FK10" s="437">
        <v>0</v>
      </c>
      <c r="FL10" s="433">
        <v>34085150</v>
      </c>
      <c r="FM10" s="434">
        <v>78972208</v>
      </c>
      <c r="FN10" s="435">
        <v>113057358</v>
      </c>
      <c r="FO10" s="433">
        <v>0</v>
      </c>
      <c r="FP10" s="434">
        <v>68458035</v>
      </c>
      <c r="FQ10" s="434">
        <v>270897275</v>
      </c>
      <c r="FR10" s="434">
        <v>174790669</v>
      </c>
      <c r="FS10" s="434">
        <v>161217369</v>
      </c>
      <c r="FT10" s="434">
        <v>121521953</v>
      </c>
      <c r="FU10" s="435">
        <v>796885301</v>
      </c>
      <c r="FV10" s="437">
        <v>909942659</v>
      </c>
      <c r="FW10" s="441">
        <v>16437983</v>
      </c>
      <c r="FX10" s="434">
        <v>56603422</v>
      </c>
      <c r="FY10" s="438">
        <v>73041405</v>
      </c>
      <c r="FZ10" s="439">
        <v>0</v>
      </c>
      <c r="GA10" s="434">
        <v>50441378</v>
      </c>
      <c r="GB10" s="434">
        <v>245743372</v>
      </c>
      <c r="GC10" s="434">
        <v>162625938</v>
      </c>
      <c r="GD10" s="434">
        <v>147732342</v>
      </c>
      <c r="GE10" s="434">
        <v>115983975</v>
      </c>
      <c r="GF10" s="435">
        <v>722527005</v>
      </c>
      <c r="GG10" s="442">
        <v>795568410</v>
      </c>
      <c r="GH10" s="441">
        <v>2231702</v>
      </c>
      <c r="GI10" s="434">
        <v>3982368</v>
      </c>
      <c r="GJ10" s="438">
        <v>6214070</v>
      </c>
      <c r="GK10" s="439">
        <v>0</v>
      </c>
      <c r="GL10" s="434">
        <v>3775297</v>
      </c>
      <c r="GM10" s="434">
        <v>6981570</v>
      </c>
      <c r="GN10" s="434">
        <v>4690469</v>
      </c>
      <c r="GO10" s="434">
        <v>4151264</v>
      </c>
      <c r="GP10" s="434">
        <v>1950855</v>
      </c>
      <c r="GQ10" s="435">
        <v>21549455</v>
      </c>
      <c r="GR10" s="437">
        <v>27763525</v>
      </c>
      <c r="GS10" s="433">
        <v>15415465</v>
      </c>
      <c r="GT10" s="434">
        <v>18386418</v>
      </c>
      <c r="GU10" s="435">
        <v>33801883</v>
      </c>
      <c r="GV10" s="433">
        <v>0</v>
      </c>
      <c r="GW10" s="434">
        <v>14241360</v>
      </c>
      <c r="GX10" s="434">
        <v>18172333</v>
      </c>
      <c r="GY10" s="434">
        <v>7474262</v>
      </c>
      <c r="GZ10" s="434">
        <v>9333763</v>
      </c>
      <c r="HA10" s="434">
        <v>3587123</v>
      </c>
      <c r="HB10" s="438">
        <v>52808841</v>
      </c>
      <c r="HC10" s="437">
        <v>86610724</v>
      </c>
      <c r="HD10" s="433">
        <v>42775110</v>
      </c>
      <c r="HE10" s="434">
        <v>52906604</v>
      </c>
      <c r="HF10" s="438">
        <v>95681714</v>
      </c>
      <c r="HG10" s="439">
        <v>0</v>
      </c>
      <c r="HH10" s="434">
        <v>411172898</v>
      </c>
      <c r="HI10" s="434">
        <v>489131185</v>
      </c>
      <c r="HJ10" s="434">
        <v>433159611</v>
      </c>
      <c r="HK10" s="434">
        <v>537243257</v>
      </c>
      <c r="HL10" s="434">
        <v>316600239</v>
      </c>
      <c r="HM10" s="435">
        <v>2187307190</v>
      </c>
      <c r="HN10" s="436">
        <v>2282988904</v>
      </c>
      <c r="HO10" s="441">
        <v>25048674</v>
      </c>
      <c r="HP10" s="434">
        <v>59029795</v>
      </c>
      <c r="HQ10" s="435">
        <v>84078469</v>
      </c>
      <c r="HR10" s="433">
        <v>0</v>
      </c>
      <c r="HS10" s="434">
        <v>277106357</v>
      </c>
      <c r="HT10" s="434">
        <v>407345827</v>
      </c>
      <c r="HU10" s="434">
        <v>245738890</v>
      </c>
      <c r="HV10" s="434">
        <v>169874199</v>
      </c>
      <c r="HW10" s="434">
        <v>103827112</v>
      </c>
      <c r="HX10" s="438">
        <v>1203892385</v>
      </c>
      <c r="HY10" s="437">
        <v>1287970854</v>
      </c>
      <c r="HZ10" s="443">
        <v>4316135</v>
      </c>
      <c r="IA10" s="444">
        <v>13705526</v>
      </c>
      <c r="IB10" s="445">
        <v>18021661</v>
      </c>
      <c r="IC10" s="446">
        <v>0</v>
      </c>
      <c r="ID10" s="447">
        <v>647119443</v>
      </c>
      <c r="IE10" s="448">
        <v>950736662</v>
      </c>
      <c r="IF10" s="449">
        <v>975966375</v>
      </c>
      <c r="IG10" s="447">
        <v>700144294</v>
      </c>
      <c r="IH10" s="449">
        <v>535984898</v>
      </c>
      <c r="II10" s="450">
        <v>3809951672</v>
      </c>
      <c r="IJ10" s="451">
        <v>3827973333</v>
      </c>
      <c r="IK10" s="452">
        <v>0</v>
      </c>
      <c r="IL10" s="453">
        <v>0</v>
      </c>
      <c r="IM10" s="454">
        <v>0</v>
      </c>
      <c r="IN10" s="455"/>
      <c r="IO10" s="456">
        <v>11194761</v>
      </c>
      <c r="IP10" s="456">
        <v>21897671</v>
      </c>
      <c r="IQ10" s="456">
        <v>34379881</v>
      </c>
      <c r="IR10" s="456">
        <v>44574173</v>
      </c>
      <c r="IS10" s="456">
        <v>46205568</v>
      </c>
      <c r="IT10" s="457">
        <v>158252054</v>
      </c>
      <c r="IU10" s="458">
        <v>158252054</v>
      </c>
      <c r="IV10" s="459">
        <v>0</v>
      </c>
      <c r="IW10" s="456">
        <v>0</v>
      </c>
      <c r="IX10" s="460">
        <v>0</v>
      </c>
      <c r="IY10" s="461"/>
      <c r="IZ10" s="456">
        <v>2161715</v>
      </c>
      <c r="JA10" s="456">
        <v>8736238</v>
      </c>
      <c r="JB10" s="456">
        <v>9408679</v>
      </c>
      <c r="JC10" s="456">
        <v>11706828</v>
      </c>
      <c r="JD10" s="456">
        <v>13196449</v>
      </c>
      <c r="JE10" s="460">
        <v>45209909</v>
      </c>
      <c r="JF10" s="462">
        <v>45209909</v>
      </c>
      <c r="JG10" s="459">
        <v>0</v>
      </c>
      <c r="JH10" s="456">
        <v>0</v>
      </c>
      <c r="JI10" s="457">
        <v>0</v>
      </c>
      <c r="JJ10" s="463">
        <v>0</v>
      </c>
      <c r="JK10" s="456">
        <v>211351973</v>
      </c>
      <c r="JL10" s="456">
        <v>327384702</v>
      </c>
      <c r="JM10" s="456">
        <v>252182956</v>
      </c>
      <c r="JN10" s="456">
        <v>158076409</v>
      </c>
      <c r="JO10" s="456">
        <v>88503546</v>
      </c>
      <c r="JP10" s="460">
        <v>1037499586</v>
      </c>
      <c r="JQ10" s="458">
        <v>1037499586</v>
      </c>
      <c r="JR10" s="459">
        <v>107724</v>
      </c>
      <c r="JS10" s="456">
        <v>100974</v>
      </c>
      <c r="JT10" s="457">
        <v>208698</v>
      </c>
      <c r="JU10" s="463">
        <v>0</v>
      </c>
      <c r="JV10" s="456">
        <v>33085637</v>
      </c>
      <c r="JW10" s="456">
        <v>51081828</v>
      </c>
      <c r="JX10" s="456">
        <v>82458104</v>
      </c>
      <c r="JY10" s="456">
        <v>47251707</v>
      </c>
      <c r="JZ10" s="456">
        <v>49130613</v>
      </c>
      <c r="KA10" s="460">
        <v>263007889</v>
      </c>
      <c r="KB10" s="458">
        <v>263216587</v>
      </c>
      <c r="KC10" s="464">
        <v>4208411</v>
      </c>
      <c r="KD10" s="465">
        <v>10155490</v>
      </c>
      <c r="KE10" s="460">
        <v>14363901</v>
      </c>
      <c r="KF10" s="463">
        <v>0</v>
      </c>
      <c r="KG10" s="456">
        <v>72966716</v>
      </c>
      <c r="KH10" s="456">
        <v>125284923</v>
      </c>
      <c r="KI10" s="456">
        <v>154235110</v>
      </c>
      <c r="KJ10" s="456">
        <v>125013610</v>
      </c>
      <c r="KK10" s="456">
        <v>72163721</v>
      </c>
      <c r="KL10" s="460">
        <v>549664080</v>
      </c>
      <c r="KM10" s="466">
        <v>564027981</v>
      </c>
      <c r="KN10" s="452">
        <v>0</v>
      </c>
      <c r="KO10" s="453">
        <v>3449062</v>
      </c>
      <c r="KP10" s="454">
        <v>3449062</v>
      </c>
      <c r="KQ10" s="455"/>
      <c r="KR10" s="456">
        <v>309205459</v>
      </c>
      <c r="KS10" s="456">
        <v>402000470</v>
      </c>
      <c r="KT10" s="456">
        <v>414770500</v>
      </c>
      <c r="KU10" s="456">
        <v>271789304</v>
      </c>
      <c r="KV10" s="456">
        <v>199716505</v>
      </c>
      <c r="KW10" s="460">
        <v>1597482238</v>
      </c>
      <c r="KX10" s="458">
        <v>1600931300</v>
      </c>
      <c r="KY10" s="459">
        <v>0</v>
      </c>
      <c r="KZ10" s="456">
        <v>0</v>
      </c>
      <c r="LA10" s="460">
        <v>0</v>
      </c>
      <c r="LB10" s="467"/>
      <c r="LC10" s="456">
        <v>175400</v>
      </c>
      <c r="LD10" s="456">
        <v>197079</v>
      </c>
      <c r="LE10" s="456">
        <v>659199</v>
      </c>
      <c r="LF10" s="456">
        <v>481530</v>
      </c>
      <c r="LG10" s="456">
        <v>1315500</v>
      </c>
      <c r="LH10" s="460">
        <v>2828708</v>
      </c>
      <c r="LI10" s="462">
        <v>2828708</v>
      </c>
      <c r="LJ10" s="459">
        <v>0</v>
      </c>
      <c r="LK10" s="456">
        <v>0</v>
      </c>
      <c r="LL10" s="460">
        <v>0</v>
      </c>
      <c r="LM10" s="467"/>
      <c r="LN10" s="456">
        <v>1177736</v>
      </c>
      <c r="LO10" s="456">
        <v>1653463</v>
      </c>
      <c r="LP10" s="456">
        <v>6759290</v>
      </c>
      <c r="LQ10" s="456">
        <v>10576006</v>
      </c>
      <c r="LR10" s="456">
        <v>7558774</v>
      </c>
      <c r="LS10" s="460">
        <v>27725269</v>
      </c>
      <c r="LT10" s="458">
        <v>27725269</v>
      </c>
      <c r="LU10" s="459">
        <v>0</v>
      </c>
      <c r="LV10" s="456">
        <v>0</v>
      </c>
      <c r="LW10" s="460">
        <v>0</v>
      </c>
      <c r="LX10" s="467"/>
      <c r="LY10" s="456">
        <v>5800046</v>
      </c>
      <c r="LZ10" s="456">
        <v>12500288</v>
      </c>
      <c r="MA10" s="456">
        <v>21112656</v>
      </c>
      <c r="MB10" s="456">
        <v>30674727</v>
      </c>
      <c r="MC10" s="456">
        <v>58194222</v>
      </c>
      <c r="MD10" s="460">
        <v>128281939</v>
      </c>
      <c r="ME10" s="462">
        <v>128281939</v>
      </c>
      <c r="MF10" s="459">
        <v>0</v>
      </c>
      <c r="MG10" s="456">
        <v>0</v>
      </c>
      <c r="MH10" s="460">
        <v>0</v>
      </c>
      <c r="MI10" s="467"/>
      <c r="MJ10" s="456">
        <v>232558280</v>
      </c>
      <c r="MK10" s="456">
        <v>683678337</v>
      </c>
      <c r="ML10" s="456">
        <v>1760893173</v>
      </c>
      <c r="MM10" s="456">
        <v>2537316230</v>
      </c>
      <c r="MN10" s="456">
        <v>1904181580</v>
      </c>
      <c r="MO10" s="460">
        <v>7118627600</v>
      </c>
      <c r="MP10" s="466">
        <v>7118627600</v>
      </c>
      <c r="MQ10" s="459">
        <v>0</v>
      </c>
      <c r="MR10" s="456">
        <v>0</v>
      </c>
      <c r="MS10" s="460">
        <v>0</v>
      </c>
      <c r="MT10" s="467"/>
      <c r="MU10" s="456">
        <v>52047476</v>
      </c>
      <c r="MV10" s="456">
        <v>224732254</v>
      </c>
      <c r="MW10" s="456">
        <v>1120006087</v>
      </c>
      <c r="MX10" s="456">
        <v>1690663893</v>
      </c>
      <c r="MY10" s="456">
        <v>1345377838</v>
      </c>
      <c r="MZ10" s="460">
        <v>4432827548</v>
      </c>
      <c r="NA10" s="466">
        <v>4432827548</v>
      </c>
      <c r="NB10" s="459">
        <v>0</v>
      </c>
      <c r="NC10" s="456">
        <v>0</v>
      </c>
      <c r="ND10" s="460">
        <v>0</v>
      </c>
      <c r="NE10" s="467"/>
      <c r="NF10" s="456">
        <v>180283743</v>
      </c>
      <c r="NG10" s="456">
        <v>457760869</v>
      </c>
      <c r="NH10" s="456">
        <v>635605689</v>
      </c>
      <c r="NI10" s="456">
        <v>793407682</v>
      </c>
      <c r="NJ10" s="456">
        <v>483596061</v>
      </c>
      <c r="NK10" s="460">
        <v>2550654044</v>
      </c>
      <c r="NL10" s="458">
        <v>2550654044</v>
      </c>
      <c r="NM10" s="459">
        <v>0</v>
      </c>
      <c r="NN10" s="456">
        <v>0</v>
      </c>
      <c r="NO10" s="460">
        <v>0</v>
      </c>
      <c r="NP10" s="467"/>
      <c r="NQ10" s="456">
        <v>0</v>
      </c>
      <c r="NR10" s="456">
        <v>143803</v>
      </c>
      <c r="NS10" s="456">
        <v>1301825</v>
      </c>
      <c r="NT10" s="456">
        <v>17525856</v>
      </c>
      <c r="NU10" s="456">
        <v>33860258</v>
      </c>
      <c r="NV10" s="460">
        <v>52831742</v>
      </c>
      <c r="NW10" s="462">
        <v>52831742</v>
      </c>
      <c r="NX10" s="459">
        <v>0</v>
      </c>
      <c r="NY10" s="456">
        <v>0</v>
      </c>
      <c r="NZ10" s="460">
        <v>0</v>
      </c>
      <c r="OA10" s="467"/>
      <c r="OB10" s="456">
        <v>227061</v>
      </c>
      <c r="OC10" s="456">
        <v>1041411</v>
      </c>
      <c r="OD10" s="456">
        <v>3979572</v>
      </c>
      <c r="OE10" s="456">
        <v>35718799</v>
      </c>
      <c r="OF10" s="456">
        <v>41347423</v>
      </c>
      <c r="OG10" s="460">
        <v>82314266</v>
      </c>
      <c r="OH10" s="462">
        <v>82314266</v>
      </c>
      <c r="OI10" s="459">
        <v>159773766</v>
      </c>
      <c r="OJ10" s="456">
        <v>369138942</v>
      </c>
      <c r="OK10" s="457">
        <v>528912708</v>
      </c>
      <c r="OL10" s="463">
        <v>0</v>
      </c>
      <c r="OM10" s="456">
        <v>2643800591</v>
      </c>
      <c r="ON10" s="456">
        <v>4720741406</v>
      </c>
      <c r="OO10" s="456">
        <v>5089258285</v>
      </c>
      <c r="OP10" s="456">
        <v>5438978822</v>
      </c>
      <c r="OQ10" s="456">
        <v>4102862272</v>
      </c>
      <c r="OR10" s="460">
        <v>21995641376</v>
      </c>
      <c r="OS10" s="466">
        <v>22524554084</v>
      </c>
    </row>
    <row r="11" spans="1:409" ht="18.75" customHeight="1" x14ac:dyDescent="0.2">
      <c r="B11" s="62" t="s">
        <v>6</v>
      </c>
      <c r="C11" s="110">
        <v>51177791</v>
      </c>
      <c r="D11" s="114">
        <v>94381594</v>
      </c>
      <c r="E11" s="113">
        <v>145559385</v>
      </c>
      <c r="F11" s="109">
        <v>0</v>
      </c>
      <c r="G11" s="114">
        <v>845404222</v>
      </c>
      <c r="H11" s="114">
        <v>886831370</v>
      </c>
      <c r="I11" s="114">
        <v>816374433</v>
      </c>
      <c r="J11" s="114">
        <v>843088269</v>
      </c>
      <c r="K11" s="114">
        <v>652257168</v>
      </c>
      <c r="L11" s="109">
        <v>4043955462</v>
      </c>
      <c r="M11" s="116">
        <v>4189514847</v>
      </c>
      <c r="N11" s="110">
        <v>13151932</v>
      </c>
      <c r="O11" s="114">
        <v>28219832</v>
      </c>
      <c r="P11" s="113">
        <v>41371764</v>
      </c>
      <c r="Q11" s="110">
        <v>0</v>
      </c>
      <c r="R11" s="114">
        <v>264896837</v>
      </c>
      <c r="S11" s="114">
        <v>308510825</v>
      </c>
      <c r="T11" s="114">
        <v>291427952</v>
      </c>
      <c r="U11" s="114">
        <v>335672386</v>
      </c>
      <c r="V11" s="114">
        <v>344510010</v>
      </c>
      <c r="W11" s="113">
        <v>1545018010</v>
      </c>
      <c r="X11" s="116">
        <v>1586389774</v>
      </c>
      <c r="Y11" s="110">
        <v>0</v>
      </c>
      <c r="Z11" s="114">
        <v>0</v>
      </c>
      <c r="AA11" s="113">
        <v>0</v>
      </c>
      <c r="AB11" s="110">
        <v>0</v>
      </c>
      <c r="AC11" s="114">
        <v>133776880</v>
      </c>
      <c r="AD11" s="114">
        <v>165062516</v>
      </c>
      <c r="AE11" s="114">
        <v>174633674</v>
      </c>
      <c r="AF11" s="114">
        <v>200878538</v>
      </c>
      <c r="AG11" s="114">
        <v>210877065</v>
      </c>
      <c r="AH11" s="113">
        <v>885228673</v>
      </c>
      <c r="AI11" s="116">
        <v>885228673</v>
      </c>
      <c r="AJ11" s="110">
        <v>0</v>
      </c>
      <c r="AK11" s="114">
        <v>210438</v>
      </c>
      <c r="AL11" s="113">
        <v>210438</v>
      </c>
      <c r="AM11" s="110">
        <v>0</v>
      </c>
      <c r="AN11" s="114">
        <v>732479</v>
      </c>
      <c r="AO11" s="114">
        <v>3060482</v>
      </c>
      <c r="AP11" s="114">
        <v>6505041</v>
      </c>
      <c r="AQ11" s="114">
        <v>17920477</v>
      </c>
      <c r="AR11" s="114">
        <v>34437148</v>
      </c>
      <c r="AS11" s="113">
        <v>62655627</v>
      </c>
      <c r="AT11" s="116">
        <v>62866065</v>
      </c>
      <c r="AU11" s="110">
        <v>6983210</v>
      </c>
      <c r="AV11" s="114">
        <v>19645144</v>
      </c>
      <c r="AW11" s="113">
        <v>26628354</v>
      </c>
      <c r="AX11" s="110">
        <v>0</v>
      </c>
      <c r="AY11" s="114">
        <v>79604222</v>
      </c>
      <c r="AZ11" s="114">
        <v>84675256</v>
      </c>
      <c r="BA11" s="114">
        <v>60271595</v>
      </c>
      <c r="BB11" s="114">
        <v>66419523</v>
      </c>
      <c r="BC11" s="114">
        <v>60597662</v>
      </c>
      <c r="BD11" s="113">
        <v>351568258</v>
      </c>
      <c r="BE11" s="116">
        <v>378196612</v>
      </c>
      <c r="BF11" s="110">
        <v>538929</v>
      </c>
      <c r="BG11" s="114">
        <v>1802290</v>
      </c>
      <c r="BH11" s="112">
        <v>2341219</v>
      </c>
      <c r="BI11" s="111">
        <v>0</v>
      </c>
      <c r="BJ11" s="114">
        <v>5736853</v>
      </c>
      <c r="BK11" s="114">
        <v>7587547</v>
      </c>
      <c r="BL11" s="114">
        <v>4959434</v>
      </c>
      <c r="BM11" s="114">
        <v>4888619</v>
      </c>
      <c r="BN11" s="114">
        <v>2720983</v>
      </c>
      <c r="BO11" s="113">
        <v>25893436</v>
      </c>
      <c r="BP11" s="116">
        <v>28234655</v>
      </c>
      <c r="BQ11" s="110">
        <v>5629793</v>
      </c>
      <c r="BR11" s="114">
        <v>6561960</v>
      </c>
      <c r="BS11" s="113">
        <v>12191753</v>
      </c>
      <c r="BT11" s="110">
        <v>0</v>
      </c>
      <c r="BU11" s="114">
        <v>45046403</v>
      </c>
      <c r="BV11" s="114">
        <v>48125024</v>
      </c>
      <c r="BW11" s="114">
        <v>45058208</v>
      </c>
      <c r="BX11" s="114">
        <v>45565229</v>
      </c>
      <c r="BY11" s="114">
        <v>35877152</v>
      </c>
      <c r="BZ11" s="113">
        <v>219672016</v>
      </c>
      <c r="CA11" s="116">
        <v>231863769</v>
      </c>
      <c r="CB11" s="110">
        <v>2439062</v>
      </c>
      <c r="CC11" s="114">
        <v>8318147</v>
      </c>
      <c r="CD11" s="113">
        <v>10757209</v>
      </c>
      <c r="CE11" s="110">
        <v>0</v>
      </c>
      <c r="CF11" s="114">
        <v>234682588</v>
      </c>
      <c r="CG11" s="114">
        <v>232111854</v>
      </c>
      <c r="CH11" s="114">
        <v>185230287</v>
      </c>
      <c r="CI11" s="114">
        <v>141644145</v>
      </c>
      <c r="CJ11" s="114">
        <v>68800877</v>
      </c>
      <c r="CK11" s="113">
        <v>862469751</v>
      </c>
      <c r="CL11" s="116">
        <v>873226960</v>
      </c>
      <c r="CM11" s="110">
        <v>0</v>
      </c>
      <c r="CN11" s="114">
        <v>0</v>
      </c>
      <c r="CO11" s="113">
        <v>0</v>
      </c>
      <c r="CP11" s="111">
        <v>0</v>
      </c>
      <c r="CQ11" s="114">
        <v>203950280</v>
      </c>
      <c r="CR11" s="114">
        <v>186500920</v>
      </c>
      <c r="CS11" s="114">
        <v>146463539</v>
      </c>
      <c r="CT11" s="114">
        <v>109679447</v>
      </c>
      <c r="CU11" s="114">
        <v>57431756</v>
      </c>
      <c r="CV11" s="113">
        <v>704025942</v>
      </c>
      <c r="CW11" s="116">
        <v>704025942</v>
      </c>
      <c r="CX11" s="110">
        <v>2439062</v>
      </c>
      <c r="CY11" s="114">
        <v>8318147</v>
      </c>
      <c r="CZ11" s="113">
        <v>10757209</v>
      </c>
      <c r="DA11" s="110">
        <v>0</v>
      </c>
      <c r="DB11" s="114">
        <v>30732308</v>
      </c>
      <c r="DC11" s="114">
        <v>45610934</v>
      </c>
      <c r="DD11" s="114">
        <v>38766748</v>
      </c>
      <c r="DE11" s="114">
        <v>31964698</v>
      </c>
      <c r="DF11" s="114">
        <v>11369121</v>
      </c>
      <c r="DG11" s="113">
        <v>158443809</v>
      </c>
      <c r="DH11" s="116">
        <v>169201018</v>
      </c>
      <c r="DI11" s="110">
        <v>132439</v>
      </c>
      <c r="DJ11" s="114">
        <v>1154151</v>
      </c>
      <c r="DK11" s="112">
        <v>1286590</v>
      </c>
      <c r="DL11" s="111">
        <v>0</v>
      </c>
      <c r="DM11" s="114">
        <v>17982287</v>
      </c>
      <c r="DN11" s="114">
        <v>30786757</v>
      </c>
      <c r="DO11" s="114">
        <v>56104216</v>
      </c>
      <c r="DP11" s="114">
        <v>57255341</v>
      </c>
      <c r="DQ11" s="114">
        <v>30898846</v>
      </c>
      <c r="DR11" s="113">
        <v>193027447</v>
      </c>
      <c r="DS11" s="116">
        <v>194314037</v>
      </c>
      <c r="DT11" s="110">
        <v>132439</v>
      </c>
      <c r="DU11" s="114">
        <v>1118936</v>
      </c>
      <c r="DV11" s="113">
        <v>1251375</v>
      </c>
      <c r="DW11" s="110">
        <v>0</v>
      </c>
      <c r="DX11" s="114">
        <v>16825389</v>
      </c>
      <c r="DY11" s="114">
        <v>27304839</v>
      </c>
      <c r="DZ11" s="114">
        <v>49091321</v>
      </c>
      <c r="EA11" s="114">
        <v>49140888</v>
      </c>
      <c r="EB11" s="114">
        <v>27067425</v>
      </c>
      <c r="EC11" s="113">
        <v>169429862</v>
      </c>
      <c r="ED11" s="116">
        <v>170681237</v>
      </c>
      <c r="EE11" s="110">
        <v>0</v>
      </c>
      <c r="EF11" s="112">
        <v>35215</v>
      </c>
      <c r="EG11" s="113">
        <v>35215</v>
      </c>
      <c r="EH11" s="110">
        <v>0</v>
      </c>
      <c r="EI11" s="114">
        <v>1156898</v>
      </c>
      <c r="EJ11" s="114">
        <v>3481918</v>
      </c>
      <c r="EK11" s="114">
        <v>7012895</v>
      </c>
      <c r="EL11" s="114">
        <v>8114453</v>
      </c>
      <c r="EM11" s="114">
        <v>3831421</v>
      </c>
      <c r="EN11" s="112">
        <v>23597585</v>
      </c>
      <c r="EO11" s="116">
        <v>23632800</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8"/>
      <c r="FE11" s="114">
        <v>0</v>
      </c>
      <c r="FF11" s="114">
        <v>0</v>
      </c>
      <c r="FG11" s="114">
        <v>0</v>
      </c>
      <c r="FH11" s="114">
        <v>0</v>
      </c>
      <c r="FI11" s="114">
        <v>0</v>
      </c>
      <c r="FJ11" s="113">
        <v>0</v>
      </c>
      <c r="FK11" s="116">
        <v>0</v>
      </c>
      <c r="FL11" s="110">
        <v>11080339</v>
      </c>
      <c r="FM11" s="114">
        <v>22910983</v>
      </c>
      <c r="FN11" s="113">
        <v>33991322</v>
      </c>
      <c r="FO11" s="110">
        <v>0</v>
      </c>
      <c r="FP11" s="114">
        <v>45561460</v>
      </c>
      <c r="FQ11" s="114">
        <v>79883018</v>
      </c>
      <c r="FR11" s="114">
        <v>64881508</v>
      </c>
      <c r="FS11" s="114">
        <v>66116985</v>
      </c>
      <c r="FT11" s="114">
        <v>46513257</v>
      </c>
      <c r="FU11" s="113">
        <v>302956228</v>
      </c>
      <c r="FV11" s="116">
        <v>336947550</v>
      </c>
      <c r="FW11" s="115">
        <v>7144717</v>
      </c>
      <c r="FX11" s="114">
        <v>17000844</v>
      </c>
      <c r="FY11" s="112">
        <v>24145561</v>
      </c>
      <c r="FZ11" s="111">
        <v>0</v>
      </c>
      <c r="GA11" s="114">
        <v>38623438</v>
      </c>
      <c r="GB11" s="114">
        <v>74292284</v>
      </c>
      <c r="GC11" s="114">
        <v>59927625</v>
      </c>
      <c r="GD11" s="114">
        <v>63306615</v>
      </c>
      <c r="GE11" s="114">
        <v>44995674</v>
      </c>
      <c r="GF11" s="113">
        <v>281145636</v>
      </c>
      <c r="GG11" s="319">
        <v>305291197</v>
      </c>
      <c r="GH11" s="115">
        <v>528030</v>
      </c>
      <c r="GI11" s="114">
        <v>1344657</v>
      </c>
      <c r="GJ11" s="112">
        <v>1872687</v>
      </c>
      <c r="GK11" s="111">
        <v>0</v>
      </c>
      <c r="GL11" s="114">
        <v>2191597</v>
      </c>
      <c r="GM11" s="114">
        <v>2026592</v>
      </c>
      <c r="GN11" s="114">
        <v>2043005</v>
      </c>
      <c r="GO11" s="114">
        <v>1491496</v>
      </c>
      <c r="GP11" s="114">
        <v>768838</v>
      </c>
      <c r="GQ11" s="113">
        <v>8521528</v>
      </c>
      <c r="GR11" s="116">
        <v>10394215</v>
      </c>
      <c r="GS11" s="110">
        <v>3407592</v>
      </c>
      <c r="GT11" s="114">
        <v>4565482</v>
      </c>
      <c r="GU11" s="113">
        <v>7973074</v>
      </c>
      <c r="GV11" s="110">
        <v>0</v>
      </c>
      <c r="GW11" s="114">
        <v>4746425</v>
      </c>
      <c r="GX11" s="114">
        <v>3564142</v>
      </c>
      <c r="GY11" s="114">
        <v>2910878</v>
      </c>
      <c r="GZ11" s="114">
        <v>1318874</v>
      </c>
      <c r="HA11" s="114">
        <v>748745</v>
      </c>
      <c r="HB11" s="112">
        <v>13289064</v>
      </c>
      <c r="HC11" s="116">
        <v>21262138</v>
      </c>
      <c r="HD11" s="110">
        <v>14915219</v>
      </c>
      <c r="HE11" s="114">
        <v>17525573</v>
      </c>
      <c r="HF11" s="112">
        <v>32440792</v>
      </c>
      <c r="HG11" s="111">
        <v>0</v>
      </c>
      <c r="HH11" s="114">
        <v>144505780</v>
      </c>
      <c r="HI11" s="114">
        <v>129013630</v>
      </c>
      <c r="HJ11" s="114">
        <v>139016331</v>
      </c>
      <c r="HK11" s="114">
        <v>177881737</v>
      </c>
      <c r="HL11" s="114">
        <v>123254489</v>
      </c>
      <c r="HM11" s="113">
        <v>713671967</v>
      </c>
      <c r="HN11" s="109">
        <v>746112759</v>
      </c>
      <c r="HO11" s="115">
        <v>9458800</v>
      </c>
      <c r="HP11" s="114">
        <v>16252908</v>
      </c>
      <c r="HQ11" s="113">
        <v>25711708</v>
      </c>
      <c r="HR11" s="110">
        <v>0</v>
      </c>
      <c r="HS11" s="114">
        <v>137775270</v>
      </c>
      <c r="HT11" s="114">
        <v>106525286</v>
      </c>
      <c r="HU11" s="114">
        <v>79714139</v>
      </c>
      <c r="HV11" s="114">
        <v>64517675</v>
      </c>
      <c r="HW11" s="114">
        <v>38279689</v>
      </c>
      <c r="HX11" s="112">
        <v>426812059</v>
      </c>
      <c r="HY11" s="116">
        <v>452523767</v>
      </c>
      <c r="HZ11" s="131">
        <v>1125023</v>
      </c>
      <c r="IA11" s="132">
        <v>5018813</v>
      </c>
      <c r="IB11" s="133">
        <v>6143836</v>
      </c>
      <c r="IC11" s="146">
        <v>0</v>
      </c>
      <c r="ID11" s="132">
        <v>286927948</v>
      </c>
      <c r="IE11" s="147">
        <v>332762919</v>
      </c>
      <c r="IF11" s="133">
        <v>363078680</v>
      </c>
      <c r="IG11" s="132">
        <v>298773661</v>
      </c>
      <c r="IH11" s="133">
        <v>217604667</v>
      </c>
      <c r="II11" s="148">
        <v>1499147875</v>
      </c>
      <c r="IJ11" s="139">
        <v>1505291711</v>
      </c>
      <c r="IK11" s="232">
        <v>0</v>
      </c>
      <c r="IL11" s="236">
        <v>0</v>
      </c>
      <c r="IM11" s="237">
        <v>0</v>
      </c>
      <c r="IN11" s="140"/>
      <c r="IO11" s="119">
        <v>6276208</v>
      </c>
      <c r="IP11" s="119">
        <v>9045841</v>
      </c>
      <c r="IQ11" s="119">
        <v>12456802</v>
      </c>
      <c r="IR11" s="119">
        <v>24059506</v>
      </c>
      <c r="IS11" s="119">
        <v>28389140</v>
      </c>
      <c r="IT11" s="141">
        <v>80227497</v>
      </c>
      <c r="IU11" s="321">
        <v>80227497</v>
      </c>
      <c r="IV11" s="142">
        <v>0</v>
      </c>
      <c r="IW11" s="119">
        <v>0</v>
      </c>
      <c r="IX11" s="120">
        <v>0</v>
      </c>
      <c r="IY11" s="144"/>
      <c r="IZ11" s="119">
        <v>1216072</v>
      </c>
      <c r="JA11" s="119">
        <v>2163127</v>
      </c>
      <c r="JB11" s="119">
        <v>2271903</v>
      </c>
      <c r="JC11" s="119">
        <v>4010905</v>
      </c>
      <c r="JD11" s="119">
        <v>3740546</v>
      </c>
      <c r="JE11" s="120">
        <v>13402553</v>
      </c>
      <c r="JF11" s="121">
        <v>13402553</v>
      </c>
      <c r="JG11" s="142">
        <v>0</v>
      </c>
      <c r="JH11" s="119">
        <v>0</v>
      </c>
      <c r="JI11" s="141">
        <v>0</v>
      </c>
      <c r="JJ11" s="118">
        <v>0</v>
      </c>
      <c r="JK11" s="119">
        <v>94450272</v>
      </c>
      <c r="JL11" s="119">
        <v>85712924</v>
      </c>
      <c r="JM11" s="119">
        <v>71196768</v>
      </c>
      <c r="JN11" s="119">
        <v>47310275</v>
      </c>
      <c r="JO11" s="119">
        <v>28627643</v>
      </c>
      <c r="JP11" s="120">
        <v>327297882</v>
      </c>
      <c r="JQ11" s="321">
        <v>327297882</v>
      </c>
      <c r="JR11" s="142">
        <v>62148</v>
      </c>
      <c r="JS11" s="119">
        <v>44279</v>
      </c>
      <c r="JT11" s="141">
        <v>106427</v>
      </c>
      <c r="JU11" s="118">
        <v>0</v>
      </c>
      <c r="JV11" s="119">
        <v>17267854</v>
      </c>
      <c r="JW11" s="119">
        <v>23108256</v>
      </c>
      <c r="JX11" s="119">
        <v>31734603</v>
      </c>
      <c r="JY11" s="119">
        <v>21248433</v>
      </c>
      <c r="JZ11" s="119">
        <v>14229282</v>
      </c>
      <c r="KA11" s="120">
        <v>107588428</v>
      </c>
      <c r="KB11" s="321">
        <v>107694855</v>
      </c>
      <c r="KC11" s="234">
        <v>1062875</v>
      </c>
      <c r="KD11" s="230">
        <v>3189900</v>
      </c>
      <c r="KE11" s="120">
        <v>4252775</v>
      </c>
      <c r="KF11" s="118">
        <v>0</v>
      </c>
      <c r="KG11" s="119">
        <v>31506066</v>
      </c>
      <c r="KH11" s="119">
        <v>43644726</v>
      </c>
      <c r="KI11" s="119">
        <v>47449273</v>
      </c>
      <c r="KJ11" s="119">
        <v>38560118</v>
      </c>
      <c r="KK11" s="119">
        <v>19491789</v>
      </c>
      <c r="KL11" s="120">
        <v>180651972</v>
      </c>
      <c r="KM11" s="143">
        <v>184904747</v>
      </c>
      <c r="KN11" s="232">
        <v>0</v>
      </c>
      <c r="KO11" s="236">
        <v>1784634</v>
      </c>
      <c r="KP11" s="237">
        <v>1784634</v>
      </c>
      <c r="KQ11" s="140"/>
      <c r="KR11" s="119">
        <v>126438261</v>
      </c>
      <c r="KS11" s="119">
        <v>150389479</v>
      </c>
      <c r="KT11" s="119">
        <v>159910097</v>
      </c>
      <c r="KU11" s="119">
        <v>107434208</v>
      </c>
      <c r="KV11" s="119">
        <v>70400820</v>
      </c>
      <c r="KW11" s="120">
        <v>614572865</v>
      </c>
      <c r="KX11" s="321">
        <v>616357499</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894853</v>
      </c>
      <c r="LO11" s="119">
        <v>1271169</v>
      </c>
      <c r="LP11" s="119">
        <v>19117540</v>
      </c>
      <c r="LQ11" s="119">
        <v>28953612</v>
      </c>
      <c r="LR11" s="119">
        <v>21664416</v>
      </c>
      <c r="LS11" s="120">
        <v>71901590</v>
      </c>
      <c r="LT11" s="321">
        <v>71901590</v>
      </c>
      <c r="LU11" s="142">
        <v>0</v>
      </c>
      <c r="LV11" s="119">
        <v>0</v>
      </c>
      <c r="LW11" s="120">
        <v>0</v>
      </c>
      <c r="LX11" s="145"/>
      <c r="LY11" s="119">
        <v>8878362</v>
      </c>
      <c r="LZ11" s="119">
        <v>17427397</v>
      </c>
      <c r="MA11" s="119">
        <v>18941694</v>
      </c>
      <c r="MB11" s="119">
        <v>27196604</v>
      </c>
      <c r="MC11" s="119">
        <v>31061031</v>
      </c>
      <c r="MD11" s="120">
        <v>103505088</v>
      </c>
      <c r="ME11" s="121">
        <v>103505088</v>
      </c>
      <c r="MF11" s="142">
        <v>0</v>
      </c>
      <c r="MG11" s="119">
        <v>0</v>
      </c>
      <c r="MH11" s="120">
        <v>0</v>
      </c>
      <c r="MI11" s="145"/>
      <c r="MJ11" s="119">
        <v>78818298</v>
      </c>
      <c r="MK11" s="119">
        <v>141335228</v>
      </c>
      <c r="ML11" s="119">
        <v>486184549</v>
      </c>
      <c r="MM11" s="119">
        <v>747246397</v>
      </c>
      <c r="MN11" s="119">
        <v>541639307</v>
      </c>
      <c r="MO11" s="120">
        <v>1995223779</v>
      </c>
      <c r="MP11" s="143">
        <v>1995223779</v>
      </c>
      <c r="MQ11" s="142">
        <v>0</v>
      </c>
      <c r="MR11" s="119">
        <v>0</v>
      </c>
      <c r="MS11" s="120">
        <v>0</v>
      </c>
      <c r="MT11" s="145"/>
      <c r="MU11" s="119">
        <v>16780420</v>
      </c>
      <c r="MV11" s="119">
        <v>43988138</v>
      </c>
      <c r="MW11" s="119">
        <v>333769533</v>
      </c>
      <c r="MX11" s="119">
        <v>492458791</v>
      </c>
      <c r="MY11" s="119">
        <v>380895933</v>
      </c>
      <c r="MZ11" s="120">
        <v>1267892815</v>
      </c>
      <c r="NA11" s="143">
        <v>1267892815</v>
      </c>
      <c r="NB11" s="142">
        <v>0</v>
      </c>
      <c r="NC11" s="119">
        <v>0</v>
      </c>
      <c r="ND11" s="120">
        <v>0</v>
      </c>
      <c r="NE11" s="145"/>
      <c r="NF11" s="119">
        <v>61964791</v>
      </c>
      <c r="NG11" s="119">
        <v>97092678</v>
      </c>
      <c r="NH11" s="119">
        <v>147404495</v>
      </c>
      <c r="NI11" s="119">
        <v>219756816</v>
      </c>
      <c r="NJ11" s="119">
        <v>101907374</v>
      </c>
      <c r="NK11" s="120">
        <v>628126154</v>
      </c>
      <c r="NL11" s="321">
        <v>628126154</v>
      </c>
      <c r="NM11" s="142">
        <v>0</v>
      </c>
      <c r="NN11" s="119">
        <v>0</v>
      </c>
      <c r="NO11" s="120">
        <v>0</v>
      </c>
      <c r="NP11" s="145"/>
      <c r="NQ11" s="119">
        <v>73087</v>
      </c>
      <c r="NR11" s="119">
        <v>0</v>
      </c>
      <c r="NS11" s="119">
        <v>3466851</v>
      </c>
      <c r="NT11" s="119">
        <v>22047981</v>
      </c>
      <c r="NU11" s="119">
        <v>34232160</v>
      </c>
      <c r="NV11" s="120">
        <v>59820079</v>
      </c>
      <c r="NW11" s="121">
        <v>59820079</v>
      </c>
      <c r="NX11" s="142">
        <v>0</v>
      </c>
      <c r="NY11" s="119">
        <v>0</v>
      </c>
      <c r="NZ11" s="120">
        <v>0</v>
      </c>
      <c r="OA11" s="145"/>
      <c r="OB11" s="119">
        <v>0</v>
      </c>
      <c r="OC11" s="119">
        <v>254412</v>
      </c>
      <c r="OD11" s="119">
        <v>1543670</v>
      </c>
      <c r="OE11" s="119">
        <v>12982809</v>
      </c>
      <c r="OF11" s="119">
        <v>24603840</v>
      </c>
      <c r="OG11" s="120">
        <v>39384731</v>
      </c>
      <c r="OH11" s="121">
        <v>39384731</v>
      </c>
      <c r="OI11" s="142">
        <v>52302814</v>
      </c>
      <c r="OJ11" s="119">
        <v>99400407</v>
      </c>
      <c r="OK11" s="141">
        <v>151703221</v>
      </c>
      <c r="OL11" s="118">
        <v>0</v>
      </c>
      <c r="OM11" s="119">
        <v>1211150468</v>
      </c>
      <c r="ON11" s="119">
        <v>1360929517</v>
      </c>
      <c r="OO11" s="119">
        <v>1665637662</v>
      </c>
      <c r="OP11" s="119">
        <v>1889108327</v>
      </c>
      <c r="OQ11" s="119">
        <v>1411501142</v>
      </c>
      <c r="OR11" s="120">
        <v>7538327116</v>
      </c>
      <c r="OS11" s="143">
        <v>7690030337</v>
      </c>
    </row>
    <row r="12" spans="1:409" ht="18.75" customHeight="1" x14ac:dyDescent="0.2">
      <c r="B12" s="62" t="s">
        <v>14</v>
      </c>
      <c r="C12" s="110">
        <v>27287651</v>
      </c>
      <c r="D12" s="114">
        <v>71669509</v>
      </c>
      <c r="E12" s="113">
        <v>98957160</v>
      </c>
      <c r="F12" s="109">
        <v>0</v>
      </c>
      <c r="G12" s="114">
        <v>328998923</v>
      </c>
      <c r="H12" s="114">
        <v>486464614</v>
      </c>
      <c r="I12" s="114">
        <v>451547389</v>
      </c>
      <c r="J12" s="114">
        <v>408858523</v>
      </c>
      <c r="K12" s="114">
        <v>288255134</v>
      </c>
      <c r="L12" s="112">
        <v>1964124583</v>
      </c>
      <c r="M12" s="116">
        <v>2063081743</v>
      </c>
      <c r="N12" s="110">
        <v>5615382</v>
      </c>
      <c r="O12" s="114">
        <v>17247201</v>
      </c>
      <c r="P12" s="113">
        <v>22862583</v>
      </c>
      <c r="Q12" s="110">
        <v>0</v>
      </c>
      <c r="R12" s="114">
        <v>91460482</v>
      </c>
      <c r="S12" s="114">
        <v>150875946</v>
      </c>
      <c r="T12" s="114">
        <v>140819614</v>
      </c>
      <c r="U12" s="114">
        <v>149314379</v>
      </c>
      <c r="V12" s="114">
        <v>142902833</v>
      </c>
      <c r="W12" s="113">
        <v>675373254</v>
      </c>
      <c r="X12" s="116">
        <v>698235837</v>
      </c>
      <c r="Y12" s="110">
        <v>0</v>
      </c>
      <c r="Z12" s="114">
        <v>0</v>
      </c>
      <c r="AA12" s="113">
        <v>0</v>
      </c>
      <c r="AB12" s="110">
        <v>0</v>
      </c>
      <c r="AC12" s="114">
        <v>48003681</v>
      </c>
      <c r="AD12" s="114">
        <v>82189905</v>
      </c>
      <c r="AE12" s="114">
        <v>82079017</v>
      </c>
      <c r="AF12" s="114">
        <v>87377652</v>
      </c>
      <c r="AG12" s="114">
        <v>80298926</v>
      </c>
      <c r="AH12" s="113">
        <v>379949181</v>
      </c>
      <c r="AI12" s="116">
        <v>379949181</v>
      </c>
      <c r="AJ12" s="110">
        <v>19931</v>
      </c>
      <c r="AK12" s="114">
        <v>91781</v>
      </c>
      <c r="AL12" s="113">
        <v>111712</v>
      </c>
      <c r="AM12" s="110">
        <v>0</v>
      </c>
      <c r="AN12" s="114">
        <v>122962</v>
      </c>
      <c r="AO12" s="114">
        <v>1272828</v>
      </c>
      <c r="AP12" s="114">
        <v>3740095</v>
      </c>
      <c r="AQ12" s="114">
        <v>7804504</v>
      </c>
      <c r="AR12" s="114">
        <v>16900540</v>
      </c>
      <c r="AS12" s="113">
        <v>29840929</v>
      </c>
      <c r="AT12" s="116">
        <v>29952641</v>
      </c>
      <c r="AU12" s="110">
        <v>2735312</v>
      </c>
      <c r="AV12" s="114">
        <v>12079441</v>
      </c>
      <c r="AW12" s="113">
        <v>14814753</v>
      </c>
      <c r="AX12" s="110">
        <v>0</v>
      </c>
      <c r="AY12" s="114">
        <v>23902366</v>
      </c>
      <c r="AZ12" s="114">
        <v>42496267</v>
      </c>
      <c r="BA12" s="114">
        <v>30239996</v>
      </c>
      <c r="BB12" s="114">
        <v>32182668</v>
      </c>
      <c r="BC12" s="114">
        <v>30269561</v>
      </c>
      <c r="BD12" s="113">
        <v>159090858</v>
      </c>
      <c r="BE12" s="116">
        <v>173905611</v>
      </c>
      <c r="BF12" s="110">
        <v>235979</v>
      </c>
      <c r="BG12" s="114">
        <v>1302027</v>
      </c>
      <c r="BH12" s="112">
        <v>1538006</v>
      </c>
      <c r="BI12" s="111">
        <v>0</v>
      </c>
      <c r="BJ12" s="114">
        <v>1019535</v>
      </c>
      <c r="BK12" s="114">
        <v>2760225</v>
      </c>
      <c r="BL12" s="114">
        <v>2303994</v>
      </c>
      <c r="BM12" s="114">
        <v>1729553</v>
      </c>
      <c r="BN12" s="114">
        <v>779653</v>
      </c>
      <c r="BO12" s="113">
        <v>8592960</v>
      </c>
      <c r="BP12" s="116">
        <v>10130966</v>
      </c>
      <c r="BQ12" s="110">
        <v>2624160</v>
      </c>
      <c r="BR12" s="114">
        <v>3773952</v>
      </c>
      <c r="BS12" s="113">
        <v>6398112</v>
      </c>
      <c r="BT12" s="110">
        <v>0</v>
      </c>
      <c r="BU12" s="114">
        <v>18411938</v>
      </c>
      <c r="BV12" s="114">
        <v>22156721</v>
      </c>
      <c r="BW12" s="114">
        <v>22456512</v>
      </c>
      <c r="BX12" s="114">
        <v>20220002</v>
      </c>
      <c r="BY12" s="114">
        <v>14654153</v>
      </c>
      <c r="BZ12" s="113">
        <v>97899326</v>
      </c>
      <c r="CA12" s="116">
        <v>104297438</v>
      </c>
      <c r="CB12" s="110">
        <v>1556141</v>
      </c>
      <c r="CC12" s="114">
        <v>7397215</v>
      </c>
      <c r="CD12" s="113">
        <v>8953356</v>
      </c>
      <c r="CE12" s="110">
        <v>0</v>
      </c>
      <c r="CF12" s="114">
        <v>96467957</v>
      </c>
      <c r="CG12" s="114">
        <v>144663735</v>
      </c>
      <c r="CH12" s="114">
        <v>124713831</v>
      </c>
      <c r="CI12" s="114">
        <v>91605241</v>
      </c>
      <c r="CJ12" s="114">
        <v>42874880</v>
      </c>
      <c r="CK12" s="113">
        <v>500325644</v>
      </c>
      <c r="CL12" s="116">
        <v>509279000</v>
      </c>
      <c r="CM12" s="110">
        <v>0</v>
      </c>
      <c r="CN12" s="114">
        <v>0</v>
      </c>
      <c r="CO12" s="113">
        <v>0</v>
      </c>
      <c r="CP12" s="111">
        <v>0</v>
      </c>
      <c r="CQ12" s="114">
        <v>89590660</v>
      </c>
      <c r="CR12" s="114">
        <v>123045423</v>
      </c>
      <c r="CS12" s="114">
        <v>106345042</v>
      </c>
      <c r="CT12" s="114">
        <v>76149460</v>
      </c>
      <c r="CU12" s="114">
        <v>37712570</v>
      </c>
      <c r="CV12" s="113">
        <v>432843155</v>
      </c>
      <c r="CW12" s="116">
        <v>432843155</v>
      </c>
      <c r="CX12" s="110">
        <v>1556141</v>
      </c>
      <c r="CY12" s="114">
        <v>7397215</v>
      </c>
      <c r="CZ12" s="113">
        <v>8953356</v>
      </c>
      <c r="DA12" s="110">
        <v>0</v>
      </c>
      <c r="DB12" s="114">
        <v>6877297</v>
      </c>
      <c r="DC12" s="114">
        <v>21618312</v>
      </c>
      <c r="DD12" s="114">
        <v>18368789</v>
      </c>
      <c r="DE12" s="114">
        <v>15455781</v>
      </c>
      <c r="DF12" s="114">
        <v>5162310</v>
      </c>
      <c r="DG12" s="113">
        <v>67482489</v>
      </c>
      <c r="DH12" s="116">
        <v>76435845</v>
      </c>
      <c r="DI12" s="110">
        <v>102242</v>
      </c>
      <c r="DJ12" s="114">
        <v>801692</v>
      </c>
      <c r="DK12" s="112">
        <v>903934</v>
      </c>
      <c r="DL12" s="111">
        <v>0</v>
      </c>
      <c r="DM12" s="114">
        <v>9221084</v>
      </c>
      <c r="DN12" s="114">
        <v>22033708</v>
      </c>
      <c r="DO12" s="114">
        <v>45126267</v>
      </c>
      <c r="DP12" s="114">
        <v>36798421</v>
      </c>
      <c r="DQ12" s="114">
        <v>21701937</v>
      </c>
      <c r="DR12" s="113">
        <v>134881417</v>
      </c>
      <c r="DS12" s="116">
        <v>135785351</v>
      </c>
      <c r="DT12" s="110">
        <v>102242</v>
      </c>
      <c r="DU12" s="114">
        <v>801692</v>
      </c>
      <c r="DV12" s="113">
        <v>903934</v>
      </c>
      <c r="DW12" s="110">
        <v>0</v>
      </c>
      <c r="DX12" s="114">
        <v>8848324</v>
      </c>
      <c r="DY12" s="114">
        <v>21657767</v>
      </c>
      <c r="DZ12" s="114">
        <v>44444151</v>
      </c>
      <c r="EA12" s="114">
        <v>35516784</v>
      </c>
      <c r="EB12" s="114">
        <v>21154285</v>
      </c>
      <c r="EC12" s="113">
        <v>131621311</v>
      </c>
      <c r="ED12" s="116">
        <v>132525245</v>
      </c>
      <c r="EE12" s="110">
        <v>0</v>
      </c>
      <c r="EF12" s="112">
        <v>0</v>
      </c>
      <c r="EG12" s="113">
        <v>0</v>
      </c>
      <c r="EH12" s="110">
        <v>0</v>
      </c>
      <c r="EI12" s="114">
        <v>372760</v>
      </c>
      <c r="EJ12" s="114">
        <v>375941</v>
      </c>
      <c r="EK12" s="114">
        <v>682116</v>
      </c>
      <c r="EL12" s="114">
        <v>1281637</v>
      </c>
      <c r="EM12" s="114">
        <v>547652</v>
      </c>
      <c r="EN12" s="112">
        <v>3260106</v>
      </c>
      <c r="EO12" s="116">
        <v>3260106</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8"/>
      <c r="FE12" s="114">
        <v>0</v>
      </c>
      <c r="FF12" s="114">
        <v>0</v>
      </c>
      <c r="FG12" s="114">
        <v>0</v>
      </c>
      <c r="FH12" s="114">
        <v>0</v>
      </c>
      <c r="FI12" s="114">
        <v>0</v>
      </c>
      <c r="FJ12" s="113">
        <v>0</v>
      </c>
      <c r="FK12" s="116">
        <v>0</v>
      </c>
      <c r="FL12" s="110">
        <v>6941557</v>
      </c>
      <c r="FM12" s="114">
        <v>21622960</v>
      </c>
      <c r="FN12" s="113">
        <v>28564517</v>
      </c>
      <c r="FO12" s="110">
        <v>0</v>
      </c>
      <c r="FP12" s="114">
        <v>16942476</v>
      </c>
      <c r="FQ12" s="114">
        <v>49315165</v>
      </c>
      <c r="FR12" s="114">
        <v>37635191</v>
      </c>
      <c r="FS12" s="114">
        <v>34396736</v>
      </c>
      <c r="FT12" s="114">
        <v>23992618</v>
      </c>
      <c r="FU12" s="113">
        <v>162282186</v>
      </c>
      <c r="FV12" s="116">
        <v>190846703</v>
      </c>
      <c r="FW12" s="115">
        <v>4780207</v>
      </c>
      <c r="FX12" s="114">
        <v>16910601</v>
      </c>
      <c r="FY12" s="112">
        <v>21690808</v>
      </c>
      <c r="FZ12" s="111">
        <v>0</v>
      </c>
      <c r="GA12" s="114">
        <v>14001470</v>
      </c>
      <c r="GB12" s="114">
        <v>45387646</v>
      </c>
      <c r="GC12" s="114">
        <v>35753539</v>
      </c>
      <c r="GD12" s="114">
        <v>32089298</v>
      </c>
      <c r="GE12" s="114">
        <v>22668771</v>
      </c>
      <c r="GF12" s="113">
        <v>149900724</v>
      </c>
      <c r="GG12" s="319">
        <v>171591532</v>
      </c>
      <c r="GH12" s="115">
        <v>268102</v>
      </c>
      <c r="GI12" s="114">
        <v>1001867</v>
      </c>
      <c r="GJ12" s="112">
        <v>1269969</v>
      </c>
      <c r="GK12" s="111">
        <v>0</v>
      </c>
      <c r="GL12" s="114">
        <v>798092</v>
      </c>
      <c r="GM12" s="114">
        <v>1325492</v>
      </c>
      <c r="GN12" s="114">
        <v>999276</v>
      </c>
      <c r="GO12" s="114">
        <v>1147464</v>
      </c>
      <c r="GP12" s="114">
        <v>538381</v>
      </c>
      <c r="GQ12" s="113">
        <v>4808705</v>
      </c>
      <c r="GR12" s="116">
        <v>6078674</v>
      </c>
      <c r="GS12" s="110">
        <v>1893248</v>
      </c>
      <c r="GT12" s="114">
        <v>3710492</v>
      </c>
      <c r="GU12" s="113">
        <v>5603740</v>
      </c>
      <c r="GV12" s="110">
        <v>0</v>
      </c>
      <c r="GW12" s="114">
        <v>2142914</v>
      </c>
      <c r="GX12" s="114">
        <v>2602027</v>
      </c>
      <c r="GY12" s="114">
        <v>882376</v>
      </c>
      <c r="GZ12" s="114">
        <v>1159974</v>
      </c>
      <c r="HA12" s="114">
        <v>785466</v>
      </c>
      <c r="HB12" s="112">
        <v>7572757</v>
      </c>
      <c r="HC12" s="116">
        <v>13176497</v>
      </c>
      <c r="HD12" s="110">
        <v>8120513</v>
      </c>
      <c r="HE12" s="114">
        <v>11823296</v>
      </c>
      <c r="HF12" s="112">
        <v>19943809</v>
      </c>
      <c r="HG12" s="111">
        <v>0</v>
      </c>
      <c r="HH12" s="114">
        <v>61126449</v>
      </c>
      <c r="HI12" s="114">
        <v>53571379</v>
      </c>
      <c r="HJ12" s="114">
        <v>55746227</v>
      </c>
      <c r="HK12" s="114">
        <v>63923629</v>
      </c>
      <c r="HL12" s="114">
        <v>37944611</v>
      </c>
      <c r="HM12" s="113">
        <v>272312295</v>
      </c>
      <c r="HN12" s="109">
        <v>292256104</v>
      </c>
      <c r="HO12" s="115">
        <v>4951816</v>
      </c>
      <c r="HP12" s="114">
        <v>12777145</v>
      </c>
      <c r="HQ12" s="113">
        <v>17728961</v>
      </c>
      <c r="HR12" s="110">
        <v>0</v>
      </c>
      <c r="HS12" s="114">
        <v>53780475</v>
      </c>
      <c r="HT12" s="114">
        <v>66004681</v>
      </c>
      <c r="HU12" s="114">
        <v>47506259</v>
      </c>
      <c r="HV12" s="114">
        <v>32820117</v>
      </c>
      <c r="HW12" s="114">
        <v>18838255</v>
      </c>
      <c r="HX12" s="112">
        <v>218949787</v>
      </c>
      <c r="HY12" s="116">
        <v>236678748</v>
      </c>
      <c r="HZ12" s="131">
        <v>759831</v>
      </c>
      <c r="IA12" s="132">
        <v>2917207</v>
      </c>
      <c r="IB12" s="133">
        <v>3677038</v>
      </c>
      <c r="IC12" s="134">
        <v>0</v>
      </c>
      <c r="ID12" s="135">
        <v>132624271</v>
      </c>
      <c r="IE12" s="136">
        <v>171893436</v>
      </c>
      <c r="IF12" s="137">
        <v>187139705</v>
      </c>
      <c r="IG12" s="135">
        <v>130849313</v>
      </c>
      <c r="IH12" s="137">
        <v>79947640</v>
      </c>
      <c r="II12" s="138">
        <v>702454365</v>
      </c>
      <c r="IJ12" s="139">
        <v>706131403</v>
      </c>
      <c r="IK12" s="232">
        <v>0</v>
      </c>
      <c r="IL12" s="236">
        <v>0</v>
      </c>
      <c r="IM12" s="237">
        <v>0</v>
      </c>
      <c r="IN12" s="140"/>
      <c r="IO12" s="119">
        <v>1284011</v>
      </c>
      <c r="IP12" s="119">
        <v>1589828</v>
      </c>
      <c r="IQ12" s="119">
        <v>3848441</v>
      </c>
      <c r="IR12" s="119">
        <v>4663558</v>
      </c>
      <c r="IS12" s="119">
        <v>3987425</v>
      </c>
      <c r="IT12" s="141">
        <v>15373263</v>
      </c>
      <c r="IU12" s="321">
        <v>15373263</v>
      </c>
      <c r="IV12" s="142">
        <v>0</v>
      </c>
      <c r="IW12" s="119">
        <v>0</v>
      </c>
      <c r="IX12" s="120">
        <v>0</v>
      </c>
      <c r="IY12" s="144"/>
      <c r="IZ12" s="119">
        <v>22730</v>
      </c>
      <c r="JA12" s="119">
        <v>22730</v>
      </c>
      <c r="JB12" s="119">
        <v>53236</v>
      </c>
      <c r="JC12" s="119">
        <v>120923</v>
      </c>
      <c r="JD12" s="119">
        <v>277811</v>
      </c>
      <c r="JE12" s="120">
        <v>497430</v>
      </c>
      <c r="JF12" s="121">
        <v>497430</v>
      </c>
      <c r="JG12" s="142">
        <v>0</v>
      </c>
      <c r="JH12" s="119">
        <v>0</v>
      </c>
      <c r="JI12" s="141">
        <v>0</v>
      </c>
      <c r="JJ12" s="118">
        <v>0</v>
      </c>
      <c r="JK12" s="119">
        <v>47668325</v>
      </c>
      <c r="JL12" s="119">
        <v>60785430</v>
      </c>
      <c r="JM12" s="119">
        <v>52040370</v>
      </c>
      <c r="JN12" s="119">
        <v>31336304</v>
      </c>
      <c r="JO12" s="119">
        <v>15416058</v>
      </c>
      <c r="JP12" s="120">
        <v>207246487</v>
      </c>
      <c r="JQ12" s="321">
        <v>207246487</v>
      </c>
      <c r="JR12" s="142">
        <v>0</v>
      </c>
      <c r="JS12" s="119">
        <v>0</v>
      </c>
      <c r="JT12" s="141">
        <v>0</v>
      </c>
      <c r="JU12" s="118">
        <v>0</v>
      </c>
      <c r="JV12" s="119">
        <v>1753189</v>
      </c>
      <c r="JW12" s="119">
        <v>2419803</v>
      </c>
      <c r="JX12" s="119">
        <v>4547886</v>
      </c>
      <c r="JY12" s="119">
        <v>1584416</v>
      </c>
      <c r="JZ12" s="119">
        <v>4114913</v>
      </c>
      <c r="KA12" s="120">
        <v>14420207</v>
      </c>
      <c r="KB12" s="321">
        <v>14420207</v>
      </c>
      <c r="KC12" s="234">
        <v>759831</v>
      </c>
      <c r="KD12" s="230">
        <v>2164268</v>
      </c>
      <c r="KE12" s="120">
        <v>2924099</v>
      </c>
      <c r="KF12" s="118">
        <v>0</v>
      </c>
      <c r="KG12" s="119">
        <v>17900142</v>
      </c>
      <c r="KH12" s="119">
        <v>26502378</v>
      </c>
      <c r="KI12" s="119">
        <v>27858141</v>
      </c>
      <c r="KJ12" s="119">
        <v>20800114</v>
      </c>
      <c r="KK12" s="119">
        <v>7758827</v>
      </c>
      <c r="KL12" s="120">
        <v>100819602</v>
      </c>
      <c r="KM12" s="143">
        <v>103743701</v>
      </c>
      <c r="KN12" s="232">
        <v>0</v>
      </c>
      <c r="KO12" s="236">
        <v>752939</v>
      </c>
      <c r="KP12" s="237">
        <v>752939</v>
      </c>
      <c r="KQ12" s="140"/>
      <c r="KR12" s="119">
        <v>62647325</v>
      </c>
      <c r="KS12" s="119">
        <v>77179908</v>
      </c>
      <c r="KT12" s="119">
        <v>90396318</v>
      </c>
      <c r="KU12" s="119">
        <v>59949689</v>
      </c>
      <c r="KV12" s="119">
        <v>41238366</v>
      </c>
      <c r="KW12" s="120">
        <v>331411606</v>
      </c>
      <c r="KX12" s="321">
        <v>332164545</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416135</v>
      </c>
      <c r="LP12" s="119">
        <v>4283100</v>
      </c>
      <c r="LQ12" s="119">
        <v>8981782</v>
      </c>
      <c r="LR12" s="119">
        <v>1881390</v>
      </c>
      <c r="LS12" s="120">
        <v>15562407</v>
      </c>
      <c r="LT12" s="321">
        <v>15562407</v>
      </c>
      <c r="LU12" s="142">
        <v>0</v>
      </c>
      <c r="LV12" s="119">
        <v>0</v>
      </c>
      <c r="LW12" s="120">
        <v>0</v>
      </c>
      <c r="LX12" s="145"/>
      <c r="LY12" s="119">
        <v>1348549</v>
      </c>
      <c r="LZ12" s="119">
        <v>2977224</v>
      </c>
      <c r="MA12" s="119">
        <v>4112213</v>
      </c>
      <c r="MB12" s="119">
        <v>3412527</v>
      </c>
      <c r="MC12" s="119">
        <v>5272850</v>
      </c>
      <c r="MD12" s="120">
        <v>17123363</v>
      </c>
      <c r="ME12" s="121">
        <v>17123363</v>
      </c>
      <c r="MF12" s="142">
        <v>0</v>
      </c>
      <c r="MG12" s="119">
        <v>0</v>
      </c>
      <c r="MH12" s="120">
        <v>0</v>
      </c>
      <c r="MI12" s="145"/>
      <c r="MJ12" s="119">
        <v>23031132</v>
      </c>
      <c r="MK12" s="119">
        <v>77148699</v>
      </c>
      <c r="ML12" s="119">
        <v>311895425</v>
      </c>
      <c r="MM12" s="119">
        <v>514395492</v>
      </c>
      <c r="MN12" s="119">
        <v>331011928</v>
      </c>
      <c r="MO12" s="120">
        <v>1257482676</v>
      </c>
      <c r="MP12" s="143">
        <v>1257482676</v>
      </c>
      <c r="MQ12" s="142">
        <v>0</v>
      </c>
      <c r="MR12" s="119">
        <v>0</v>
      </c>
      <c r="MS12" s="120">
        <v>0</v>
      </c>
      <c r="MT12" s="145"/>
      <c r="MU12" s="119">
        <v>2305774</v>
      </c>
      <c r="MV12" s="119">
        <v>14296716</v>
      </c>
      <c r="MW12" s="119">
        <v>222585214</v>
      </c>
      <c r="MX12" s="119">
        <v>365622933</v>
      </c>
      <c r="MY12" s="119">
        <v>228652214</v>
      </c>
      <c r="MZ12" s="120">
        <v>833462851</v>
      </c>
      <c r="NA12" s="143">
        <v>833462851</v>
      </c>
      <c r="NB12" s="142">
        <v>0</v>
      </c>
      <c r="NC12" s="119">
        <v>0</v>
      </c>
      <c r="ND12" s="120">
        <v>0</v>
      </c>
      <c r="NE12" s="145"/>
      <c r="NF12" s="119">
        <v>20725358</v>
      </c>
      <c r="NG12" s="119">
        <v>62665732</v>
      </c>
      <c r="NH12" s="119">
        <v>86719248</v>
      </c>
      <c r="NI12" s="119">
        <v>110551178</v>
      </c>
      <c r="NJ12" s="119">
        <v>65801843</v>
      </c>
      <c r="NK12" s="120">
        <v>346463359</v>
      </c>
      <c r="NL12" s="321">
        <v>346463359</v>
      </c>
      <c r="NM12" s="142">
        <v>0</v>
      </c>
      <c r="NN12" s="119">
        <v>0</v>
      </c>
      <c r="NO12" s="120">
        <v>0</v>
      </c>
      <c r="NP12" s="145"/>
      <c r="NQ12" s="119">
        <v>0</v>
      </c>
      <c r="NR12" s="119">
        <v>186251</v>
      </c>
      <c r="NS12" s="119">
        <v>649978</v>
      </c>
      <c r="NT12" s="119">
        <v>9752429</v>
      </c>
      <c r="NU12" s="119">
        <v>7574598</v>
      </c>
      <c r="NV12" s="120">
        <v>18163256</v>
      </c>
      <c r="NW12" s="121">
        <v>18163256</v>
      </c>
      <c r="NX12" s="142">
        <v>0</v>
      </c>
      <c r="NY12" s="119">
        <v>0</v>
      </c>
      <c r="NZ12" s="120">
        <v>0</v>
      </c>
      <c r="OA12" s="145"/>
      <c r="OB12" s="119">
        <v>0</v>
      </c>
      <c r="OC12" s="119">
        <v>0</v>
      </c>
      <c r="OD12" s="119">
        <v>1940985</v>
      </c>
      <c r="OE12" s="119">
        <v>28468952</v>
      </c>
      <c r="OF12" s="119">
        <v>28983273</v>
      </c>
      <c r="OG12" s="120">
        <v>59393210</v>
      </c>
      <c r="OH12" s="121">
        <v>59393210</v>
      </c>
      <c r="OI12" s="142">
        <v>28047482</v>
      </c>
      <c r="OJ12" s="119">
        <v>74586716</v>
      </c>
      <c r="OK12" s="141">
        <v>102634198</v>
      </c>
      <c r="OL12" s="118">
        <v>0</v>
      </c>
      <c r="OM12" s="119">
        <v>484654326</v>
      </c>
      <c r="ON12" s="119">
        <v>735506749</v>
      </c>
      <c r="OO12" s="119">
        <v>950582519</v>
      </c>
      <c r="OP12" s="119">
        <v>1054103328</v>
      </c>
      <c r="OQ12" s="119">
        <v>699214702</v>
      </c>
      <c r="OR12" s="120">
        <v>3924061624</v>
      </c>
      <c r="OS12" s="143">
        <v>4026695822</v>
      </c>
    </row>
    <row r="13" spans="1:409" ht="18.75" customHeight="1" x14ac:dyDescent="0.2">
      <c r="B13" s="62" t="s">
        <v>7</v>
      </c>
      <c r="C13" s="110">
        <v>15183635</v>
      </c>
      <c r="D13" s="114">
        <v>18139251</v>
      </c>
      <c r="E13" s="113">
        <v>33322886</v>
      </c>
      <c r="F13" s="109">
        <v>0</v>
      </c>
      <c r="G13" s="114">
        <v>354480007</v>
      </c>
      <c r="H13" s="114">
        <v>328612891</v>
      </c>
      <c r="I13" s="114">
        <v>270151024</v>
      </c>
      <c r="J13" s="114">
        <v>279180032</v>
      </c>
      <c r="K13" s="114">
        <v>190518633</v>
      </c>
      <c r="L13" s="109">
        <v>1422942587</v>
      </c>
      <c r="M13" s="116">
        <v>1456265473</v>
      </c>
      <c r="N13" s="110">
        <v>2103938</v>
      </c>
      <c r="O13" s="114">
        <v>2166179</v>
      </c>
      <c r="P13" s="113">
        <v>4270117</v>
      </c>
      <c r="Q13" s="110">
        <v>0</v>
      </c>
      <c r="R13" s="114">
        <v>78885077</v>
      </c>
      <c r="S13" s="114">
        <v>90691466</v>
      </c>
      <c r="T13" s="114">
        <v>83595859</v>
      </c>
      <c r="U13" s="114">
        <v>119488488</v>
      </c>
      <c r="V13" s="114">
        <v>104041436</v>
      </c>
      <c r="W13" s="113">
        <v>476702326</v>
      </c>
      <c r="X13" s="116">
        <v>480972443</v>
      </c>
      <c r="Y13" s="110">
        <v>0</v>
      </c>
      <c r="Z13" s="114">
        <v>0</v>
      </c>
      <c r="AA13" s="113">
        <v>0</v>
      </c>
      <c r="AB13" s="110">
        <v>0</v>
      </c>
      <c r="AC13" s="114">
        <v>43436162</v>
      </c>
      <c r="AD13" s="114">
        <v>50034185</v>
      </c>
      <c r="AE13" s="114">
        <v>51854669</v>
      </c>
      <c r="AF13" s="114">
        <v>78558228</v>
      </c>
      <c r="AG13" s="114">
        <v>66770065</v>
      </c>
      <c r="AH13" s="113">
        <v>290653309</v>
      </c>
      <c r="AI13" s="116">
        <v>290653309</v>
      </c>
      <c r="AJ13" s="110">
        <v>0</v>
      </c>
      <c r="AK13" s="114">
        <v>0</v>
      </c>
      <c r="AL13" s="113">
        <v>0</v>
      </c>
      <c r="AM13" s="110">
        <v>0</v>
      </c>
      <c r="AN13" s="114">
        <v>640531</v>
      </c>
      <c r="AO13" s="114">
        <v>2072519</v>
      </c>
      <c r="AP13" s="114">
        <v>2950677</v>
      </c>
      <c r="AQ13" s="114">
        <v>8557080</v>
      </c>
      <c r="AR13" s="114">
        <v>12651821</v>
      </c>
      <c r="AS13" s="113">
        <v>26872628</v>
      </c>
      <c r="AT13" s="116">
        <v>26872628</v>
      </c>
      <c r="AU13" s="110">
        <v>403258</v>
      </c>
      <c r="AV13" s="114">
        <v>753939</v>
      </c>
      <c r="AW13" s="113">
        <v>1157197</v>
      </c>
      <c r="AX13" s="110">
        <v>0</v>
      </c>
      <c r="AY13" s="114">
        <v>17790450</v>
      </c>
      <c r="AZ13" s="114">
        <v>21699194</v>
      </c>
      <c r="BA13" s="114">
        <v>14974078</v>
      </c>
      <c r="BB13" s="114">
        <v>17342605</v>
      </c>
      <c r="BC13" s="114">
        <v>15387660</v>
      </c>
      <c r="BD13" s="113">
        <v>87193987</v>
      </c>
      <c r="BE13" s="116">
        <v>88351184</v>
      </c>
      <c r="BF13" s="110">
        <v>140845</v>
      </c>
      <c r="BG13" s="114">
        <v>265575</v>
      </c>
      <c r="BH13" s="112">
        <v>406420</v>
      </c>
      <c r="BI13" s="111">
        <v>0</v>
      </c>
      <c r="BJ13" s="114">
        <v>2264092</v>
      </c>
      <c r="BK13" s="114">
        <v>3765313</v>
      </c>
      <c r="BL13" s="114">
        <v>1659283</v>
      </c>
      <c r="BM13" s="114">
        <v>1994729</v>
      </c>
      <c r="BN13" s="114">
        <v>1297823</v>
      </c>
      <c r="BO13" s="113">
        <v>10981240</v>
      </c>
      <c r="BP13" s="116">
        <v>11387660</v>
      </c>
      <c r="BQ13" s="110">
        <v>1559835</v>
      </c>
      <c r="BR13" s="114">
        <v>1146665</v>
      </c>
      <c r="BS13" s="113">
        <v>2706500</v>
      </c>
      <c r="BT13" s="110">
        <v>0</v>
      </c>
      <c r="BU13" s="114">
        <v>14753842</v>
      </c>
      <c r="BV13" s="114">
        <v>13120255</v>
      </c>
      <c r="BW13" s="114">
        <v>12157152</v>
      </c>
      <c r="BX13" s="114">
        <v>13035846</v>
      </c>
      <c r="BY13" s="114">
        <v>7934067</v>
      </c>
      <c r="BZ13" s="113">
        <v>61001162</v>
      </c>
      <c r="CA13" s="116">
        <v>63707662</v>
      </c>
      <c r="CB13" s="110">
        <v>786677</v>
      </c>
      <c r="CC13" s="114">
        <v>2048327</v>
      </c>
      <c r="CD13" s="113">
        <v>2835004</v>
      </c>
      <c r="CE13" s="110">
        <v>0</v>
      </c>
      <c r="CF13" s="114">
        <v>96524630</v>
      </c>
      <c r="CG13" s="114">
        <v>87224164</v>
      </c>
      <c r="CH13" s="114">
        <v>58030560</v>
      </c>
      <c r="CI13" s="114">
        <v>36778626</v>
      </c>
      <c r="CJ13" s="114">
        <v>14645978</v>
      </c>
      <c r="CK13" s="113">
        <v>293203958</v>
      </c>
      <c r="CL13" s="116">
        <v>296038962</v>
      </c>
      <c r="CM13" s="110">
        <v>0</v>
      </c>
      <c r="CN13" s="114">
        <v>0</v>
      </c>
      <c r="CO13" s="113">
        <v>0</v>
      </c>
      <c r="CP13" s="111">
        <v>0</v>
      </c>
      <c r="CQ13" s="114">
        <v>82273867</v>
      </c>
      <c r="CR13" s="114">
        <v>71777313</v>
      </c>
      <c r="CS13" s="114">
        <v>46611132</v>
      </c>
      <c r="CT13" s="114">
        <v>31104235</v>
      </c>
      <c r="CU13" s="114">
        <v>12776437</v>
      </c>
      <c r="CV13" s="113">
        <v>244542984</v>
      </c>
      <c r="CW13" s="116">
        <v>244542984</v>
      </c>
      <c r="CX13" s="110">
        <v>786677</v>
      </c>
      <c r="CY13" s="114">
        <v>2048327</v>
      </c>
      <c r="CZ13" s="113">
        <v>2835004</v>
      </c>
      <c r="DA13" s="110">
        <v>0</v>
      </c>
      <c r="DB13" s="114">
        <v>14250763</v>
      </c>
      <c r="DC13" s="114">
        <v>15446851</v>
      </c>
      <c r="DD13" s="114">
        <v>11419428</v>
      </c>
      <c r="DE13" s="114">
        <v>5674391</v>
      </c>
      <c r="DF13" s="114">
        <v>1869541</v>
      </c>
      <c r="DG13" s="113">
        <v>48660974</v>
      </c>
      <c r="DH13" s="116">
        <v>51495978</v>
      </c>
      <c r="DI13" s="110">
        <v>73325</v>
      </c>
      <c r="DJ13" s="114">
        <v>50616</v>
      </c>
      <c r="DK13" s="112">
        <v>123941</v>
      </c>
      <c r="DL13" s="111">
        <v>0</v>
      </c>
      <c r="DM13" s="114">
        <v>14494417</v>
      </c>
      <c r="DN13" s="114">
        <v>21193599</v>
      </c>
      <c r="DO13" s="114">
        <v>29999210</v>
      </c>
      <c r="DP13" s="114">
        <v>20662426</v>
      </c>
      <c r="DQ13" s="114">
        <v>13045110</v>
      </c>
      <c r="DR13" s="113">
        <v>99394762</v>
      </c>
      <c r="DS13" s="116">
        <v>99518703</v>
      </c>
      <c r="DT13" s="110">
        <v>73325</v>
      </c>
      <c r="DU13" s="114">
        <v>50616</v>
      </c>
      <c r="DV13" s="113">
        <v>123941</v>
      </c>
      <c r="DW13" s="110">
        <v>0</v>
      </c>
      <c r="DX13" s="114">
        <v>13562468</v>
      </c>
      <c r="DY13" s="114">
        <v>20083017</v>
      </c>
      <c r="DZ13" s="114">
        <v>27974533</v>
      </c>
      <c r="EA13" s="114">
        <v>20180279</v>
      </c>
      <c r="EB13" s="114">
        <v>11979335</v>
      </c>
      <c r="EC13" s="113">
        <v>93779632</v>
      </c>
      <c r="ED13" s="116">
        <v>93903573</v>
      </c>
      <c r="EE13" s="110">
        <v>0</v>
      </c>
      <c r="EF13" s="112">
        <v>0</v>
      </c>
      <c r="EG13" s="113">
        <v>0</v>
      </c>
      <c r="EH13" s="110">
        <v>0</v>
      </c>
      <c r="EI13" s="114">
        <v>931949</v>
      </c>
      <c r="EJ13" s="114">
        <v>1110582</v>
      </c>
      <c r="EK13" s="114">
        <v>2024677</v>
      </c>
      <c r="EL13" s="114">
        <v>482147</v>
      </c>
      <c r="EM13" s="114">
        <v>1065775</v>
      </c>
      <c r="EN13" s="112">
        <v>5615130</v>
      </c>
      <c r="EO13" s="116">
        <v>5615130</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8"/>
      <c r="FE13" s="114">
        <v>0</v>
      </c>
      <c r="FF13" s="114">
        <v>0</v>
      </c>
      <c r="FG13" s="114">
        <v>0</v>
      </c>
      <c r="FH13" s="114">
        <v>0</v>
      </c>
      <c r="FI13" s="114">
        <v>0</v>
      </c>
      <c r="FJ13" s="113">
        <v>0</v>
      </c>
      <c r="FK13" s="116">
        <v>0</v>
      </c>
      <c r="FL13" s="110">
        <v>4566246</v>
      </c>
      <c r="FM13" s="114">
        <v>4981247</v>
      </c>
      <c r="FN13" s="113">
        <v>9547493</v>
      </c>
      <c r="FO13" s="110">
        <v>0</v>
      </c>
      <c r="FP13" s="114">
        <v>16329192</v>
      </c>
      <c r="FQ13" s="114">
        <v>31845590</v>
      </c>
      <c r="FR13" s="114">
        <v>20509612</v>
      </c>
      <c r="FS13" s="114">
        <v>20042305</v>
      </c>
      <c r="FT13" s="114">
        <v>12891036</v>
      </c>
      <c r="FU13" s="113">
        <v>101617735</v>
      </c>
      <c r="FV13" s="116">
        <v>111165228</v>
      </c>
      <c r="FW13" s="115">
        <v>1205802</v>
      </c>
      <c r="FX13" s="114">
        <v>2916834</v>
      </c>
      <c r="FY13" s="112">
        <v>4122636</v>
      </c>
      <c r="FZ13" s="111">
        <v>0</v>
      </c>
      <c r="GA13" s="114">
        <v>11090206</v>
      </c>
      <c r="GB13" s="114">
        <v>29384750</v>
      </c>
      <c r="GC13" s="114">
        <v>18237596</v>
      </c>
      <c r="GD13" s="114">
        <v>18420741</v>
      </c>
      <c r="GE13" s="114">
        <v>12119419</v>
      </c>
      <c r="GF13" s="113">
        <v>89252712</v>
      </c>
      <c r="GG13" s="319">
        <v>93375348</v>
      </c>
      <c r="GH13" s="115">
        <v>209929</v>
      </c>
      <c r="GI13" s="114">
        <v>364691</v>
      </c>
      <c r="GJ13" s="112">
        <v>574620</v>
      </c>
      <c r="GK13" s="111">
        <v>0</v>
      </c>
      <c r="GL13" s="114">
        <v>701657</v>
      </c>
      <c r="GM13" s="114">
        <v>785730</v>
      </c>
      <c r="GN13" s="114">
        <v>662271</v>
      </c>
      <c r="GO13" s="114">
        <v>781324</v>
      </c>
      <c r="GP13" s="114">
        <v>267773</v>
      </c>
      <c r="GQ13" s="113">
        <v>3198755</v>
      </c>
      <c r="GR13" s="116">
        <v>3773375</v>
      </c>
      <c r="GS13" s="110">
        <v>3150515</v>
      </c>
      <c r="GT13" s="114">
        <v>1699722</v>
      </c>
      <c r="GU13" s="113">
        <v>4850237</v>
      </c>
      <c r="GV13" s="110">
        <v>0</v>
      </c>
      <c r="GW13" s="114">
        <v>4537329</v>
      </c>
      <c r="GX13" s="114">
        <v>1675110</v>
      </c>
      <c r="GY13" s="114">
        <v>1609745</v>
      </c>
      <c r="GZ13" s="114">
        <v>840240</v>
      </c>
      <c r="HA13" s="114">
        <v>503844</v>
      </c>
      <c r="HB13" s="112">
        <v>9166268</v>
      </c>
      <c r="HC13" s="116">
        <v>14016505</v>
      </c>
      <c r="HD13" s="110">
        <v>5855262</v>
      </c>
      <c r="HE13" s="114">
        <v>5490647</v>
      </c>
      <c r="HF13" s="112">
        <v>11345909</v>
      </c>
      <c r="HG13" s="111">
        <v>0</v>
      </c>
      <c r="HH13" s="114">
        <v>84089598</v>
      </c>
      <c r="HI13" s="114">
        <v>51732741</v>
      </c>
      <c r="HJ13" s="114">
        <v>50024988</v>
      </c>
      <c r="HK13" s="114">
        <v>61424782</v>
      </c>
      <c r="HL13" s="114">
        <v>34355927</v>
      </c>
      <c r="HM13" s="113">
        <v>281628036</v>
      </c>
      <c r="HN13" s="109">
        <v>292973945</v>
      </c>
      <c r="HO13" s="115">
        <v>1798187</v>
      </c>
      <c r="HP13" s="114">
        <v>3402235</v>
      </c>
      <c r="HQ13" s="113">
        <v>5200422</v>
      </c>
      <c r="HR13" s="110">
        <v>0</v>
      </c>
      <c r="HS13" s="114">
        <v>64157093</v>
      </c>
      <c r="HT13" s="114">
        <v>45925331</v>
      </c>
      <c r="HU13" s="114">
        <v>27990795</v>
      </c>
      <c r="HV13" s="114">
        <v>20783405</v>
      </c>
      <c r="HW13" s="114">
        <v>11539146</v>
      </c>
      <c r="HX13" s="112">
        <v>170395770</v>
      </c>
      <c r="HY13" s="116">
        <v>175596192</v>
      </c>
      <c r="HZ13" s="131">
        <v>426589</v>
      </c>
      <c r="IA13" s="132">
        <v>1103238</v>
      </c>
      <c r="IB13" s="133">
        <v>1529827</v>
      </c>
      <c r="IC13" s="146">
        <v>0</v>
      </c>
      <c r="ID13" s="132">
        <v>98250876</v>
      </c>
      <c r="IE13" s="147">
        <v>104381074</v>
      </c>
      <c r="IF13" s="133">
        <v>105349759</v>
      </c>
      <c r="IG13" s="132">
        <v>64659232</v>
      </c>
      <c r="IH13" s="133">
        <v>40219026</v>
      </c>
      <c r="II13" s="148">
        <v>412859967</v>
      </c>
      <c r="IJ13" s="139">
        <v>414389794</v>
      </c>
      <c r="IK13" s="232">
        <v>0</v>
      </c>
      <c r="IL13" s="236">
        <v>0</v>
      </c>
      <c r="IM13" s="237">
        <v>0</v>
      </c>
      <c r="IN13" s="140"/>
      <c r="IO13" s="119">
        <v>209323</v>
      </c>
      <c r="IP13" s="119">
        <v>1077504</v>
      </c>
      <c r="IQ13" s="119">
        <v>1236734</v>
      </c>
      <c r="IR13" s="119">
        <v>1852692</v>
      </c>
      <c r="IS13" s="119">
        <v>1794659</v>
      </c>
      <c r="IT13" s="141">
        <v>6170912</v>
      </c>
      <c r="IU13" s="321">
        <v>6170912</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48887123</v>
      </c>
      <c r="JL13" s="119">
        <v>40633955</v>
      </c>
      <c r="JM13" s="119">
        <v>27019066</v>
      </c>
      <c r="JN13" s="119">
        <v>12787332</v>
      </c>
      <c r="JO13" s="119">
        <v>6919474</v>
      </c>
      <c r="JP13" s="120">
        <v>136246950</v>
      </c>
      <c r="JQ13" s="321">
        <v>136246950</v>
      </c>
      <c r="JR13" s="142">
        <v>0</v>
      </c>
      <c r="JS13" s="119">
        <v>0</v>
      </c>
      <c r="JT13" s="141">
        <v>0</v>
      </c>
      <c r="JU13" s="118">
        <v>0</v>
      </c>
      <c r="JV13" s="119">
        <v>8250989</v>
      </c>
      <c r="JW13" s="119">
        <v>10619029</v>
      </c>
      <c r="JX13" s="119">
        <v>15046500</v>
      </c>
      <c r="JY13" s="119">
        <v>4789513</v>
      </c>
      <c r="JZ13" s="119">
        <v>2541081</v>
      </c>
      <c r="KA13" s="120">
        <v>41247112</v>
      </c>
      <c r="KB13" s="321">
        <v>41247112</v>
      </c>
      <c r="KC13" s="234">
        <v>426589</v>
      </c>
      <c r="KD13" s="230">
        <v>1103238</v>
      </c>
      <c r="KE13" s="120">
        <v>1529827</v>
      </c>
      <c r="KF13" s="118">
        <v>0</v>
      </c>
      <c r="KG13" s="119">
        <v>7813617</v>
      </c>
      <c r="KH13" s="119">
        <v>9057897</v>
      </c>
      <c r="KI13" s="119">
        <v>7362848</v>
      </c>
      <c r="KJ13" s="119">
        <v>5907546</v>
      </c>
      <c r="KK13" s="119">
        <v>1380806</v>
      </c>
      <c r="KL13" s="120">
        <v>31522714</v>
      </c>
      <c r="KM13" s="143">
        <v>33052541</v>
      </c>
      <c r="KN13" s="232">
        <v>0</v>
      </c>
      <c r="KO13" s="236">
        <v>0</v>
      </c>
      <c r="KP13" s="237">
        <v>0</v>
      </c>
      <c r="KQ13" s="140"/>
      <c r="KR13" s="119">
        <v>32111981</v>
      </c>
      <c r="KS13" s="119">
        <v>40241501</v>
      </c>
      <c r="KT13" s="119">
        <v>52397164</v>
      </c>
      <c r="KU13" s="119">
        <v>36687124</v>
      </c>
      <c r="KV13" s="119">
        <v>20164901</v>
      </c>
      <c r="KW13" s="120">
        <v>181602671</v>
      </c>
      <c r="KX13" s="321">
        <v>181602671</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1">
        <v>0</v>
      </c>
      <c r="LU13" s="142">
        <v>0</v>
      </c>
      <c r="LV13" s="119">
        <v>0</v>
      </c>
      <c r="LW13" s="120">
        <v>0</v>
      </c>
      <c r="LX13" s="145"/>
      <c r="LY13" s="119">
        <v>977843</v>
      </c>
      <c r="LZ13" s="119">
        <v>2751188</v>
      </c>
      <c r="MA13" s="119">
        <v>2287447</v>
      </c>
      <c r="MB13" s="119">
        <v>2635025</v>
      </c>
      <c r="MC13" s="119">
        <v>7418105</v>
      </c>
      <c r="MD13" s="120">
        <v>16069608</v>
      </c>
      <c r="ME13" s="121">
        <v>16069608</v>
      </c>
      <c r="MF13" s="142">
        <v>0</v>
      </c>
      <c r="MG13" s="119">
        <v>0</v>
      </c>
      <c r="MH13" s="120">
        <v>0</v>
      </c>
      <c r="MI13" s="145"/>
      <c r="MJ13" s="119">
        <v>49971205</v>
      </c>
      <c r="MK13" s="119">
        <v>74726774</v>
      </c>
      <c r="ML13" s="119">
        <v>221211106</v>
      </c>
      <c r="MM13" s="119">
        <v>356611367</v>
      </c>
      <c r="MN13" s="119">
        <v>207925145</v>
      </c>
      <c r="MO13" s="120">
        <v>910445597</v>
      </c>
      <c r="MP13" s="143">
        <v>910445597</v>
      </c>
      <c r="MQ13" s="142">
        <v>0</v>
      </c>
      <c r="MR13" s="119">
        <v>0</v>
      </c>
      <c r="MS13" s="120">
        <v>0</v>
      </c>
      <c r="MT13" s="145"/>
      <c r="MU13" s="119">
        <v>5062843</v>
      </c>
      <c r="MV13" s="119">
        <v>12187045</v>
      </c>
      <c r="MW13" s="119">
        <v>143319776</v>
      </c>
      <c r="MX13" s="119">
        <v>266290038</v>
      </c>
      <c r="MY13" s="119">
        <v>167651531</v>
      </c>
      <c r="MZ13" s="120">
        <v>594511233</v>
      </c>
      <c r="NA13" s="143">
        <v>594511233</v>
      </c>
      <c r="NB13" s="142">
        <v>0</v>
      </c>
      <c r="NC13" s="119">
        <v>0</v>
      </c>
      <c r="ND13" s="120">
        <v>0</v>
      </c>
      <c r="NE13" s="145"/>
      <c r="NF13" s="119">
        <v>44908362</v>
      </c>
      <c r="NG13" s="119">
        <v>62539729</v>
      </c>
      <c r="NH13" s="119">
        <v>77186532</v>
      </c>
      <c r="NI13" s="119">
        <v>89233788</v>
      </c>
      <c r="NJ13" s="119">
        <v>37161708</v>
      </c>
      <c r="NK13" s="120">
        <v>311030119</v>
      </c>
      <c r="NL13" s="321">
        <v>311030119</v>
      </c>
      <c r="NM13" s="142">
        <v>0</v>
      </c>
      <c r="NN13" s="119">
        <v>0</v>
      </c>
      <c r="NO13" s="120">
        <v>0</v>
      </c>
      <c r="NP13" s="145"/>
      <c r="NQ13" s="119">
        <v>0</v>
      </c>
      <c r="NR13" s="119">
        <v>0</v>
      </c>
      <c r="NS13" s="119">
        <v>0</v>
      </c>
      <c r="NT13" s="119">
        <v>697653</v>
      </c>
      <c r="NU13" s="119">
        <v>1483137</v>
      </c>
      <c r="NV13" s="120">
        <v>2180790</v>
      </c>
      <c r="NW13" s="121">
        <v>2180790</v>
      </c>
      <c r="NX13" s="142">
        <v>0</v>
      </c>
      <c r="NY13" s="119">
        <v>0</v>
      </c>
      <c r="NZ13" s="120">
        <v>0</v>
      </c>
      <c r="OA13" s="145"/>
      <c r="OB13" s="119">
        <v>0</v>
      </c>
      <c r="OC13" s="119">
        <v>0</v>
      </c>
      <c r="OD13" s="119">
        <v>704798</v>
      </c>
      <c r="OE13" s="119">
        <v>389888</v>
      </c>
      <c r="OF13" s="119">
        <v>1628769</v>
      </c>
      <c r="OG13" s="120">
        <v>2723455</v>
      </c>
      <c r="OH13" s="121">
        <v>2723455</v>
      </c>
      <c r="OI13" s="142">
        <v>15610224</v>
      </c>
      <c r="OJ13" s="119">
        <v>19242489</v>
      </c>
      <c r="OK13" s="141">
        <v>34852713</v>
      </c>
      <c r="OL13" s="118">
        <v>0</v>
      </c>
      <c r="OM13" s="119">
        <v>502702088</v>
      </c>
      <c r="ON13" s="119">
        <v>507720739</v>
      </c>
      <c r="OO13" s="119">
        <v>596711889</v>
      </c>
      <c r="OP13" s="119">
        <v>700450631</v>
      </c>
      <c r="OQ13" s="119">
        <v>438662804</v>
      </c>
      <c r="OR13" s="120">
        <v>2746248151</v>
      </c>
      <c r="OS13" s="143">
        <v>2781100864</v>
      </c>
    </row>
    <row r="14" spans="1:409" ht="18.75" customHeight="1" x14ac:dyDescent="0.2">
      <c r="B14" s="62" t="s">
        <v>8</v>
      </c>
      <c r="C14" s="110">
        <v>12445069</v>
      </c>
      <c r="D14" s="114">
        <v>14931805</v>
      </c>
      <c r="E14" s="113">
        <v>27376874</v>
      </c>
      <c r="F14" s="109">
        <v>0</v>
      </c>
      <c r="G14" s="114">
        <v>142975716</v>
      </c>
      <c r="H14" s="114">
        <v>197811589</v>
      </c>
      <c r="I14" s="114">
        <v>183006418</v>
      </c>
      <c r="J14" s="114">
        <v>151291674</v>
      </c>
      <c r="K14" s="114">
        <v>132723869</v>
      </c>
      <c r="L14" s="109">
        <v>807809266</v>
      </c>
      <c r="M14" s="116">
        <v>835186140</v>
      </c>
      <c r="N14" s="110">
        <v>2110858</v>
      </c>
      <c r="O14" s="114">
        <v>2752767</v>
      </c>
      <c r="P14" s="113">
        <v>4863625</v>
      </c>
      <c r="Q14" s="110">
        <v>0</v>
      </c>
      <c r="R14" s="114">
        <v>37343568</v>
      </c>
      <c r="S14" s="114">
        <v>61648062</v>
      </c>
      <c r="T14" s="114">
        <v>57066037</v>
      </c>
      <c r="U14" s="114">
        <v>56093167</v>
      </c>
      <c r="V14" s="114">
        <v>72452406</v>
      </c>
      <c r="W14" s="113">
        <v>284603240</v>
      </c>
      <c r="X14" s="116">
        <v>289466865</v>
      </c>
      <c r="Y14" s="110">
        <v>0</v>
      </c>
      <c r="Z14" s="114">
        <v>0</v>
      </c>
      <c r="AA14" s="113">
        <v>0</v>
      </c>
      <c r="AB14" s="110">
        <v>0</v>
      </c>
      <c r="AC14" s="114">
        <v>20406977</v>
      </c>
      <c r="AD14" s="114">
        <v>35760606</v>
      </c>
      <c r="AE14" s="114">
        <v>35521869</v>
      </c>
      <c r="AF14" s="114">
        <v>34644464</v>
      </c>
      <c r="AG14" s="114">
        <v>47067686</v>
      </c>
      <c r="AH14" s="113">
        <v>173401602</v>
      </c>
      <c r="AI14" s="116">
        <v>173401602</v>
      </c>
      <c r="AJ14" s="110">
        <v>0</v>
      </c>
      <c r="AK14" s="114">
        <v>0</v>
      </c>
      <c r="AL14" s="113">
        <v>0</v>
      </c>
      <c r="AM14" s="110">
        <v>0</v>
      </c>
      <c r="AN14" s="114">
        <v>197305</v>
      </c>
      <c r="AO14" s="114">
        <v>1001647</v>
      </c>
      <c r="AP14" s="114">
        <v>2310935</v>
      </c>
      <c r="AQ14" s="114">
        <v>3517989</v>
      </c>
      <c r="AR14" s="114">
        <v>7965524</v>
      </c>
      <c r="AS14" s="113">
        <v>14993400</v>
      </c>
      <c r="AT14" s="116">
        <v>14993400</v>
      </c>
      <c r="AU14" s="110">
        <v>1179012</v>
      </c>
      <c r="AV14" s="114">
        <v>1860422</v>
      </c>
      <c r="AW14" s="113">
        <v>3039434</v>
      </c>
      <c r="AX14" s="110">
        <v>0</v>
      </c>
      <c r="AY14" s="114">
        <v>9290076</v>
      </c>
      <c r="AZ14" s="114">
        <v>15303488</v>
      </c>
      <c r="BA14" s="114">
        <v>10624989</v>
      </c>
      <c r="BB14" s="114">
        <v>9964000</v>
      </c>
      <c r="BC14" s="114">
        <v>11208170</v>
      </c>
      <c r="BD14" s="113">
        <v>56390723</v>
      </c>
      <c r="BE14" s="116">
        <v>59430157</v>
      </c>
      <c r="BF14" s="110">
        <v>123522</v>
      </c>
      <c r="BG14" s="114">
        <v>421880</v>
      </c>
      <c r="BH14" s="112">
        <v>545402</v>
      </c>
      <c r="BI14" s="111">
        <v>0</v>
      </c>
      <c r="BJ14" s="114">
        <v>1747186</v>
      </c>
      <c r="BK14" s="114">
        <v>2531753</v>
      </c>
      <c r="BL14" s="114">
        <v>2214691</v>
      </c>
      <c r="BM14" s="114">
        <v>1372215</v>
      </c>
      <c r="BN14" s="114">
        <v>957282</v>
      </c>
      <c r="BO14" s="113">
        <v>8823127</v>
      </c>
      <c r="BP14" s="116">
        <v>9368529</v>
      </c>
      <c r="BQ14" s="110">
        <v>808324</v>
      </c>
      <c r="BR14" s="114">
        <v>470465</v>
      </c>
      <c r="BS14" s="113">
        <v>1278789</v>
      </c>
      <c r="BT14" s="110">
        <v>0</v>
      </c>
      <c r="BU14" s="114">
        <v>5702024</v>
      </c>
      <c r="BV14" s="114">
        <v>7050568</v>
      </c>
      <c r="BW14" s="114">
        <v>6393553</v>
      </c>
      <c r="BX14" s="114">
        <v>6594499</v>
      </c>
      <c r="BY14" s="114">
        <v>5253744</v>
      </c>
      <c r="BZ14" s="113">
        <v>30994388</v>
      </c>
      <c r="CA14" s="116">
        <v>32273177</v>
      </c>
      <c r="CB14" s="110">
        <v>1242576</v>
      </c>
      <c r="CC14" s="114">
        <v>2658615</v>
      </c>
      <c r="CD14" s="113">
        <v>3901191</v>
      </c>
      <c r="CE14" s="110">
        <v>0</v>
      </c>
      <c r="CF14" s="114">
        <v>41789987</v>
      </c>
      <c r="CG14" s="114">
        <v>56432087</v>
      </c>
      <c r="CH14" s="114">
        <v>46693829</v>
      </c>
      <c r="CI14" s="114">
        <v>27284402</v>
      </c>
      <c r="CJ14" s="114">
        <v>17618849</v>
      </c>
      <c r="CK14" s="113">
        <v>189819154</v>
      </c>
      <c r="CL14" s="116">
        <v>193720345</v>
      </c>
      <c r="CM14" s="110">
        <v>0</v>
      </c>
      <c r="CN14" s="114">
        <v>0</v>
      </c>
      <c r="CO14" s="113">
        <v>0</v>
      </c>
      <c r="CP14" s="111">
        <v>0</v>
      </c>
      <c r="CQ14" s="114">
        <v>35866616</v>
      </c>
      <c r="CR14" s="114">
        <v>45722110</v>
      </c>
      <c r="CS14" s="114">
        <v>39582769</v>
      </c>
      <c r="CT14" s="114">
        <v>21967576</v>
      </c>
      <c r="CU14" s="114">
        <v>15899113</v>
      </c>
      <c r="CV14" s="113">
        <v>159038184</v>
      </c>
      <c r="CW14" s="116">
        <v>159038184</v>
      </c>
      <c r="CX14" s="110">
        <v>1242576</v>
      </c>
      <c r="CY14" s="114">
        <v>2658615</v>
      </c>
      <c r="CZ14" s="113">
        <v>3901191</v>
      </c>
      <c r="DA14" s="110">
        <v>0</v>
      </c>
      <c r="DB14" s="114">
        <v>5923371</v>
      </c>
      <c r="DC14" s="114">
        <v>10709977</v>
      </c>
      <c r="DD14" s="114">
        <v>7111060</v>
      </c>
      <c r="DE14" s="114">
        <v>5316826</v>
      </c>
      <c r="DF14" s="114">
        <v>1719736</v>
      </c>
      <c r="DG14" s="113">
        <v>30780970</v>
      </c>
      <c r="DH14" s="116">
        <v>34682161</v>
      </c>
      <c r="DI14" s="110">
        <v>49021</v>
      </c>
      <c r="DJ14" s="114">
        <v>281796</v>
      </c>
      <c r="DK14" s="112">
        <v>330817</v>
      </c>
      <c r="DL14" s="111">
        <v>0</v>
      </c>
      <c r="DM14" s="114">
        <v>4066203</v>
      </c>
      <c r="DN14" s="114">
        <v>10676784</v>
      </c>
      <c r="DO14" s="114">
        <v>24446613</v>
      </c>
      <c r="DP14" s="114">
        <v>16170197</v>
      </c>
      <c r="DQ14" s="114">
        <v>8521158</v>
      </c>
      <c r="DR14" s="113">
        <v>63880955</v>
      </c>
      <c r="DS14" s="116">
        <v>64211772</v>
      </c>
      <c r="DT14" s="110">
        <v>49021</v>
      </c>
      <c r="DU14" s="114">
        <v>281796</v>
      </c>
      <c r="DV14" s="113">
        <v>330817</v>
      </c>
      <c r="DW14" s="110">
        <v>0</v>
      </c>
      <c r="DX14" s="114">
        <v>3966380</v>
      </c>
      <c r="DY14" s="114">
        <v>10430753</v>
      </c>
      <c r="DZ14" s="114">
        <v>23732858</v>
      </c>
      <c r="EA14" s="114">
        <v>15909974</v>
      </c>
      <c r="EB14" s="114">
        <v>8356477</v>
      </c>
      <c r="EC14" s="113">
        <v>62396442</v>
      </c>
      <c r="ED14" s="116">
        <v>62727259</v>
      </c>
      <c r="EE14" s="110">
        <v>0</v>
      </c>
      <c r="EF14" s="112">
        <v>0</v>
      </c>
      <c r="EG14" s="113">
        <v>0</v>
      </c>
      <c r="EH14" s="110">
        <v>0</v>
      </c>
      <c r="EI14" s="114">
        <v>99823</v>
      </c>
      <c r="EJ14" s="114">
        <v>246031</v>
      </c>
      <c r="EK14" s="114">
        <v>713755</v>
      </c>
      <c r="EL14" s="114">
        <v>260223</v>
      </c>
      <c r="EM14" s="114">
        <v>164681</v>
      </c>
      <c r="EN14" s="112">
        <v>1484513</v>
      </c>
      <c r="EO14" s="116">
        <v>1484513</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8"/>
      <c r="FE14" s="114">
        <v>0</v>
      </c>
      <c r="FF14" s="114">
        <v>0</v>
      </c>
      <c r="FG14" s="114">
        <v>0</v>
      </c>
      <c r="FH14" s="114">
        <v>0</v>
      </c>
      <c r="FI14" s="114">
        <v>0</v>
      </c>
      <c r="FJ14" s="113">
        <v>0</v>
      </c>
      <c r="FK14" s="116">
        <v>0</v>
      </c>
      <c r="FL14" s="110">
        <v>3442218</v>
      </c>
      <c r="FM14" s="114">
        <v>4431078</v>
      </c>
      <c r="FN14" s="113">
        <v>7873296</v>
      </c>
      <c r="FO14" s="110">
        <v>0</v>
      </c>
      <c r="FP14" s="114">
        <v>8199806</v>
      </c>
      <c r="FQ14" s="114">
        <v>20177197</v>
      </c>
      <c r="FR14" s="114">
        <v>14373828</v>
      </c>
      <c r="FS14" s="114">
        <v>11853224</v>
      </c>
      <c r="FT14" s="114">
        <v>9405967</v>
      </c>
      <c r="FU14" s="113">
        <v>64010022</v>
      </c>
      <c r="FV14" s="116">
        <v>71883318</v>
      </c>
      <c r="FW14" s="115">
        <v>1881892</v>
      </c>
      <c r="FX14" s="114">
        <v>3640440</v>
      </c>
      <c r="FY14" s="112">
        <v>5522332</v>
      </c>
      <c r="FZ14" s="111">
        <v>0</v>
      </c>
      <c r="GA14" s="114">
        <v>6607843</v>
      </c>
      <c r="GB14" s="114">
        <v>18938191</v>
      </c>
      <c r="GC14" s="114">
        <v>13485000</v>
      </c>
      <c r="GD14" s="114">
        <v>11118253</v>
      </c>
      <c r="GE14" s="114">
        <v>9316775</v>
      </c>
      <c r="GF14" s="113">
        <v>59466062</v>
      </c>
      <c r="GG14" s="319">
        <v>64988394</v>
      </c>
      <c r="GH14" s="115">
        <v>136103</v>
      </c>
      <c r="GI14" s="114">
        <v>162532</v>
      </c>
      <c r="GJ14" s="112">
        <v>298635</v>
      </c>
      <c r="GK14" s="111">
        <v>0</v>
      </c>
      <c r="GL14" s="114">
        <v>389965</v>
      </c>
      <c r="GM14" s="114">
        <v>487911</v>
      </c>
      <c r="GN14" s="114">
        <v>315368</v>
      </c>
      <c r="GO14" s="114">
        <v>371987</v>
      </c>
      <c r="GP14" s="114">
        <v>36000</v>
      </c>
      <c r="GQ14" s="113">
        <v>1601231</v>
      </c>
      <c r="GR14" s="116">
        <v>1899866</v>
      </c>
      <c r="GS14" s="110">
        <v>1424223</v>
      </c>
      <c r="GT14" s="114">
        <v>628106</v>
      </c>
      <c r="GU14" s="113">
        <v>2052329</v>
      </c>
      <c r="GV14" s="110">
        <v>0</v>
      </c>
      <c r="GW14" s="114">
        <v>1201998</v>
      </c>
      <c r="GX14" s="114">
        <v>751095</v>
      </c>
      <c r="GY14" s="114">
        <v>573460</v>
      </c>
      <c r="GZ14" s="114">
        <v>362984</v>
      </c>
      <c r="HA14" s="114">
        <v>53192</v>
      </c>
      <c r="HB14" s="112">
        <v>2942729</v>
      </c>
      <c r="HC14" s="116">
        <v>4995058</v>
      </c>
      <c r="HD14" s="110">
        <v>3321577</v>
      </c>
      <c r="HE14" s="114">
        <v>1719393</v>
      </c>
      <c r="HF14" s="112">
        <v>5040970</v>
      </c>
      <c r="HG14" s="111">
        <v>0</v>
      </c>
      <c r="HH14" s="114">
        <v>26155448</v>
      </c>
      <c r="HI14" s="114">
        <v>21457040</v>
      </c>
      <c r="HJ14" s="114">
        <v>21055713</v>
      </c>
      <c r="HK14" s="114">
        <v>28202045</v>
      </c>
      <c r="HL14" s="114">
        <v>16749619</v>
      </c>
      <c r="HM14" s="113">
        <v>113619865</v>
      </c>
      <c r="HN14" s="109">
        <v>118660835</v>
      </c>
      <c r="HO14" s="115">
        <v>2278819</v>
      </c>
      <c r="HP14" s="114">
        <v>3088156</v>
      </c>
      <c r="HQ14" s="113">
        <v>5366975</v>
      </c>
      <c r="HR14" s="110">
        <v>0</v>
      </c>
      <c r="HS14" s="114">
        <v>25420704</v>
      </c>
      <c r="HT14" s="114">
        <v>27420419</v>
      </c>
      <c r="HU14" s="114">
        <v>19370398</v>
      </c>
      <c r="HV14" s="114">
        <v>11688639</v>
      </c>
      <c r="HW14" s="114">
        <v>7975870</v>
      </c>
      <c r="HX14" s="112">
        <v>91876030</v>
      </c>
      <c r="HY14" s="116">
        <v>97243005</v>
      </c>
      <c r="HZ14" s="131">
        <v>422401</v>
      </c>
      <c r="IA14" s="132">
        <v>1094128</v>
      </c>
      <c r="IB14" s="133">
        <v>1516529</v>
      </c>
      <c r="IC14" s="134">
        <v>0</v>
      </c>
      <c r="ID14" s="135">
        <v>59825949</v>
      </c>
      <c r="IE14" s="136">
        <v>72102877</v>
      </c>
      <c r="IF14" s="137">
        <v>73783280</v>
      </c>
      <c r="IG14" s="135">
        <v>55900616</v>
      </c>
      <c r="IH14" s="137">
        <v>28488559</v>
      </c>
      <c r="II14" s="138">
        <v>290101281</v>
      </c>
      <c r="IJ14" s="139">
        <v>291617810</v>
      </c>
      <c r="IK14" s="232">
        <v>0</v>
      </c>
      <c r="IL14" s="236">
        <v>0</v>
      </c>
      <c r="IM14" s="237">
        <v>0</v>
      </c>
      <c r="IN14" s="140"/>
      <c r="IO14" s="119">
        <v>241181</v>
      </c>
      <c r="IP14" s="119">
        <v>1186043</v>
      </c>
      <c r="IQ14" s="119">
        <v>805890</v>
      </c>
      <c r="IR14" s="119">
        <v>1971008</v>
      </c>
      <c r="IS14" s="119">
        <v>601816</v>
      </c>
      <c r="IT14" s="141">
        <v>4805938</v>
      </c>
      <c r="IU14" s="321">
        <v>4805938</v>
      </c>
      <c r="IV14" s="142">
        <v>0</v>
      </c>
      <c r="IW14" s="119">
        <v>0</v>
      </c>
      <c r="IX14" s="120">
        <v>0</v>
      </c>
      <c r="IY14" s="144"/>
      <c r="IZ14" s="119">
        <v>18566</v>
      </c>
      <c r="JA14" s="119">
        <v>54851</v>
      </c>
      <c r="JB14" s="119">
        <v>0</v>
      </c>
      <c r="JC14" s="119">
        <v>35138</v>
      </c>
      <c r="JD14" s="119">
        <v>153822</v>
      </c>
      <c r="JE14" s="120">
        <v>262377</v>
      </c>
      <c r="JF14" s="121">
        <v>262377</v>
      </c>
      <c r="JG14" s="142">
        <v>0</v>
      </c>
      <c r="JH14" s="119">
        <v>0</v>
      </c>
      <c r="JI14" s="141">
        <v>0</v>
      </c>
      <c r="JJ14" s="118">
        <v>0</v>
      </c>
      <c r="JK14" s="119">
        <v>28763700</v>
      </c>
      <c r="JL14" s="119">
        <v>34109375</v>
      </c>
      <c r="JM14" s="119">
        <v>25775899</v>
      </c>
      <c r="JN14" s="119">
        <v>16380930</v>
      </c>
      <c r="JO14" s="119">
        <v>7324412</v>
      </c>
      <c r="JP14" s="120">
        <v>112354316</v>
      </c>
      <c r="JQ14" s="321">
        <v>112354316</v>
      </c>
      <c r="JR14" s="142">
        <v>0</v>
      </c>
      <c r="JS14" s="119">
        <v>0</v>
      </c>
      <c r="JT14" s="141">
        <v>0</v>
      </c>
      <c r="JU14" s="118">
        <v>0</v>
      </c>
      <c r="JV14" s="119">
        <v>799346</v>
      </c>
      <c r="JW14" s="119">
        <v>1354597</v>
      </c>
      <c r="JX14" s="119">
        <v>1015746</v>
      </c>
      <c r="JY14" s="119">
        <v>706641</v>
      </c>
      <c r="JZ14" s="119">
        <v>1280720</v>
      </c>
      <c r="KA14" s="120">
        <v>5157050</v>
      </c>
      <c r="KB14" s="321">
        <v>5157050</v>
      </c>
      <c r="KC14" s="234">
        <v>422401</v>
      </c>
      <c r="KD14" s="230">
        <v>1094128</v>
      </c>
      <c r="KE14" s="120">
        <v>1516529</v>
      </c>
      <c r="KF14" s="118">
        <v>0</v>
      </c>
      <c r="KG14" s="119">
        <v>11870844</v>
      </c>
      <c r="KH14" s="119">
        <v>10523645</v>
      </c>
      <c r="KI14" s="119">
        <v>12575690</v>
      </c>
      <c r="KJ14" s="119">
        <v>8450774</v>
      </c>
      <c r="KK14" s="119">
        <v>2316317</v>
      </c>
      <c r="KL14" s="120">
        <v>45737270</v>
      </c>
      <c r="KM14" s="143">
        <v>47253799</v>
      </c>
      <c r="KN14" s="232">
        <v>0</v>
      </c>
      <c r="KO14" s="236">
        <v>0</v>
      </c>
      <c r="KP14" s="237">
        <v>0</v>
      </c>
      <c r="KQ14" s="140"/>
      <c r="KR14" s="119">
        <v>15606398</v>
      </c>
      <c r="KS14" s="119">
        <v>19705180</v>
      </c>
      <c r="KT14" s="119">
        <v>22856945</v>
      </c>
      <c r="KU14" s="119">
        <v>17200818</v>
      </c>
      <c r="KV14" s="119">
        <v>10385396</v>
      </c>
      <c r="KW14" s="120">
        <v>85754737</v>
      </c>
      <c r="KX14" s="321">
        <v>85754737</v>
      </c>
      <c r="KY14" s="142">
        <v>0</v>
      </c>
      <c r="KZ14" s="119">
        <v>0</v>
      </c>
      <c r="LA14" s="120">
        <v>0</v>
      </c>
      <c r="LB14" s="145"/>
      <c r="LC14" s="119">
        <v>208047</v>
      </c>
      <c r="LD14" s="119">
        <v>1956626</v>
      </c>
      <c r="LE14" s="119">
        <v>2413455</v>
      </c>
      <c r="LF14" s="119">
        <v>3245530</v>
      </c>
      <c r="LG14" s="119">
        <v>542318</v>
      </c>
      <c r="LH14" s="120">
        <v>8365976</v>
      </c>
      <c r="LI14" s="121">
        <v>8365976</v>
      </c>
      <c r="LJ14" s="142">
        <v>0</v>
      </c>
      <c r="LK14" s="119">
        <v>0</v>
      </c>
      <c r="LL14" s="120">
        <v>0</v>
      </c>
      <c r="LM14" s="145"/>
      <c r="LN14" s="119">
        <v>0</v>
      </c>
      <c r="LO14" s="119">
        <v>423985</v>
      </c>
      <c r="LP14" s="119">
        <v>4467976</v>
      </c>
      <c r="LQ14" s="119">
        <v>5115498</v>
      </c>
      <c r="LR14" s="119">
        <v>3521831</v>
      </c>
      <c r="LS14" s="120">
        <v>13529290</v>
      </c>
      <c r="LT14" s="321">
        <v>13529290</v>
      </c>
      <c r="LU14" s="142">
        <v>0</v>
      </c>
      <c r="LV14" s="119">
        <v>0</v>
      </c>
      <c r="LW14" s="120">
        <v>0</v>
      </c>
      <c r="LX14" s="145"/>
      <c r="LY14" s="119">
        <v>2317867</v>
      </c>
      <c r="LZ14" s="119">
        <v>2788575</v>
      </c>
      <c r="MA14" s="119">
        <v>3871679</v>
      </c>
      <c r="MB14" s="119">
        <v>2794279</v>
      </c>
      <c r="MC14" s="119">
        <v>2361927</v>
      </c>
      <c r="MD14" s="120">
        <v>14134327</v>
      </c>
      <c r="ME14" s="121">
        <v>14134327</v>
      </c>
      <c r="MF14" s="142">
        <v>0</v>
      </c>
      <c r="MG14" s="119">
        <v>0</v>
      </c>
      <c r="MH14" s="120">
        <v>0</v>
      </c>
      <c r="MI14" s="145"/>
      <c r="MJ14" s="119">
        <v>19999321</v>
      </c>
      <c r="MK14" s="119">
        <v>42880770</v>
      </c>
      <c r="ML14" s="119">
        <v>135961603</v>
      </c>
      <c r="MM14" s="119">
        <v>150834436</v>
      </c>
      <c r="MN14" s="119">
        <v>90572813</v>
      </c>
      <c r="MO14" s="120">
        <v>440248943</v>
      </c>
      <c r="MP14" s="143">
        <v>440248943</v>
      </c>
      <c r="MQ14" s="142">
        <v>0</v>
      </c>
      <c r="MR14" s="119">
        <v>0</v>
      </c>
      <c r="MS14" s="120">
        <v>0</v>
      </c>
      <c r="MT14" s="145"/>
      <c r="MU14" s="119">
        <v>5619594</v>
      </c>
      <c r="MV14" s="119">
        <v>14095973</v>
      </c>
      <c r="MW14" s="119">
        <v>88551638</v>
      </c>
      <c r="MX14" s="119">
        <v>103154909</v>
      </c>
      <c r="MY14" s="119">
        <v>67346180</v>
      </c>
      <c r="MZ14" s="120">
        <v>278768294</v>
      </c>
      <c r="NA14" s="143">
        <v>278768294</v>
      </c>
      <c r="NB14" s="142">
        <v>0</v>
      </c>
      <c r="NC14" s="119">
        <v>0</v>
      </c>
      <c r="ND14" s="120">
        <v>0</v>
      </c>
      <c r="NE14" s="145"/>
      <c r="NF14" s="119">
        <v>14155987</v>
      </c>
      <c r="NG14" s="119">
        <v>28784797</v>
      </c>
      <c r="NH14" s="119">
        <v>47414199</v>
      </c>
      <c r="NI14" s="119">
        <v>43742059</v>
      </c>
      <c r="NJ14" s="119">
        <v>19881585</v>
      </c>
      <c r="NK14" s="120">
        <v>153978627</v>
      </c>
      <c r="NL14" s="321">
        <v>153978627</v>
      </c>
      <c r="NM14" s="142">
        <v>0</v>
      </c>
      <c r="NN14" s="119">
        <v>0</v>
      </c>
      <c r="NO14" s="120">
        <v>0</v>
      </c>
      <c r="NP14" s="145"/>
      <c r="NQ14" s="119">
        <v>0</v>
      </c>
      <c r="NR14" s="119">
        <v>0</v>
      </c>
      <c r="NS14" s="119">
        <v>0</v>
      </c>
      <c r="NT14" s="119">
        <v>653081</v>
      </c>
      <c r="NU14" s="119">
        <v>0</v>
      </c>
      <c r="NV14" s="120">
        <v>653081</v>
      </c>
      <c r="NW14" s="121">
        <v>653081</v>
      </c>
      <c r="NX14" s="142">
        <v>0</v>
      </c>
      <c r="NY14" s="119">
        <v>0</v>
      </c>
      <c r="NZ14" s="120">
        <v>0</v>
      </c>
      <c r="OA14" s="145"/>
      <c r="OB14" s="119">
        <v>223740</v>
      </c>
      <c r="OC14" s="119">
        <v>0</v>
      </c>
      <c r="OD14" s="119">
        <v>-4234</v>
      </c>
      <c r="OE14" s="119">
        <v>3284387</v>
      </c>
      <c r="OF14" s="119">
        <v>3345048</v>
      </c>
      <c r="OG14" s="120">
        <v>6848941</v>
      </c>
      <c r="OH14" s="121">
        <v>6848941</v>
      </c>
      <c r="OI14" s="142">
        <v>12867470</v>
      </c>
      <c r="OJ14" s="119">
        <v>16025933</v>
      </c>
      <c r="OK14" s="141">
        <v>28893403</v>
      </c>
      <c r="OL14" s="118">
        <v>0</v>
      </c>
      <c r="OM14" s="119">
        <v>222800986</v>
      </c>
      <c r="ON14" s="119">
        <v>312795236</v>
      </c>
      <c r="OO14" s="119">
        <v>392751301</v>
      </c>
      <c r="OP14" s="119">
        <v>358026726</v>
      </c>
      <c r="OQ14" s="119">
        <v>251785241</v>
      </c>
      <c r="OR14" s="120">
        <v>1538159490</v>
      </c>
      <c r="OS14" s="143">
        <v>1567052893</v>
      </c>
    </row>
    <row r="15" spans="1:409" ht="18.75" customHeight="1" x14ac:dyDescent="0.2">
      <c r="B15" s="62" t="s">
        <v>9</v>
      </c>
      <c r="C15" s="110">
        <v>10248933</v>
      </c>
      <c r="D15" s="114">
        <v>15305528</v>
      </c>
      <c r="E15" s="113">
        <v>25554461</v>
      </c>
      <c r="F15" s="111">
        <v>0</v>
      </c>
      <c r="G15" s="114">
        <v>145595269</v>
      </c>
      <c r="H15" s="114">
        <v>152283018</v>
      </c>
      <c r="I15" s="114">
        <v>148416366</v>
      </c>
      <c r="J15" s="114">
        <v>169943358</v>
      </c>
      <c r="K15" s="114">
        <v>128737593</v>
      </c>
      <c r="L15" s="109">
        <v>744975604</v>
      </c>
      <c r="M15" s="116">
        <v>770530065</v>
      </c>
      <c r="N15" s="110">
        <v>1716808</v>
      </c>
      <c r="O15" s="114">
        <v>3178640</v>
      </c>
      <c r="P15" s="113">
        <v>4895448</v>
      </c>
      <c r="Q15" s="110">
        <v>0</v>
      </c>
      <c r="R15" s="114">
        <v>42380830</v>
      </c>
      <c r="S15" s="114">
        <v>48784115</v>
      </c>
      <c r="T15" s="114">
        <v>50237274</v>
      </c>
      <c r="U15" s="114">
        <v>72529346</v>
      </c>
      <c r="V15" s="114">
        <v>69050708</v>
      </c>
      <c r="W15" s="113">
        <v>282982273</v>
      </c>
      <c r="X15" s="116">
        <v>287877721</v>
      </c>
      <c r="Y15" s="110">
        <v>0</v>
      </c>
      <c r="Z15" s="114">
        <v>0</v>
      </c>
      <c r="AA15" s="113">
        <v>0</v>
      </c>
      <c r="AB15" s="110">
        <v>0</v>
      </c>
      <c r="AC15" s="114">
        <v>20243466</v>
      </c>
      <c r="AD15" s="114">
        <v>26602311</v>
      </c>
      <c r="AE15" s="114">
        <v>29317447</v>
      </c>
      <c r="AF15" s="114">
        <v>48923353</v>
      </c>
      <c r="AG15" s="114">
        <v>43579987</v>
      </c>
      <c r="AH15" s="113">
        <v>168666564</v>
      </c>
      <c r="AI15" s="116">
        <v>168666564</v>
      </c>
      <c r="AJ15" s="110">
        <v>0</v>
      </c>
      <c r="AK15" s="114">
        <v>0</v>
      </c>
      <c r="AL15" s="113">
        <v>0</v>
      </c>
      <c r="AM15" s="110">
        <v>0</v>
      </c>
      <c r="AN15" s="114">
        <v>337185</v>
      </c>
      <c r="AO15" s="114">
        <v>255465</v>
      </c>
      <c r="AP15" s="114">
        <v>1025257</v>
      </c>
      <c r="AQ15" s="114">
        <v>3037945</v>
      </c>
      <c r="AR15" s="114">
        <v>6969781</v>
      </c>
      <c r="AS15" s="113">
        <v>11625633</v>
      </c>
      <c r="AT15" s="116">
        <v>11625633</v>
      </c>
      <c r="AU15" s="110">
        <v>719394</v>
      </c>
      <c r="AV15" s="114">
        <v>1930945</v>
      </c>
      <c r="AW15" s="113">
        <v>2650339</v>
      </c>
      <c r="AX15" s="110">
        <v>0</v>
      </c>
      <c r="AY15" s="114">
        <v>13321125</v>
      </c>
      <c r="AZ15" s="114">
        <v>13330564</v>
      </c>
      <c r="BA15" s="114">
        <v>10787958</v>
      </c>
      <c r="BB15" s="114">
        <v>11045220</v>
      </c>
      <c r="BC15" s="114">
        <v>11403276</v>
      </c>
      <c r="BD15" s="113">
        <v>59888143</v>
      </c>
      <c r="BE15" s="116">
        <v>62538482</v>
      </c>
      <c r="BF15" s="110">
        <v>112011</v>
      </c>
      <c r="BG15" s="114">
        <v>483313</v>
      </c>
      <c r="BH15" s="112">
        <v>595324</v>
      </c>
      <c r="BI15" s="111">
        <v>0</v>
      </c>
      <c r="BJ15" s="114">
        <v>1768797</v>
      </c>
      <c r="BK15" s="114">
        <v>1626522</v>
      </c>
      <c r="BL15" s="114">
        <v>1459574</v>
      </c>
      <c r="BM15" s="114">
        <v>1454476</v>
      </c>
      <c r="BN15" s="114">
        <v>1355228</v>
      </c>
      <c r="BO15" s="113">
        <v>7664597</v>
      </c>
      <c r="BP15" s="116">
        <v>8259921</v>
      </c>
      <c r="BQ15" s="110">
        <v>885403</v>
      </c>
      <c r="BR15" s="114">
        <v>764382</v>
      </c>
      <c r="BS15" s="113">
        <v>1649785</v>
      </c>
      <c r="BT15" s="110">
        <v>0</v>
      </c>
      <c r="BU15" s="114">
        <v>6710257</v>
      </c>
      <c r="BV15" s="114">
        <v>6969253</v>
      </c>
      <c r="BW15" s="114">
        <v>7647038</v>
      </c>
      <c r="BX15" s="114">
        <v>8068352</v>
      </c>
      <c r="BY15" s="114">
        <v>5742436</v>
      </c>
      <c r="BZ15" s="113">
        <v>35137336</v>
      </c>
      <c r="CA15" s="116">
        <v>36787121</v>
      </c>
      <c r="CB15" s="110">
        <v>860107</v>
      </c>
      <c r="CC15" s="114">
        <v>2380698</v>
      </c>
      <c r="CD15" s="113">
        <v>3240805</v>
      </c>
      <c r="CE15" s="110">
        <v>0</v>
      </c>
      <c r="CF15" s="114">
        <v>32419217</v>
      </c>
      <c r="CG15" s="114">
        <v>32766298</v>
      </c>
      <c r="CH15" s="114">
        <v>26314908</v>
      </c>
      <c r="CI15" s="114">
        <v>20793767</v>
      </c>
      <c r="CJ15" s="114">
        <v>8037137</v>
      </c>
      <c r="CK15" s="113">
        <v>120331327</v>
      </c>
      <c r="CL15" s="116">
        <v>123572132</v>
      </c>
      <c r="CM15" s="110">
        <v>0</v>
      </c>
      <c r="CN15" s="114">
        <v>0</v>
      </c>
      <c r="CO15" s="113">
        <v>0</v>
      </c>
      <c r="CP15" s="111">
        <v>0</v>
      </c>
      <c r="CQ15" s="114">
        <v>26894476</v>
      </c>
      <c r="CR15" s="114">
        <v>25762802</v>
      </c>
      <c r="CS15" s="114">
        <v>21856112</v>
      </c>
      <c r="CT15" s="114">
        <v>14391797</v>
      </c>
      <c r="CU15" s="114">
        <v>6558556</v>
      </c>
      <c r="CV15" s="113">
        <v>95463743</v>
      </c>
      <c r="CW15" s="116">
        <v>95463743</v>
      </c>
      <c r="CX15" s="110">
        <v>860107</v>
      </c>
      <c r="CY15" s="114">
        <v>2380698</v>
      </c>
      <c r="CZ15" s="113">
        <v>3240805</v>
      </c>
      <c r="DA15" s="110">
        <v>0</v>
      </c>
      <c r="DB15" s="114">
        <v>5524741</v>
      </c>
      <c r="DC15" s="114">
        <v>7003496</v>
      </c>
      <c r="DD15" s="114">
        <v>4458796</v>
      </c>
      <c r="DE15" s="114">
        <v>6401970</v>
      </c>
      <c r="DF15" s="114">
        <v>1478581</v>
      </c>
      <c r="DG15" s="113">
        <v>24867584</v>
      </c>
      <c r="DH15" s="116">
        <v>28108389</v>
      </c>
      <c r="DI15" s="110">
        <v>93812</v>
      </c>
      <c r="DJ15" s="114">
        <v>57455</v>
      </c>
      <c r="DK15" s="112">
        <v>151267</v>
      </c>
      <c r="DL15" s="111">
        <v>0</v>
      </c>
      <c r="DM15" s="114">
        <v>3941918</v>
      </c>
      <c r="DN15" s="114">
        <v>8951860</v>
      </c>
      <c r="DO15" s="114">
        <v>16635919</v>
      </c>
      <c r="DP15" s="114">
        <v>18447248</v>
      </c>
      <c r="DQ15" s="114">
        <v>9157538</v>
      </c>
      <c r="DR15" s="113">
        <v>57134483</v>
      </c>
      <c r="DS15" s="116">
        <v>57285750</v>
      </c>
      <c r="DT15" s="110">
        <v>59279</v>
      </c>
      <c r="DU15" s="114">
        <v>57455</v>
      </c>
      <c r="DV15" s="113">
        <v>116734</v>
      </c>
      <c r="DW15" s="110">
        <v>0</v>
      </c>
      <c r="DX15" s="114">
        <v>3478302</v>
      </c>
      <c r="DY15" s="114">
        <v>7874812</v>
      </c>
      <c r="DZ15" s="114">
        <v>14317678</v>
      </c>
      <c r="EA15" s="114">
        <v>16352720</v>
      </c>
      <c r="EB15" s="114">
        <v>8001960</v>
      </c>
      <c r="EC15" s="113">
        <v>50025472</v>
      </c>
      <c r="ED15" s="116">
        <v>50142206</v>
      </c>
      <c r="EE15" s="110">
        <v>34533</v>
      </c>
      <c r="EF15" s="112">
        <v>0</v>
      </c>
      <c r="EG15" s="113">
        <v>34533</v>
      </c>
      <c r="EH15" s="110">
        <v>0</v>
      </c>
      <c r="EI15" s="114">
        <v>463616</v>
      </c>
      <c r="EJ15" s="114">
        <v>1077048</v>
      </c>
      <c r="EK15" s="114">
        <v>2318241</v>
      </c>
      <c r="EL15" s="114">
        <v>2094528</v>
      </c>
      <c r="EM15" s="114">
        <v>1155578</v>
      </c>
      <c r="EN15" s="112">
        <v>7109011</v>
      </c>
      <c r="EO15" s="116">
        <v>7143544</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8"/>
      <c r="FE15" s="114">
        <v>0</v>
      </c>
      <c r="FF15" s="114">
        <v>0</v>
      </c>
      <c r="FG15" s="114">
        <v>0</v>
      </c>
      <c r="FH15" s="114">
        <v>0</v>
      </c>
      <c r="FI15" s="114">
        <v>0</v>
      </c>
      <c r="FJ15" s="113">
        <v>0</v>
      </c>
      <c r="FK15" s="116">
        <v>0</v>
      </c>
      <c r="FL15" s="110">
        <v>2957327</v>
      </c>
      <c r="FM15" s="114">
        <v>3700042</v>
      </c>
      <c r="FN15" s="113">
        <v>6657369</v>
      </c>
      <c r="FO15" s="110">
        <v>0</v>
      </c>
      <c r="FP15" s="114">
        <v>9595992</v>
      </c>
      <c r="FQ15" s="114">
        <v>12484642</v>
      </c>
      <c r="FR15" s="114">
        <v>10645649</v>
      </c>
      <c r="FS15" s="114">
        <v>11979869</v>
      </c>
      <c r="FT15" s="114">
        <v>8428655</v>
      </c>
      <c r="FU15" s="113">
        <v>53134807</v>
      </c>
      <c r="FV15" s="116">
        <v>59792176</v>
      </c>
      <c r="FW15" s="115">
        <v>1858308</v>
      </c>
      <c r="FX15" s="114">
        <v>2613273</v>
      </c>
      <c r="FY15" s="112">
        <v>4471581</v>
      </c>
      <c r="FZ15" s="111">
        <v>0</v>
      </c>
      <c r="GA15" s="114">
        <v>7563632</v>
      </c>
      <c r="GB15" s="114">
        <v>12080957</v>
      </c>
      <c r="GC15" s="114">
        <v>10140707</v>
      </c>
      <c r="GD15" s="114">
        <v>11503266</v>
      </c>
      <c r="GE15" s="114">
        <v>7908827</v>
      </c>
      <c r="GF15" s="113">
        <v>49197389</v>
      </c>
      <c r="GG15" s="319">
        <v>53668970</v>
      </c>
      <c r="GH15" s="115">
        <v>150649</v>
      </c>
      <c r="GI15" s="114">
        <v>114565</v>
      </c>
      <c r="GJ15" s="112">
        <v>265214</v>
      </c>
      <c r="GK15" s="111">
        <v>0</v>
      </c>
      <c r="GL15" s="114">
        <v>405017</v>
      </c>
      <c r="GM15" s="114">
        <v>100885</v>
      </c>
      <c r="GN15" s="114">
        <v>212292</v>
      </c>
      <c r="GO15" s="114">
        <v>143803</v>
      </c>
      <c r="GP15" s="114">
        <v>57213</v>
      </c>
      <c r="GQ15" s="113">
        <v>919210</v>
      </c>
      <c r="GR15" s="116">
        <v>1184424</v>
      </c>
      <c r="GS15" s="110">
        <v>948370</v>
      </c>
      <c r="GT15" s="114">
        <v>972204</v>
      </c>
      <c r="GU15" s="113">
        <v>1920574</v>
      </c>
      <c r="GV15" s="110">
        <v>0</v>
      </c>
      <c r="GW15" s="114">
        <v>1627343</v>
      </c>
      <c r="GX15" s="114">
        <v>302800</v>
      </c>
      <c r="GY15" s="114">
        <v>292650</v>
      </c>
      <c r="GZ15" s="114">
        <v>332800</v>
      </c>
      <c r="HA15" s="114">
        <v>462615</v>
      </c>
      <c r="HB15" s="112">
        <v>3018208</v>
      </c>
      <c r="HC15" s="116">
        <v>4938782</v>
      </c>
      <c r="HD15" s="110">
        <v>2623367</v>
      </c>
      <c r="HE15" s="114">
        <v>3350913</v>
      </c>
      <c r="HF15" s="112">
        <v>5974280</v>
      </c>
      <c r="HG15" s="111">
        <v>0</v>
      </c>
      <c r="HH15" s="114">
        <v>31457298</v>
      </c>
      <c r="HI15" s="114">
        <v>29869685</v>
      </c>
      <c r="HJ15" s="114">
        <v>30791846</v>
      </c>
      <c r="HK15" s="114">
        <v>34787933</v>
      </c>
      <c r="HL15" s="114">
        <v>27200291</v>
      </c>
      <c r="HM15" s="113">
        <v>154107053</v>
      </c>
      <c r="HN15" s="109">
        <v>160081333</v>
      </c>
      <c r="HO15" s="115">
        <v>1997512</v>
      </c>
      <c r="HP15" s="114">
        <v>2637780</v>
      </c>
      <c r="HQ15" s="113">
        <v>4635292</v>
      </c>
      <c r="HR15" s="110">
        <v>0</v>
      </c>
      <c r="HS15" s="114">
        <v>25800014</v>
      </c>
      <c r="HT15" s="114">
        <v>19426418</v>
      </c>
      <c r="HU15" s="114">
        <v>13790770</v>
      </c>
      <c r="HV15" s="114">
        <v>11405195</v>
      </c>
      <c r="HW15" s="114">
        <v>6863264</v>
      </c>
      <c r="HX15" s="112">
        <v>77285661</v>
      </c>
      <c r="HY15" s="116">
        <v>81920953</v>
      </c>
      <c r="HZ15" s="128">
        <v>193805</v>
      </c>
      <c r="IA15" s="149">
        <v>696708</v>
      </c>
      <c r="IB15" s="129">
        <v>890513</v>
      </c>
      <c r="IC15" s="146">
        <v>0</v>
      </c>
      <c r="ID15" s="132">
        <v>31038145</v>
      </c>
      <c r="IE15" s="147">
        <v>39357661</v>
      </c>
      <c r="IF15" s="133">
        <v>49518701</v>
      </c>
      <c r="IG15" s="132">
        <v>34182720</v>
      </c>
      <c r="IH15" s="133">
        <v>16615915</v>
      </c>
      <c r="II15" s="148">
        <v>170713142</v>
      </c>
      <c r="IJ15" s="130">
        <v>171603655</v>
      </c>
      <c r="IK15" s="232">
        <v>0</v>
      </c>
      <c r="IL15" s="236">
        <v>0</v>
      </c>
      <c r="IM15" s="237">
        <v>0</v>
      </c>
      <c r="IN15" s="140"/>
      <c r="IO15" s="119">
        <v>69791</v>
      </c>
      <c r="IP15" s="119">
        <v>753063</v>
      </c>
      <c r="IQ15" s="119">
        <v>426252</v>
      </c>
      <c r="IR15" s="119">
        <v>3078444</v>
      </c>
      <c r="IS15" s="119">
        <v>933787</v>
      </c>
      <c r="IT15" s="141">
        <v>5261337</v>
      </c>
      <c r="IU15" s="321">
        <v>5261337</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7706928</v>
      </c>
      <c r="JL15" s="119">
        <v>17538513</v>
      </c>
      <c r="JM15" s="119">
        <v>16832819</v>
      </c>
      <c r="JN15" s="119">
        <v>7742840</v>
      </c>
      <c r="JO15" s="119">
        <v>3016966</v>
      </c>
      <c r="JP15" s="120">
        <v>62838066</v>
      </c>
      <c r="JQ15" s="321">
        <v>62838066</v>
      </c>
      <c r="JR15" s="142">
        <v>0</v>
      </c>
      <c r="JS15" s="119">
        <v>0</v>
      </c>
      <c r="JT15" s="141">
        <v>0</v>
      </c>
      <c r="JU15" s="118">
        <v>0</v>
      </c>
      <c r="JV15" s="119">
        <v>524634</v>
      </c>
      <c r="JW15" s="119">
        <v>758486</v>
      </c>
      <c r="JX15" s="119">
        <v>622501</v>
      </c>
      <c r="JY15" s="119">
        <v>580777</v>
      </c>
      <c r="JZ15" s="119">
        <v>652522</v>
      </c>
      <c r="KA15" s="120">
        <v>3138920</v>
      </c>
      <c r="KB15" s="321">
        <v>3138920</v>
      </c>
      <c r="KC15" s="234">
        <v>193805</v>
      </c>
      <c r="KD15" s="230">
        <v>443192</v>
      </c>
      <c r="KE15" s="120">
        <v>636997</v>
      </c>
      <c r="KF15" s="118">
        <v>0</v>
      </c>
      <c r="KG15" s="119">
        <v>4818544</v>
      </c>
      <c r="KH15" s="119">
        <v>7456666</v>
      </c>
      <c r="KI15" s="119">
        <v>5287473</v>
      </c>
      <c r="KJ15" s="119">
        <v>6731561</v>
      </c>
      <c r="KK15" s="119">
        <v>1634317</v>
      </c>
      <c r="KL15" s="120">
        <v>25928561</v>
      </c>
      <c r="KM15" s="143">
        <v>26565558</v>
      </c>
      <c r="KN15" s="232">
        <v>0</v>
      </c>
      <c r="KO15" s="236">
        <v>253516</v>
      </c>
      <c r="KP15" s="237">
        <v>253516</v>
      </c>
      <c r="KQ15" s="140"/>
      <c r="KR15" s="119">
        <v>6189586</v>
      </c>
      <c r="KS15" s="119">
        <v>11052343</v>
      </c>
      <c r="KT15" s="119">
        <v>22066605</v>
      </c>
      <c r="KU15" s="119">
        <v>10108297</v>
      </c>
      <c r="KV15" s="119">
        <v>5878713</v>
      </c>
      <c r="KW15" s="120">
        <v>55295544</v>
      </c>
      <c r="KX15" s="321">
        <v>55549060</v>
      </c>
      <c r="KY15" s="142">
        <v>0</v>
      </c>
      <c r="KZ15" s="119">
        <v>0</v>
      </c>
      <c r="LA15" s="120">
        <v>0</v>
      </c>
      <c r="LB15" s="145"/>
      <c r="LC15" s="119">
        <v>704686</v>
      </c>
      <c r="LD15" s="119">
        <v>1457714</v>
      </c>
      <c r="LE15" s="119">
        <v>976316</v>
      </c>
      <c r="LF15" s="119">
        <v>878507</v>
      </c>
      <c r="LG15" s="119">
        <v>1072955</v>
      </c>
      <c r="LH15" s="120">
        <v>5090178</v>
      </c>
      <c r="LI15" s="121">
        <v>5090178</v>
      </c>
      <c r="LJ15" s="142">
        <v>0</v>
      </c>
      <c r="LK15" s="119">
        <v>0</v>
      </c>
      <c r="LL15" s="120">
        <v>0</v>
      </c>
      <c r="LM15" s="145"/>
      <c r="LN15" s="119">
        <v>0</v>
      </c>
      <c r="LO15" s="119">
        <v>0</v>
      </c>
      <c r="LP15" s="119">
        <v>0</v>
      </c>
      <c r="LQ15" s="119">
        <v>325122</v>
      </c>
      <c r="LR15" s="119">
        <v>0</v>
      </c>
      <c r="LS15" s="120">
        <v>325122</v>
      </c>
      <c r="LT15" s="321">
        <v>325122</v>
      </c>
      <c r="LU15" s="142">
        <v>0</v>
      </c>
      <c r="LV15" s="119">
        <v>0</v>
      </c>
      <c r="LW15" s="120">
        <v>0</v>
      </c>
      <c r="LX15" s="145"/>
      <c r="LY15" s="119">
        <v>1023976</v>
      </c>
      <c r="LZ15" s="119">
        <v>340876</v>
      </c>
      <c r="MA15" s="119">
        <v>3306735</v>
      </c>
      <c r="MB15" s="119">
        <v>4737172</v>
      </c>
      <c r="MC15" s="119">
        <v>3426655</v>
      </c>
      <c r="MD15" s="120">
        <v>12835414</v>
      </c>
      <c r="ME15" s="121">
        <v>12835414</v>
      </c>
      <c r="MF15" s="142">
        <v>0</v>
      </c>
      <c r="MG15" s="119">
        <v>0</v>
      </c>
      <c r="MH15" s="120">
        <v>0</v>
      </c>
      <c r="MI15" s="145"/>
      <c r="MJ15" s="119">
        <v>9863596</v>
      </c>
      <c r="MK15" s="119">
        <v>18559235</v>
      </c>
      <c r="ML15" s="119">
        <v>85328762</v>
      </c>
      <c r="MM15" s="119">
        <v>143868586</v>
      </c>
      <c r="MN15" s="119">
        <v>108538330</v>
      </c>
      <c r="MO15" s="120">
        <v>366158509</v>
      </c>
      <c r="MP15" s="143">
        <v>366158509</v>
      </c>
      <c r="MQ15" s="142">
        <v>0</v>
      </c>
      <c r="MR15" s="119">
        <v>0</v>
      </c>
      <c r="MS15" s="120">
        <v>0</v>
      </c>
      <c r="MT15" s="145"/>
      <c r="MU15" s="119">
        <v>1362655</v>
      </c>
      <c r="MV15" s="119">
        <v>733891</v>
      </c>
      <c r="MW15" s="119">
        <v>55355684</v>
      </c>
      <c r="MX15" s="119">
        <v>105530422</v>
      </c>
      <c r="MY15" s="119">
        <v>84464292</v>
      </c>
      <c r="MZ15" s="120">
        <v>247446944</v>
      </c>
      <c r="NA15" s="143">
        <v>247446944</v>
      </c>
      <c r="NB15" s="142">
        <v>0</v>
      </c>
      <c r="NC15" s="119">
        <v>0</v>
      </c>
      <c r="ND15" s="120">
        <v>0</v>
      </c>
      <c r="NE15" s="145"/>
      <c r="NF15" s="119">
        <v>8500941</v>
      </c>
      <c r="NG15" s="119">
        <v>17825344</v>
      </c>
      <c r="NH15" s="119">
        <v>29290991</v>
      </c>
      <c r="NI15" s="119">
        <v>36885486</v>
      </c>
      <c r="NJ15" s="119">
        <v>21670462</v>
      </c>
      <c r="NK15" s="120">
        <v>114173224</v>
      </c>
      <c r="NL15" s="321">
        <v>114173224</v>
      </c>
      <c r="NM15" s="142">
        <v>0</v>
      </c>
      <c r="NN15" s="119">
        <v>0</v>
      </c>
      <c r="NO15" s="120">
        <v>0</v>
      </c>
      <c r="NP15" s="145"/>
      <c r="NQ15" s="119">
        <v>0</v>
      </c>
      <c r="NR15" s="119">
        <v>0</v>
      </c>
      <c r="NS15" s="119">
        <v>0</v>
      </c>
      <c r="NT15" s="119">
        <v>690200</v>
      </c>
      <c r="NU15" s="119">
        <v>385524</v>
      </c>
      <c r="NV15" s="120">
        <v>1075724</v>
      </c>
      <c r="NW15" s="121">
        <v>1075724</v>
      </c>
      <c r="NX15" s="142">
        <v>0</v>
      </c>
      <c r="NY15" s="119">
        <v>0</v>
      </c>
      <c r="NZ15" s="120">
        <v>0</v>
      </c>
      <c r="OA15" s="145"/>
      <c r="OB15" s="119">
        <v>0</v>
      </c>
      <c r="OC15" s="119">
        <v>0</v>
      </c>
      <c r="OD15" s="119">
        <v>682087</v>
      </c>
      <c r="OE15" s="119">
        <v>762478</v>
      </c>
      <c r="OF15" s="119">
        <v>2018052</v>
      </c>
      <c r="OG15" s="120">
        <v>3462617</v>
      </c>
      <c r="OH15" s="121">
        <v>3462617</v>
      </c>
      <c r="OI15" s="142">
        <v>10442738</v>
      </c>
      <c r="OJ15" s="119">
        <v>16002236</v>
      </c>
      <c r="OK15" s="141">
        <v>26444974</v>
      </c>
      <c r="OL15" s="118">
        <v>0</v>
      </c>
      <c r="OM15" s="119">
        <v>186497010</v>
      </c>
      <c r="ON15" s="119">
        <v>210199914</v>
      </c>
      <c r="OO15" s="119">
        <v>283263829</v>
      </c>
      <c r="OP15" s="119">
        <v>347994664</v>
      </c>
      <c r="OQ15" s="119">
        <v>253891838</v>
      </c>
      <c r="OR15" s="120">
        <v>1281847255</v>
      </c>
      <c r="OS15" s="143">
        <v>1308292229</v>
      </c>
    </row>
    <row r="16" spans="1:409" ht="18.75" customHeight="1" x14ac:dyDescent="0.2">
      <c r="B16" s="62" t="s">
        <v>10</v>
      </c>
      <c r="C16" s="110">
        <v>23410735</v>
      </c>
      <c r="D16" s="114">
        <v>41235026</v>
      </c>
      <c r="E16" s="113">
        <v>64645761</v>
      </c>
      <c r="F16" s="172">
        <v>0</v>
      </c>
      <c r="G16" s="114">
        <v>324456035</v>
      </c>
      <c r="H16" s="114">
        <v>255674215</v>
      </c>
      <c r="I16" s="114">
        <v>239399737</v>
      </c>
      <c r="J16" s="114">
        <v>227444890</v>
      </c>
      <c r="K16" s="114">
        <v>194903659</v>
      </c>
      <c r="L16" s="109">
        <v>1241878536</v>
      </c>
      <c r="M16" s="116">
        <v>1306524297</v>
      </c>
      <c r="N16" s="110">
        <v>5440603</v>
      </c>
      <c r="O16" s="114">
        <v>12099770</v>
      </c>
      <c r="P16" s="113">
        <v>17540373</v>
      </c>
      <c r="Q16" s="110">
        <v>0</v>
      </c>
      <c r="R16" s="114">
        <v>99836191</v>
      </c>
      <c r="S16" s="114">
        <v>84246638</v>
      </c>
      <c r="T16" s="114">
        <v>79020141</v>
      </c>
      <c r="U16" s="114">
        <v>96656508</v>
      </c>
      <c r="V16" s="114">
        <v>105306912</v>
      </c>
      <c r="W16" s="113">
        <v>465066390</v>
      </c>
      <c r="X16" s="116">
        <v>482606763</v>
      </c>
      <c r="Y16" s="110">
        <v>0</v>
      </c>
      <c r="Z16" s="114">
        <v>0</v>
      </c>
      <c r="AA16" s="113">
        <v>0</v>
      </c>
      <c r="AB16" s="110">
        <v>0</v>
      </c>
      <c r="AC16" s="114">
        <v>51607792</v>
      </c>
      <c r="AD16" s="114">
        <v>45298942</v>
      </c>
      <c r="AE16" s="114">
        <v>49603225</v>
      </c>
      <c r="AF16" s="114">
        <v>62736436</v>
      </c>
      <c r="AG16" s="114">
        <v>66177329</v>
      </c>
      <c r="AH16" s="113">
        <v>275423724</v>
      </c>
      <c r="AI16" s="116">
        <v>275423724</v>
      </c>
      <c r="AJ16" s="110">
        <v>0</v>
      </c>
      <c r="AK16" s="114">
        <v>0</v>
      </c>
      <c r="AL16" s="113">
        <v>0</v>
      </c>
      <c r="AM16" s="110">
        <v>0</v>
      </c>
      <c r="AN16" s="114">
        <v>534286</v>
      </c>
      <c r="AO16" s="114">
        <v>1041225</v>
      </c>
      <c r="AP16" s="114">
        <v>2158866</v>
      </c>
      <c r="AQ16" s="114">
        <v>5534042</v>
      </c>
      <c r="AR16" s="114">
        <v>10779756</v>
      </c>
      <c r="AS16" s="113">
        <v>20048175</v>
      </c>
      <c r="AT16" s="116">
        <v>20048175</v>
      </c>
      <c r="AU16" s="110">
        <v>2845641</v>
      </c>
      <c r="AV16" s="114">
        <v>8102519</v>
      </c>
      <c r="AW16" s="113">
        <v>10948160</v>
      </c>
      <c r="AX16" s="110">
        <v>0</v>
      </c>
      <c r="AY16" s="114">
        <v>28074516</v>
      </c>
      <c r="AZ16" s="114">
        <v>20391557</v>
      </c>
      <c r="BA16" s="114">
        <v>14052072</v>
      </c>
      <c r="BB16" s="114">
        <v>14019590</v>
      </c>
      <c r="BC16" s="114">
        <v>15531345</v>
      </c>
      <c r="BD16" s="113">
        <v>92069080</v>
      </c>
      <c r="BE16" s="116">
        <v>103017240</v>
      </c>
      <c r="BF16" s="110">
        <v>549485</v>
      </c>
      <c r="BG16" s="114">
        <v>1100972</v>
      </c>
      <c r="BH16" s="112">
        <v>1650457</v>
      </c>
      <c r="BI16" s="111">
        <v>0</v>
      </c>
      <c r="BJ16" s="114">
        <v>3016034</v>
      </c>
      <c r="BK16" s="114">
        <v>3194205</v>
      </c>
      <c r="BL16" s="114">
        <v>1557110</v>
      </c>
      <c r="BM16" s="114">
        <v>1622211</v>
      </c>
      <c r="BN16" s="114">
        <v>1628204</v>
      </c>
      <c r="BO16" s="113">
        <v>11017764</v>
      </c>
      <c r="BP16" s="116">
        <v>12668221</v>
      </c>
      <c r="BQ16" s="110">
        <v>2045477</v>
      </c>
      <c r="BR16" s="114">
        <v>2896279</v>
      </c>
      <c r="BS16" s="113">
        <v>4941756</v>
      </c>
      <c r="BT16" s="110">
        <v>0</v>
      </c>
      <c r="BU16" s="114">
        <v>16603563</v>
      </c>
      <c r="BV16" s="114">
        <v>14320709</v>
      </c>
      <c r="BW16" s="114">
        <v>11648868</v>
      </c>
      <c r="BX16" s="114">
        <v>12744229</v>
      </c>
      <c r="BY16" s="114">
        <v>11190278</v>
      </c>
      <c r="BZ16" s="113">
        <v>66507647</v>
      </c>
      <c r="CA16" s="116">
        <v>71449403</v>
      </c>
      <c r="CB16" s="110">
        <v>1450441</v>
      </c>
      <c r="CC16" s="114">
        <v>3754455</v>
      </c>
      <c r="CD16" s="113">
        <v>5204896</v>
      </c>
      <c r="CE16" s="110">
        <v>0</v>
      </c>
      <c r="CF16" s="114">
        <v>97574140</v>
      </c>
      <c r="CG16" s="114">
        <v>67386029</v>
      </c>
      <c r="CH16" s="114">
        <v>53194478</v>
      </c>
      <c r="CI16" s="114">
        <v>33412788</v>
      </c>
      <c r="CJ16" s="114">
        <v>15968411</v>
      </c>
      <c r="CK16" s="113">
        <v>267535846</v>
      </c>
      <c r="CL16" s="116">
        <v>272740742</v>
      </c>
      <c r="CM16" s="110">
        <v>0</v>
      </c>
      <c r="CN16" s="114">
        <v>0</v>
      </c>
      <c r="CO16" s="113">
        <v>0</v>
      </c>
      <c r="CP16" s="111">
        <v>0</v>
      </c>
      <c r="CQ16" s="114">
        <v>84393561</v>
      </c>
      <c r="CR16" s="114">
        <v>57603745</v>
      </c>
      <c r="CS16" s="114">
        <v>46002926</v>
      </c>
      <c r="CT16" s="114">
        <v>28237893</v>
      </c>
      <c r="CU16" s="114">
        <v>14038817</v>
      </c>
      <c r="CV16" s="113">
        <v>230276942</v>
      </c>
      <c r="CW16" s="116">
        <v>230276942</v>
      </c>
      <c r="CX16" s="110">
        <v>1450441</v>
      </c>
      <c r="CY16" s="114">
        <v>3754455</v>
      </c>
      <c r="CZ16" s="113">
        <v>5204896</v>
      </c>
      <c r="DA16" s="110">
        <v>0</v>
      </c>
      <c r="DB16" s="114">
        <v>13180579</v>
      </c>
      <c r="DC16" s="114">
        <v>9782284</v>
      </c>
      <c r="DD16" s="114">
        <v>7191552</v>
      </c>
      <c r="DE16" s="114">
        <v>5174895</v>
      </c>
      <c r="DF16" s="114">
        <v>1929594</v>
      </c>
      <c r="DG16" s="113">
        <v>37258904</v>
      </c>
      <c r="DH16" s="116">
        <v>42463800</v>
      </c>
      <c r="DI16" s="110">
        <v>213042</v>
      </c>
      <c r="DJ16" s="114">
        <v>1095997</v>
      </c>
      <c r="DK16" s="112">
        <v>1309039</v>
      </c>
      <c r="DL16" s="111">
        <v>0</v>
      </c>
      <c r="DM16" s="114">
        <v>11298810</v>
      </c>
      <c r="DN16" s="114">
        <v>12592967</v>
      </c>
      <c r="DO16" s="114">
        <v>25575112</v>
      </c>
      <c r="DP16" s="114">
        <v>17614244</v>
      </c>
      <c r="DQ16" s="114">
        <v>13068457</v>
      </c>
      <c r="DR16" s="113">
        <v>80149590</v>
      </c>
      <c r="DS16" s="116">
        <v>81458629</v>
      </c>
      <c r="DT16" s="110">
        <v>213042</v>
      </c>
      <c r="DU16" s="114">
        <v>1022955</v>
      </c>
      <c r="DV16" s="113">
        <v>1235997</v>
      </c>
      <c r="DW16" s="110">
        <v>0</v>
      </c>
      <c r="DX16" s="114">
        <v>10779292</v>
      </c>
      <c r="DY16" s="114">
        <v>11225028</v>
      </c>
      <c r="DZ16" s="114">
        <v>23689687</v>
      </c>
      <c r="EA16" s="114">
        <v>16203984</v>
      </c>
      <c r="EB16" s="114">
        <v>12350013</v>
      </c>
      <c r="EC16" s="113">
        <v>74248004</v>
      </c>
      <c r="ED16" s="116">
        <v>75484001</v>
      </c>
      <c r="EE16" s="110">
        <v>0</v>
      </c>
      <c r="EF16" s="112">
        <v>73042</v>
      </c>
      <c r="EG16" s="113">
        <v>73042</v>
      </c>
      <c r="EH16" s="110">
        <v>0</v>
      </c>
      <c r="EI16" s="114">
        <v>519518</v>
      </c>
      <c r="EJ16" s="114">
        <v>1367939</v>
      </c>
      <c r="EK16" s="114">
        <v>1885425</v>
      </c>
      <c r="EL16" s="114">
        <v>1410260</v>
      </c>
      <c r="EM16" s="114">
        <v>718444</v>
      </c>
      <c r="EN16" s="112">
        <v>5901586</v>
      </c>
      <c r="EO16" s="116">
        <v>5974628</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8"/>
      <c r="FE16" s="114">
        <v>0</v>
      </c>
      <c r="FF16" s="114">
        <v>0</v>
      </c>
      <c r="FG16" s="114">
        <v>0</v>
      </c>
      <c r="FH16" s="114">
        <v>0</v>
      </c>
      <c r="FI16" s="114">
        <v>0</v>
      </c>
      <c r="FJ16" s="113">
        <v>0</v>
      </c>
      <c r="FK16" s="116">
        <v>0</v>
      </c>
      <c r="FL16" s="110">
        <v>6533395</v>
      </c>
      <c r="FM16" s="114">
        <v>9217372</v>
      </c>
      <c r="FN16" s="113">
        <v>15750767</v>
      </c>
      <c r="FO16" s="110">
        <v>0</v>
      </c>
      <c r="FP16" s="114">
        <v>17848009</v>
      </c>
      <c r="FQ16" s="114">
        <v>23729674</v>
      </c>
      <c r="FR16" s="114">
        <v>19413498</v>
      </c>
      <c r="FS16" s="114">
        <v>16560886</v>
      </c>
      <c r="FT16" s="114">
        <v>13920353</v>
      </c>
      <c r="FU16" s="113">
        <v>91472420</v>
      </c>
      <c r="FV16" s="116">
        <v>107223187</v>
      </c>
      <c r="FW16" s="115">
        <v>4299273</v>
      </c>
      <c r="FX16" s="114">
        <v>7722940</v>
      </c>
      <c r="FY16" s="112">
        <v>12022213</v>
      </c>
      <c r="FZ16" s="111">
        <v>0</v>
      </c>
      <c r="GA16" s="114">
        <v>15831173</v>
      </c>
      <c r="GB16" s="114">
        <v>21940197</v>
      </c>
      <c r="GC16" s="114">
        <v>17495245</v>
      </c>
      <c r="GD16" s="114">
        <v>15441444</v>
      </c>
      <c r="GE16" s="114">
        <v>13039761</v>
      </c>
      <c r="GF16" s="113">
        <v>83747820</v>
      </c>
      <c r="GG16" s="319">
        <v>95770033</v>
      </c>
      <c r="GH16" s="115">
        <v>1184711</v>
      </c>
      <c r="GI16" s="114">
        <v>595650</v>
      </c>
      <c r="GJ16" s="112">
        <v>1780361</v>
      </c>
      <c r="GK16" s="111">
        <v>0</v>
      </c>
      <c r="GL16" s="114">
        <v>1213571</v>
      </c>
      <c r="GM16" s="114">
        <v>1178051</v>
      </c>
      <c r="GN16" s="114">
        <v>1124288</v>
      </c>
      <c r="GO16" s="114">
        <v>905276</v>
      </c>
      <c r="GP16" s="114">
        <v>515971</v>
      </c>
      <c r="GQ16" s="113">
        <v>4937157</v>
      </c>
      <c r="GR16" s="116">
        <v>6717518</v>
      </c>
      <c r="GS16" s="110">
        <v>1049411</v>
      </c>
      <c r="GT16" s="114">
        <v>898782</v>
      </c>
      <c r="GU16" s="113">
        <v>1948193</v>
      </c>
      <c r="GV16" s="110">
        <v>0</v>
      </c>
      <c r="GW16" s="114">
        <v>803265</v>
      </c>
      <c r="GX16" s="114">
        <v>611426</v>
      </c>
      <c r="GY16" s="114">
        <v>793965</v>
      </c>
      <c r="GZ16" s="114">
        <v>214166</v>
      </c>
      <c r="HA16" s="114">
        <v>364621</v>
      </c>
      <c r="HB16" s="112">
        <v>2787443</v>
      </c>
      <c r="HC16" s="116">
        <v>4735636</v>
      </c>
      <c r="HD16" s="110">
        <v>4308398</v>
      </c>
      <c r="HE16" s="114">
        <v>7998266</v>
      </c>
      <c r="HF16" s="112">
        <v>12306664</v>
      </c>
      <c r="HG16" s="111">
        <v>0</v>
      </c>
      <c r="HH16" s="114">
        <v>47773667</v>
      </c>
      <c r="HI16" s="114">
        <v>39950050</v>
      </c>
      <c r="HJ16" s="114">
        <v>41215771</v>
      </c>
      <c r="HK16" s="114">
        <v>48299373</v>
      </c>
      <c r="HL16" s="114">
        <v>35888897</v>
      </c>
      <c r="HM16" s="113">
        <v>213127758</v>
      </c>
      <c r="HN16" s="109">
        <v>225434422</v>
      </c>
      <c r="HO16" s="115">
        <v>5464856</v>
      </c>
      <c r="HP16" s="114">
        <v>7069166</v>
      </c>
      <c r="HQ16" s="113">
        <v>12534022</v>
      </c>
      <c r="HR16" s="110">
        <v>0</v>
      </c>
      <c r="HS16" s="114">
        <v>50125218</v>
      </c>
      <c r="HT16" s="114">
        <v>27768857</v>
      </c>
      <c r="HU16" s="114">
        <v>20980737</v>
      </c>
      <c r="HV16" s="114">
        <v>14901091</v>
      </c>
      <c r="HW16" s="114">
        <v>10750629</v>
      </c>
      <c r="HX16" s="112">
        <v>124526532</v>
      </c>
      <c r="HY16" s="116">
        <v>137060554</v>
      </c>
      <c r="HZ16" s="150">
        <v>486938</v>
      </c>
      <c r="IA16" s="135">
        <v>3143305</v>
      </c>
      <c r="IB16" s="150">
        <v>3630243</v>
      </c>
      <c r="IC16" s="134">
        <v>0</v>
      </c>
      <c r="ID16" s="135">
        <v>81532287</v>
      </c>
      <c r="IE16" s="136">
        <v>84396995</v>
      </c>
      <c r="IF16" s="137">
        <v>75706786</v>
      </c>
      <c r="IG16" s="135">
        <v>71135033</v>
      </c>
      <c r="IH16" s="137">
        <v>71398762</v>
      </c>
      <c r="II16" s="138">
        <v>384169863</v>
      </c>
      <c r="IJ16" s="150">
        <v>387800106</v>
      </c>
      <c r="IK16" s="232">
        <v>0</v>
      </c>
      <c r="IL16" s="236">
        <v>0</v>
      </c>
      <c r="IM16" s="237">
        <v>0</v>
      </c>
      <c r="IN16" s="140"/>
      <c r="IO16" s="119">
        <v>2301452</v>
      </c>
      <c r="IP16" s="119">
        <v>1330674</v>
      </c>
      <c r="IQ16" s="119">
        <v>2507818</v>
      </c>
      <c r="IR16" s="119">
        <v>5524617</v>
      </c>
      <c r="IS16" s="119">
        <v>3979516</v>
      </c>
      <c r="IT16" s="141">
        <v>15644077</v>
      </c>
      <c r="IU16" s="321">
        <v>15644077</v>
      </c>
      <c r="IV16" s="142">
        <v>0</v>
      </c>
      <c r="IW16" s="119">
        <v>0</v>
      </c>
      <c r="IX16" s="120">
        <v>0</v>
      </c>
      <c r="IY16" s="144"/>
      <c r="IZ16" s="119">
        <v>177427</v>
      </c>
      <c r="JA16" s="119">
        <v>159795</v>
      </c>
      <c r="JB16" s="119">
        <v>318325</v>
      </c>
      <c r="JC16" s="119">
        <v>272602</v>
      </c>
      <c r="JD16" s="119">
        <v>47136</v>
      </c>
      <c r="JE16" s="120">
        <v>975285</v>
      </c>
      <c r="JF16" s="121">
        <v>975285</v>
      </c>
      <c r="JG16" s="142">
        <v>0</v>
      </c>
      <c r="JH16" s="119">
        <v>0</v>
      </c>
      <c r="JI16" s="141">
        <v>0</v>
      </c>
      <c r="JJ16" s="118">
        <v>0</v>
      </c>
      <c r="JK16" s="119">
        <v>26330764</v>
      </c>
      <c r="JL16" s="119">
        <v>16533778</v>
      </c>
      <c r="JM16" s="119">
        <v>9870732</v>
      </c>
      <c r="JN16" s="119">
        <v>6332705</v>
      </c>
      <c r="JO16" s="119">
        <v>3376868</v>
      </c>
      <c r="JP16" s="120">
        <v>62444847</v>
      </c>
      <c r="JQ16" s="321">
        <v>62444847</v>
      </c>
      <c r="JR16" s="142">
        <v>0</v>
      </c>
      <c r="JS16" s="119">
        <v>45331</v>
      </c>
      <c r="JT16" s="141">
        <v>45331</v>
      </c>
      <c r="JU16" s="118">
        <v>0</v>
      </c>
      <c r="JV16" s="119">
        <v>1232607</v>
      </c>
      <c r="JW16" s="119">
        <v>1480606</v>
      </c>
      <c r="JX16" s="119">
        <v>2051980</v>
      </c>
      <c r="JY16" s="119">
        <v>856134</v>
      </c>
      <c r="JZ16" s="119">
        <v>1893056</v>
      </c>
      <c r="KA16" s="120">
        <v>7514383</v>
      </c>
      <c r="KB16" s="321">
        <v>7559714</v>
      </c>
      <c r="KC16" s="234">
        <v>486938</v>
      </c>
      <c r="KD16" s="230">
        <v>2031333</v>
      </c>
      <c r="KE16" s="120">
        <v>2518271</v>
      </c>
      <c r="KF16" s="118">
        <v>0</v>
      </c>
      <c r="KG16" s="119">
        <v>11203849</v>
      </c>
      <c r="KH16" s="119">
        <v>14184119</v>
      </c>
      <c r="KI16" s="119">
        <v>20421961</v>
      </c>
      <c r="KJ16" s="119">
        <v>15996830</v>
      </c>
      <c r="KK16" s="119">
        <v>11736773</v>
      </c>
      <c r="KL16" s="120">
        <v>73543532</v>
      </c>
      <c r="KM16" s="143">
        <v>76061803</v>
      </c>
      <c r="KN16" s="232">
        <v>0</v>
      </c>
      <c r="KO16" s="236">
        <v>1066641</v>
      </c>
      <c r="KP16" s="237">
        <v>1066641</v>
      </c>
      <c r="KQ16" s="140"/>
      <c r="KR16" s="119">
        <v>32985622</v>
      </c>
      <c r="KS16" s="119">
        <v>37568076</v>
      </c>
      <c r="KT16" s="119">
        <v>23271006</v>
      </c>
      <c r="KU16" s="119">
        <v>22595553</v>
      </c>
      <c r="KV16" s="119">
        <v>26869590</v>
      </c>
      <c r="KW16" s="120">
        <v>143289847</v>
      </c>
      <c r="KX16" s="321">
        <v>144356488</v>
      </c>
      <c r="KY16" s="142">
        <v>0</v>
      </c>
      <c r="KZ16" s="119">
        <v>0</v>
      </c>
      <c r="LA16" s="120">
        <v>0</v>
      </c>
      <c r="LB16" s="145"/>
      <c r="LC16" s="119">
        <v>4215519</v>
      </c>
      <c r="LD16" s="119">
        <v>5572765</v>
      </c>
      <c r="LE16" s="119">
        <v>6560862</v>
      </c>
      <c r="LF16" s="119">
        <v>5725664</v>
      </c>
      <c r="LG16" s="119">
        <v>7538310</v>
      </c>
      <c r="LH16" s="120">
        <v>29613120</v>
      </c>
      <c r="LI16" s="121">
        <v>29613120</v>
      </c>
      <c r="LJ16" s="142">
        <v>0</v>
      </c>
      <c r="LK16" s="119">
        <v>0</v>
      </c>
      <c r="LL16" s="120">
        <v>0</v>
      </c>
      <c r="LM16" s="145"/>
      <c r="LN16" s="119">
        <v>0</v>
      </c>
      <c r="LO16" s="119">
        <v>0</v>
      </c>
      <c r="LP16" s="119">
        <v>1042821</v>
      </c>
      <c r="LQ16" s="119">
        <v>5299357</v>
      </c>
      <c r="LR16" s="119">
        <v>5592599</v>
      </c>
      <c r="LS16" s="120">
        <v>11934777</v>
      </c>
      <c r="LT16" s="321">
        <v>11934777</v>
      </c>
      <c r="LU16" s="142">
        <v>0</v>
      </c>
      <c r="LV16" s="119">
        <v>0</v>
      </c>
      <c r="LW16" s="120">
        <v>0</v>
      </c>
      <c r="LX16" s="145"/>
      <c r="LY16" s="119">
        <v>3085047</v>
      </c>
      <c r="LZ16" s="119">
        <v>7567182</v>
      </c>
      <c r="MA16" s="119">
        <v>9661281</v>
      </c>
      <c r="MB16" s="119">
        <v>8531571</v>
      </c>
      <c r="MC16" s="119">
        <v>10364914</v>
      </c>
      <c r="MD16" s="120">
        <v>39209995</v>
      </c>
      <c r="ME16" s="121">
        <v>39209995</v>
      </c>
      <c r="MF16" s="142">
        <v>0</v>
      </c>
      <c r="MG16" s="119">
        <v>0</v>
      </c>
      <c r="MH16" s="120">
        <v>0</v>
      </c>
      <c r="MI16" s="145"/>
      <c r="MJ16" s="119">
        <v>29085281</v>
      </c>
      <c r="MK16" s="119">
        <v>49137312</v>
      </c>
      <c r="ML16" s="119">
        <v>146986508</v>
      </c>
      <c r="MM16" s="119">
        <v>200269672</v>
      </c>
      <c r="MN16" s="119">
        <v>188981541</v>
      </c>
      <c r="MO16" s="120">
        <v>614460314</v>
      </c>
      <c r="MP16" s="143">
        <v>614460314</v>
      </c>
      <c r="MQ16" s="142">
        <v>0</v>
      </c>
      <c r="MR16" s="119">
        <v>0</v>
      </c>
      <c r="MS16" s="120">
        <v>0</v>
      </c>
      <c r="MT16" s="145"/>
      <c r="MU16" s="119">
        <v>4342846</v>
      </c>
      <c r="MV16" s="119">
        <v>11729008</v>
      </c>
      <c r="MW16" s="119">
        <v>99641448</v>
      </c>
      <c r="MX16" s="119">
        <v>147285239</v>
      </c>
      <c r="MY16" s="119">
        <v>138888738</v>
      </c>
      <c r="MZ16" s="120">
        <v>401887279</v>
      </c>
      <c r="NA16" s="143">
        <v>401887279</v>
      </c>
      <c r="NB16" s="142">
        <v>0</v>
      </c>
      <c r="NC16" s="119">
        <v>0</v>
      </c>
      <c r="ND16" s="120">
        <v>0</v>
      </c>
      <c r="NE16" s="145"/>
      <c r="NF16" s="119">
        <v>24536641</v>
      </c>
      <c r="NG16" s="119">
        <v>37111568</v>
      </c>
      <c r="NH16" s="119">
        <v>47149668</v>
      </c>
      <c r="NI16" s="119">
        <v>50735385</v>
      </c>
      <c r="NJ16" s="119">
        <v>34259944</v>
      </c>
      <c r="NK16" s="120">
        <v>193793206</v>
      </c>
      <c r="NL16" s="321">
        <v>193793206</v>
      </c>
      <c r="NM16" s="142">
        <v>0</v>
      </c>
      <c r="NN16" s="119">
        <v>0</v>
      </c>
      <c r="NO16" s="120">
        <v>0</v>
      </c>
      <c r="NP16" s="145"/>
      <c r="NQ16" s="119">
        <v>0</v>
      </c>
      <c r="NR16" s="119">
        <v>0</v>
      </c>
      <c r="NS16" s="119">
        <v>0</v>
      </c>
      <c r="NT16" s="119">
        <v>407551</v>
      </c>
      <c r="NU16" s="119">
        <v>710596</v>
      </c>
      <c r="NV16" s="120">
        <v>1118147</v>
      </c>
      <c r="NW16" s="121">
        <v>1118147</v>
      </c>
      <c r="NX16" s="142">
        <v>0</v>
      </c>
      <c r="NY16" s="119">
        <v>0</v>
      </c>
      <c r="NZ16" s="120">
        <v>0</v>
      </c>
      <c r="OA16" s="145"/>
      <c r="OB16" s="119">
        <v>205794</v>
      </c>
      <c r="OC16" s="119">
        <v>296736</v>
      </c>
      <c r="OD16" s="119">
        <v>195392</v>
      </c>
      <c r="OE16" s="119">
        <v>1841497</v>
      </c>
      <c r="OF16" s="119">
        <v>15122263</v>
      </c>
      <c r="OG16" s="120">
        <v>17661682</v>
      </c>
      <c r="OH16" s="121">
        <v>17661682</v>
      </c>
      <c r="OI16" s="142">
        <v>23897673</v>
      </c>
      <c r="OJ16" s="119">
        <v>44378331</v>
      </c>
      <c r="OK16" s="141">
        <v>68276004</v>
      </c>
      <c r="OL16" s="118">
        <v>0</v>
      </c>
      <c r="OM16" s="119">
        <v>435073603</v>
      </c>
      <c r="ON16" s="119">
        <v>389208522</v>
      </c>
      <c r="OO16" s="119">
        <v>462093031</v>
      </c>
      <c r="OP16" s="119">
        <v>498849595</v>
      </c>
      <c r="OQ16" s="119">
        <v>455283962</v>
      </c>
      <c r="OR16" s="120">
        <v>2240508713</v>
      </c>
      <c r="OS16" s="143">
        <v>2308784717</v>
      </c>
    </row>
    <row r="17" spans="2:409" ht="18.75" customHeight="1" x14ac:dyDescent="0.2">
      <c r="B17" s="62" t="s">
        <v>11</v>
      </c>
      <c r="C17" s="110">
        <v>10338536</v>
      </c>
      <c r="D17" s="114">
        <v>13807228</v>
      </c>
      <c r="E17" s="171">
        <v>24145764</v>
      </c>
      <c r="F17" s="111">
        <v>0</v>
      </c>
      <c r="G17" s="114">
        <v>165622446</v>
      </c>
      <c r="H17" s="114">
        <v>136873288</v>
      </c>
      <c r="I17" s="114">
        <v>134110630</v>
      </c>
      <c r="J17" s="114">
        <v>133557527</v>
      </c>
      <c r="K17" s="114">
        <v>93444690</v>
      </c>
      <c r="L17" s="109">
        <v>663608581</v>
      </c>
      <c r="M17" s="116">
        <v>687754345</v>
      </c>
      <c r="N17" s="110">
        <v>1227699</v>
      </c>
      <c r="O17" s="114">
        <v>2462750</v>
      </c>
      <c r="P17" s="113">
        <v>3690449</v>
      </c>
      <c r="Q17" s="110">
        <v>0</v>
      </c>
      <c r="R17" s="114">
        <v>39541484</v>
      </c>
      <c r="S17" s="114">
        <v>36427680</v>
      </c>
      <c r="T17" s="114">
        <v>37769691</v>
      </c>
      <c r="U17" s="114">
        <v>45955035</v>
      </c>
      <c r="V17" s="114">
        <v>46038912</v>
      </c>
      <c r="W17" s="113">
        <v>205732802</v>
      </c>
      <c r="X17" s="116">
        <v>209423251</v>
      </c>
      <c r="Y17" s="110">
        <v>0</v>
      </c>
      <c r="Z17" s="114">
        <v>0</v>
      </c>
      <c r="AA17" s="113">
        <v>0</v>
      </c>
      <c r="AB17" s="110">
        <v>0</v>
      </c>
      <c r="AC17" s="114">
        <v>20255023</v>
      </c>
      <c r="AD17" s="114">
        <v>20701264</v>
      </c>
      <c r="AE17" s="114">
        <v>21294003</v>
      </c>
      <c r="AF17" s="114">
        <v>29347806</v>
      </c>
      <c r="AG17" s="114">
        <v>28514643</v>
      </c>
      <c r="AH17" s="113">
        <v>120112739</v>
      </c>
      <c r="AI17" s="116">
        <v>120112739</v>
      </c>
      <c r="AJ17" s="110">
        <v>0</v>
      </c>
      <c r="AK17" s="114">
        <v>17613</v>
      </c>
      <c r="AL17" s="113">
        <v>17613</v>
      </c>
      <c r="AM17" s="110">
        <v>0</v>
      </c>
      <c r="AN17" s="114">
        <v>164211</v>
      </c>
      <c r="AO17" s="114">
        <v>674062</v>
      </c>
      <c r="AP17" s="114">
        <v>1584285</v>
      </c>
      <c r="AQ17" s="114">
        <v>2721049</v>
      </c>
      <c r="AR17" s="114">
        <v>4653575</v>
      </c>
      <c r="AS17" s="113">
        <v>9797182</v>
      </c>
      <c r="AT17" s="116">
        <v>9814795</v>
      </c>
      <c r="AU17" s="110">
        <v>682058</v>
      </c>
      <c r="AV17" s="114">
        <v>1540055</v>
      </c>
      <c r="AW17" s="113">
        <v>2222113</v>
      </c>
      <c r="AX17" s="110">
        <v>0</v>
      </c>
      <c r="AY17" s="114">
        <v>11936930</v>
      </c>
      <c r="AZ17" s="114">
        <v>9087767</v>
      </c>
      <c r="BA17" s="114">
        <v>9052318</v>
      </c>
      <c r="BB17" s="114">
        <v>8070871</v>
      </c>
      <c r="BC17" s="114">
        <v>9134690</v>
      </c>
      <c r="BD17" s="113">
        <v>47282576</v>
      </c>
      <c r="BE17" s="116">
        <v>49504689</v>
      </c>
      <c r="BF17" s="110">
        <v>50294</v>
      </c>
      <c r="BG17" s="114">
        <v>311549</v>
      </c>
      <c r="BH17" s="112">
        <v>361843</v>
      </c>
      <c r="BI17" s="111">
        <v>0</v>
      </c>
      <c r="BJ17" s="114">
        <v>1638549</v>
      </c>
      <c r="BK17" s="114">
        <v>856399</v>
      </c>
      <c r="BL17" s="114">
        <v>665128</v>
      </c>
      <c r="BM17" s="114">
        <v>793774</v>
      </c>
      <c r="BN17" s="114">
        <v>144601</v>
      </c>
      <c r="BO17" s="113">
        <v>4098451</v>
      </c>
      <c r="BP17" s="116">
        <v>4460294</v>
      </c>
      <c r="BQ17" s="110">
        <v>495347</v>
      </c>
      <c r="BR17" s="114">
        <v>593533</v>
      </c>
      <c r="BS17" s="113">
        <v>1088880</v>
      </c>
      <c r="BT17" s="110">
        <v>0</v>
      </c>
      <c r="BU17" s="114">
        <v>5546771</v>
      </c>
      <c r="BV17" s="114">
        <v>5108188</v>
      </c>
      <c r="BW17" s="114">
        <v>5173957</v>
      </c>
      <c r="BX17" s="114">
        <v>5021535</v>
      </c>
      <c r="BY17" s="114">
        <v>3591403</v>
      </c>
      <c r="BZ17" s="113">
        <v>24441854</v>
      </c>
      <c r="CA17" s="116">
        <v>25530734</v>
      </c>
      <c r="CB17" s="110">
        <v>1146381</v>
      </c>
      <c r="CC17" s="114">
        <v>1970872</v>
      </c>
      <c r="CD17" s="113">
        <v>3117253</v>
      </c>
      <c r="CE17" s="110">
        <v>0</v>
      </c>
      <c r="CF17" s="114">
        <v>52700837</v>
      </c>
      <c r="CG17" s="114">
        <v>38610131</v>
      </c>
      <c r="CH17" s="114">
        <v>32235973</v>
      </c>
      <c r="CI17" s="114">
        <v>24423984</v>
      </c>
      <c r="CJ17" s="114">
        <v>12238802</v>
      </c>
      <c r="CK17" s="113">
        <v>160209727</v>
      </c>
      <c r="CL17" s="116">
        <v>163326980</v>
      </c>
      <c r="CM17" s="110">
        <v>0</v>
      </c>
      <c r="CN17" s="114">
        <v>0</v>
      </c>
      <c r="CO17" s="113">
        <v>0</v>
      </c>
      <c r="CP17" s="111">
        <v>0</v>
      </c>
      <c r="CQ17" s="114">
        <v>42731510</v>
      </c>
      <c r="CR17" s="114">
        <v>30329113</v>
      </c>
      <c r="CS17" s="114">
        <v>25378307</v>
      </c>
      <c r="CT17" s="114">
        <v>18407285</v>
      </c>
      <c r="CU17" s="114">
        <v>10596624</v>
      </c>
      <c r="CV17" s="113">
        <v>127442839</v>
      </c>
      <c r="CW17" s="116">
        <v>127442839</v>
      </c>
      <c r="CX17" s="110">
        <v>1146381</v>
      </c>
      <c r="CY17" s="114">
        <v>1970872</v>
      </c>
      <c r="CZ17" s="113">
        <v>3117253</v>
      </c>
      <c r="DA17" s="110">
        <v>0</v>
      </c>
      <c r="DB17" s="114">
        <v>9969327</v>
      </c>
      <c r="DC17" s="114">
        <v>8281018</v>
      </c>
      <c r="DD17" s="114">
        <v>6857666</v>
      </c>
      <c r="DE17" s="114">
        <v>6016699</v>
      </c>
      <c r="DF17" s="114">
        <v>1642178</v>
      </c>
      <c r="DG17" s="113">
        <v>32766888</v>
      </c>
      <c r="DH17" s="116">
        <v>35884141</v>
      </c>
      <c r="DI17" s="110">
        <v>119316</v>
      </c>
      <c r="DJ17" s="114">
        <v>429108</v>
      </c>
      <c r="DK17" s="112">
        <v>548424</v>
      </c>
      <c r="DL17" s="111">
        <v>0</v>
      </c>
      <c r="DM17" s="114">
        <v>5450477</v>
      </c>
      <c r="DN17" s="114">
        <v>8568618</v>
      </c>
      <c r="DO17" s="114">
        <v>12441786</v>
      </c>
      <c r="DP17" s="114">
        <v>9511240</v>
      </c>
      <c r="DQ17" s="114">
        <v>4579804</v>
      </c>
      <c r="DR17" s="113">
        <v>40551925</v>
      </c>
      <c r="DS17" s="116">
        <v>41100349</v>
      </c>
      <c r="DT17" s="110">
        <v>119316</v>
      </c>
      <c r="DU17" s="114">
        <v>429108</v>
      </c>
      <c r="DV17" s="113">
        <v>548424</v>
      </c>
      <c r="DW17" s="110">
        <v>0</v>
      </c>
      <c r="DX17" s="114">
        <v>5212542</v>
      </c>
      <c r="DY17" s="114">
        <v>8141973</v>
      </c>
      <c r="DZ17" s="114">
        <v>11041660</v>
      </c>
      <c r="EA17" s="114">
        <v>8319287</v>
      </c>
      <c r="EB17" s="114">
        <v>4033250</v>
      </c>
      <c r="EC17" s="113">
        <v>36748712</v>
      </c>
      <c r="ED17" s="116">
        <v>37297136</v>
      </c>
      <c r="EE17" s="110">
        <v>0</v>
      </c>
      <c r="EF17" s="112">
        <v>0</v>
      </c>
      <c r="EG17" s="113">
        <v>0</v>
      </c>
      <c r="EH17" s="110">
        <v>0</v>
      </c>
      <c r="EI17" s="114">
        <v>237935</v>
      </c>
      <c r="EJ17" s="114">
        <v>426645</v>
      </c>
      <c r="EK17" s="114">
        <v>1400126</v>
      </c>
      <c r="EL17" s="114">
        <v>1191953</v>
      </c>
      <c r="EM17" s="114">
        <v>546554</v>
      </c>
      <c r="EN17" s="112">
        <v>3803213</v>
      </c>
      <c r="EO17" s="116">
        <v>3803213</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8"/>
      <c r="FE17" s="114">
        <v>0</v>
      </c>
      <c r="FF17" s="114">
        <v>0</v>
      </c>
      <c r="FG17" s="114">
        <v>0</v>
      </c>
      <c r="FH17" s="114">
        <v>0</v>
      </c>
      <c r="FI17" s="114">
        <v>0</v>
      </c>
      <c r="FJ17" s="113">
        <v>0</v>
      </c>
      <c r="FK17" s="116">
        <v>0</v>
      </c>
      <c r="FL17" s="110">
        <v>3236424</v>
      </c>
      <c r="FM17" s="114">
        <v>3312362</v>
      </c>
      <c r="FN17" s="113">
        <v>6548786</v>
      </c>
      <c r="FO17" s="110">
        <v>0</v>
      </c>
      <c r="FP17" s="114">
        <v>8372122</v>
      </c>
      <c r="FQ17" s="114">
        <v>11677273</v>
      </c>
      <c r="FR17" s="114">
        <v>10484489</v>
      </c>
      <c r="FS17" s="114">
        <v>9511001</v>
      </c>
      <c r="FT17" s="114">
        <v>6226634</v>
      </c>
      <c r="FU17" s="113">
        <v>46271519</v>
      </c>
      <c r="FV17" s="116">
        <v>52820305</v>
      </c>
      <c r="FW17" s="115">
        <v>1822753</v>
      </c>
      <c r="FX17" s="114">
        <v>2682877</v>
      </c>
      <c r="FY17" s="112">
        <v>4505630</v>
      </c>
      <c r="FZ17" s="111">
        <v>0</v>
      </c>
      <c r="GA17" s="114">
        <v>6565203</v>
      </c>
      <c r="GB17" s="114">
        <v>10503144</v>
      </c>
      <c r="GC17" s="114">
        <v>9533020</v>
      </c>
      <c r="GD17" s="114">
        <v>8987801</v>
      </c>
      <c r="GE17" s="114">
        <v>6070962</v>
      </c>
      <c r="GF17" s="113">
        <v>41660130</v>
      </c>
      <c r="GG17" s="319">
        <v>46165760</v>
      </c>
      <c r="GH17" s="115">
        <v>94347</v>
      </c>
      <c r="GI17" s="114">
        <v>75688</v>
      </c>
      <c r="GJ17" s="112">
        <v>170035</v>
      </c>
      <c r="GK17" s="111">
        <v>0</v>
      </c>
      <c r="GL17" s="114">
        <v>356127</v>
      </c>
      <c r="GM17" s="114">
        <v>181784</v>
      </c>
      <c r="GN17" s="114">
        <v>452554</v>
      </c>
      <c r="GO17" s="114">
        <v>194850</v>
      </c>
      <c r="GP17" s="114">
        <v>155672</v>
      </c>
      <c r="GQ17" s="113">
        <v>1340987</v>
      </c>
      <c r="GR17" s="116">
        <v>1511022</v>
      </c>
      <c r="GS17" s="110">
        <v>1319324</v>
      </c>
      <c r="GT17" s="114">
        <v>553797</v>
      </c>
      <c r="GU17" s="113">
        <v>1873121</v>
      </c>
      <c r="GV17" s="110">
        <v>0</v>
      </c>
      <c r="GW17" s="114">
        <v>1450792</v>
      </c>
      <c r="GX17" s="114">
        <v>992345</v>
      </c>
      <c r="GY17" s="114">
        <v>498915</v>
      </c>
      <c r="GZ17" s="114">
        <v>328350</v>
      </c>
      <c r="HA17" s="114">
        <v>0</v>
      </c>
      <c r="HB17" s="112">
        <v>3270402</v>
      </c>
      <c r="HC17" s="116">
        <v>5143523</v>
      </c>
      <c r="HD17" s="110">
        <v>2319287</v>
      </c>
      <c r="HE17" s="114">
        <v>3068859</v>
      </c>
      <c r="HF17" s="112">
        <v>5388146</v>
      </c>
      <c r="HG17" s="111">
        <v>0</v>
      </c>
      <c r="HH17" s="114">
        <v>32025269</v>
      </c>
      <c r="HI17" s="114">
        <v>25809655</v>
      </c>
      <c r="HJ17" s="114">
        <v>28156820</v>
      </c>
      <c r="HK17" s="114">
        <v>35131733</v>
      </c>
      <c r="HL17" s="114">
        <v>18955013</v>
      </c>
      <c r="HM17" s="113">
        <v>140078490</v>
      </c>
      <c r="HN17" s="109">
        <v>145466636</v>
      </c>
      <c r="HO17" s="115">
        <v>2289429</v>
      </c>
      <c r="HP17" s="114">
        <v>2563277</v>
      </c>
      <c r="HQ17" s="113">
        <v>4852706</v>
      </c>
      <c r="HR17" s="110">
        <v>0</v>
      </c>
      <c r="HS17" s="114">
        <v>27532257</v>
      </c>
      <c r="HT17" s="114">
        <v>15779931</v>
      </c>
      <c r="HU17" s="114">
        <v>13021871</v>
      </c>
      <c r="HV17" s="114">
        <v>9024534</v>
      </c>
      <c r="HW17" s="114">
        <v>5405525</v>
      </c>
      <c r="HX17" s="112">
        <v>70764118</v>
      </c>
      <c r="HY17" s="116">
        <v>75616824</v>
      </c>
      <c r="HZ17" s="131">
        <v>205810</v>
      </c>
      <c r="IA17" s="132">
        <v>1684982</v>
      </c>
      <c r="IB17" s="133">
        <v>1890792</v>
      </c>
      <c r="IC17" s="146">
        <v>0</v>
      </c>
      <c r="ID17" s="132">
        <v>55379764</v>
      </c>
      <c r="IE17" s="147">
        <v>54794192</v>
      </c>
      <c r="IF17" s="133">
        <v>47586157</v>
      </c>
      <c r="IG17" s="132">
        <v>33657433</v>
      </c>
      <c r="IH17" s="133">
        <v>17513675</v>
      </c>
      <c r="II17" s="148">
        <v>208931221</v>
      </c>
      <c r="IJ17" s="139">
        <v>210822013</v>
      </c>
      <c r="IK17" s="232">
        <v>0</v>
      </c>
      <c r="IL17" s="236">
        <v>0</v>
      </c>
      <c r="IM17" s="237">
        <v>0</v>
      </c>
      <c r="IN17" s="140"/>
      <c r="IO17" s="119">
        <v>975417</v>
      </c>
      <c r="IP17" s="119">
        <v>769334</v>
      </c>
      <c r="IQ17" s="119">
        <v>594434</v>
      </c>
      <c r="IR17" s="119">
        <v>1130462</v>
      </c>
      <c r="IS17" s="119">
        <v>1962530</v>
      </c>
      <c r="IT17" s="141">
        <v>5432177</v>
      </c>
      <c r="IU17" s="321">
        <v>5432177</v>
      </c>
      <c r="IV17" s="142">
        <v>0</v>
      </c>
      <c r="IW17" s="119">
        <v>0</v>
      </c>
      <c r="IX17" s="120">
        <v>0</v>
      </c>
      <c r="IY17" s="144"/>
      <c r="IZ17" s="119">
        <v>183586</v>
      </c>
      <c r="JA17" s="119">
        <v>265701</v>
      </c>
      <c r="JB17" s="119">
        <v>248004</v>
      </c>
      <c r="JC17" s="119">
        <v>287455</v>
      </c>
      <c r="JD17" s="119">
        <v>74836</v>
      </c>
      <c r="JE17" s="120">
        <v>1059582</v>
      </c>
      <c r="JF17" s="121">
        <v>1059582</v>
      </c>
      <c r="JG17" s="142">
        <v>0</v>
      </c>
      <c r="JH17" s="119">
        <v>0</v>
      </c>
      <c r="JI17" s="141">
        <v>0</v>
      </c>
      <c r="JJ17" s="118">
        <v>0</v>
      </c>
      <c r="JK17" s="119">
        <v>29379899</v>
      </c>
      <c r="JL17" s="119">
        <v>20746349</v>
      </c>
      <c r="JM17" s="119">
        <v>16879444</v>
      </c>
      <c r="JN17" s="119">
        <v>9507838</v>
      </c>
      <c r="JO17" s="119">
        <v>3805246</v>
      </c>
      <c r="JP17" s="120">
        <v>80318776</v>
      </c>
      <c r="JQ17" s="321">
        <v>80318776</v>
      </c>
      <c r="JR17" s="142">
        <v>0</v>
      </c>
      <c r="JS17" s="119">
        <v>74278</v>
      </c>
      <c r="JT17" s="141">
        <v>74278</v>
      </c>
      <c r="JU17" s="118">
        <v>0</v>
      </c>
      <c r="JV17" s="119">
        <v>1648703</v>
      </c>
      <c r="JW17" s="119">
        <v>1208228</v>
      </c>
      <c r="JX17" s="119">
        <v>1061865</v>
      </c>
      <c r="JY17" s="119">
        <v>178496</v>
      </c>
      <c r="JZ17" s="119">
        <v>75119</v>
      </c>
      <c r="KA17" s="120">
        <v>4172411</v>
      </c>
      <c r="KB17" s="321">
        <v>4246689</v>
      </c>
      <c r="KC17" s="234">
        <v>205810</v>
      </c>
      <c r="KD17" s="230">
        <v>357238</v>
      </c>
      <c r="KE17" s="120">
        <v>563048</v>
      </c>
      <c r="KF17" s="118">
        <v>0</v>
      </c>
      <c r="KG17" s="119">
        <v>7373341</v>
      </c>
      <c r="KH17" s="119">
        <v>11223003</v>
      </c>
      <c r="KI17" s="119">
        <v>9718883</v>
      </c>
      <c r="KJ17" s="119">
        <v>6593425</v>
      </c>
      <c r="KK17" s="119">
        <v>2931862</v>
      </c>
      <c r="KL17" s="120">
        <v>37840514</v>
      </c>
      <c r="KM17" s="143">
        <v>38403562</v>
      </c>
      <c r="KN17" s="232">
        <v>0</v>
      </c>
      <c r="KO17" s="236">
        <v>1253466</v>
      </c>
      <c r="KP17" s="237">
        <v>1253466</v>
      </c>
      <c r="KQ17" s="140"/>
      <c r="KR17" s="119">
        <v>15456245</v>
      </c>
      <c r="KS17" s="119">
        <v>19943204</v>
      </c>
      <c r="KT17" s="119">
        <v>18528965</v>
      </c>
      <c r="KU17" s="119">
        <v>14910114</v>
      </c>
      <c r="KV17" s="119">
        <v>7353368</v>
      </c>
      <c r="KW17" s="120">
        <v>76191896</v>
      </c>
      <c r="KX17" s="321">
        <v>77445362</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228960</v>
      </c>
      <c r="LP17" s="119">
        <v>0</v>
      </c>
      <c r="LQ17" s="119">
        <v>0</v>
      </c>
      <c r="LR17" s="119">
        <v>0</v>
      </c>
      <c r="LS17" s="120">
        <v>228960</v>
      </c>
      <c r="LT17" s="321">
        <v>228960</v>
      </c>
      <c r="LU17" s="142">
        <v>0</v>
      </c>
      <c r="LV17" s="119">
        <v>0</v>
      </c>
      <c r="LW17" s="120">
        <v>0</v>
      </c>
      <c r="LX17" s="145"/>
      <c r="LY17" s="119">
        <v>362573</v>
      </c>
      <c r="LZ17" s="119">
        <v>409413</v>
      </c>
      <c r="MA17" s="119">
        <v>554562</v>
      </c>
      <c r="MB17" s="119">
        <v>1049643</v>
      </c>
      <c r="MC17" s="119">
        <v>1310714</v>
      </c>
      <c r="MD17" s="120">
        <v>3686905</v>
      </c>
      <c r="ME17" s="121">
        <v>3686905</v>
      </c>
      <c r="MF17" s="142">
        <v>0</v>
      </c>
      <c r="MG17" s="119">
        <v>0</v>
      </c>
      <c r="MH17" s="120">
        <v>0</v>
      </c>
      <c r="MI17" s="145"/>
      <c r="MJ17" s="119">
        <v>21141178</v>
      </c>
      <c r="MK17" s="119">
        <v>30048984</v>
      </c>
      <c r="ML17" s="119">
        <v>96763406</v>
      </c>
      <c r="MM17" s="119">
        <v>147014296</v>
      </c>
      <c r="MN17" s="119">
        <v>82518352</v>
      </c>
      <c r="MO17" s="120">
        <v>377486216</v>
      </c>
      <c r="MP17" s="143">
        <v>377486216</v>
      </c>
      <c r="MQ17" s="142">
        <v>0</v>
      </c>
      <c r="MR17" s="119">
        <v>0</v>
      </c>
      <c r="MS17" s="120">
        <v>0</v>
      </c>
      <c r="MT17" s="145"/>
      <c r="MU17" s="119">
        <v>401954</v>
      </c>
      <c r="MV17" s="119">
        <v>1589857</v>
      </c>
      <c r="MW17" s="119">
        <v>55874460</v>
      </c>
      <c r="MX17" s="119">
        <v>96854165</v>
      </c>
      <c r="MY17" s="119">
        <v>54001439</v>
      </c>
      <c r="MZ17" s="120">
        <v>208721875</v>
      </c>
      <c r="NA17" s="143">
        <v>208721875</v>
      </c>
      <c r="NB17" s="142">
        <v>0</v>
      </c>
      <c r="NC17" s="119">
        <v>0</v>
      </c>
      <c r="ND17" s="120">
        <v>0</v>
      </c>
      <c r="NE17" s="145"/>
      <c r="NF17" s="119">
        <v>19716534</v>
      </c>
      <c r="NG17" s="119">
        <v>26918523</v>
      </c>
      <c r="NH17" s="119">
        <v>39235943</v>
      </c>
      <c r="NI17" s="119">
        <v>47763401</v>
      </c>
      <c r="NJ17" s="119">
        <v>20275270</v>
      </c>
      <c r="NK17" s="120">
        <v>153909671</v>
      </c>
      <c r="NL17" s="321">
        <v>153909671</v>
      </c>
      <c r="NM17" s="142">
        <v>0</v>
      </c>
      <c r="NN17" s="119">
        <v>0</v>
      </c>
      <c r="NO17" s="120">
        <v>0</v>
      </c>
      <c r="NP17" s="145"/>
      <c r="NQ17" s="119">
        <v>0</v>
      </c>
      <c r="NR17" s="119">
        <v>0</v>
      </c>
      <c r="NS17" s="119">
        <v>0</v>
      </c>
      <c r="NT17" s="119">
        <v>0</v>
      </c>
      <c r="NU17" s="119">
        <v>367190</v>
      </c>
      <c r="NV17" s="120">
        <v>367190</v>
      </c>
      <c r="NW17" s="121">
        <v>367190</v>
      </c>
      <c r="NX17" s="142">
        <v>0</v>
      </c>
      <c r="NY17" s="119">
        <v>0</v>
      </c>
      <c r="NZ17" s="120">
        <v>0</v>
      </c>
      <c r="OA17" s="145"/>
      <c r="OB17" s="119">
        <v>1022690</v>
      </c>
      <c r="OC17" s="119">
        <v>1540604</v>
      </c>
      <c r="OD17" s="119">
        <v>1653003</v>
      </c>
      <c r="OE17" s="119">
        <v>2396730</v>
      </c>
      <c r="OF17" s="119">
        <v>7874453</v>
      </c>
      <c r="OG17" s="120">
        <v>14487480</v>
      </c>
      <c r="OH17" s="121">
        <v>14487480</v>
      </c>
      <c r="OI17" s="142">
        <v>10544346</v>
      </c>
      <c r="OJ17" s="119">
        <v>15492210</v>
      </c>
      <c r="OK17" s="141">
        <v>26036556</v>
      </c>
      <c r="OL17" s="118">
        <v>0</v>
      </c>
      <c r="OM17" s="119">
        <v>242143388</v>
      </c>
      <c r="ON17" s="119">
        <v>221716464</v>
      </c>
      <c r="OO17" s="119">
        <v>278460193</v>
      </c>
      <c r="OP17" s="119">
        <v>314229256</v>
      </c>
      <c r="OQ17" s="119">
        <v>193476717</v>
      </c>
      <c r="OR17" s="120">
        <v>1250026018</v>
      </c>
      <c r="OS17" s="143">
        <v>1276062574</v>
      </c>
    </row>
    <row r="18" spans="2:409" ht="18.75" customHeight="1" x14ac:dyDescent="0.2">
      <c r="B18" s="62" t="s">
        <v>12</v>
      </c>
      <c r="C18" s="110">
        <v>16278693</v>
      </c>
      <c r="D18" s="114">
        <v>29471426</v>
      </c>
      <c r="E18" s="113">
        <v>45750119</v>
      </c>
      <c r="F18" s="109">
        <v>0</v>
      </c>
      <c r="G18" s="114">
        <v>120316813</v>
      </c>
      <c r="H18" s="170">
        <v>140364377</v>
      </c>
      <c r="I18" s="170">
        <v>136568996</v>
      </c>
      <c r="J18" s="170">
        <v>153098718</v>
      </c>
      <c r="K18" s="170">
        <v>103469452</v>
      </c>
      <c r="L18" s="112">
        <v>653818356</v>
      </c>
      <c r="M18" s="116">
        <v>699568475</v>
      </c>
      <c r="N18" s="110">
        <v>3190826</v>
      </c>
      <c r="O18" s="114">
        <v>7211728</v>
      </c>
      <c r="P18" s="113">
        <v>10402554</v>
      </c>
      <c r="Q18" s="110">
        <v>0</v>
      </c>
      <c r="R18" s="114">
        <v>33662868</v>
      </c>
      <c r="S18" s="114">
        <v>43775934</v>
      </c>
      <c r="T18" s="114">
        <v>40872131</v>
      </c>
      <c r="U18" s="114">
        <v>56770274</v>
      </c>
      <c r="V18" s="114">
        <v>51536271</v>
      </c>
      <c r="W18" s="113">
        <v>226617478</v>
      </c>
      <c r="X18" s="116">
        <v>237020032</v>
      </c>
      <c r="Y18" s="110">
        <v>0</v>
      </c>
      <c r="Z18" s="114">
        <v>0</v>
      </c>
      <c r="AA18" s="113">
        <v>0</v>
      </c>
      <c r="AB18" s="110">
        <v>0</v>
      </c>
      <c r="AC18" s="114">
        <v>19681036</v>
      </c>
      <c r="AD18" s="114">
        <v>25961402</v>
      </c>
      <c r="AE18" s="114">
        <v>26841511</v>
      </c>
      <c r="AF18" s="114">
        <v>38063096</v>
      </c>
      <c r="AG18" s="114">
        <v>34721183</v>
      </c>
      <c r="AH18" s="113">
        <v>145268228</v>
      </c>
      <c r="AI18" s="116">
        <v>145268228</v>
      </c>
      <c r="AJ18" s="110">
        <v>0</v>
      </c>
      <c r="AK18" s="114">
        <v>156869</v>
      </c>
      <c r="AL18" s="113">
        <v>156869</v>
      </c>
      <c r="AM18" s="110">
        <v>0</v>
      </c>
      <c r="AN18" s="114">
        <v>184132</v>
      </c>
      <c r="AO18" s="114">
        <v>1104009</v>
      </c>
      <c r="AP18" s="114">
        <v>1065860</v>
      </c>
      <c r="AQ18" s="114">
        <v>3658768</v>
      </c>
      <c r="AR18" s="114">
        <v>5169597</v>
      </c>
      <c r="AS18" s="113">
        <v>11182366</v>
      </c>
      <c r="AT18" s="116">
        <v>11339235</v>
      </c>
      <c r="AU18" s="110">
        <v>2297323</v>
      </c>
      <c r="AV18" s="114">
        <v>5422682</v>
      </c>
      <c r="AW18" s="113">
        <v>7720005</v>
      </c>
      <c r="AX18" s="110">
        <v>0</v>
      </c>
      <c r="AY18" s="114">
        <v>9322544</v>
      </c>
      <c r="AZ18" s="114">
        <v>10711057</v>
      </c>
      <c r="BA18" s="114">
        <v>7635404</v>
      </c>
      <c r="BB18" s="114">
        <v>8823694</v>
      </c>
      <c r="BC18" s="114">
        <v>7434002</v>
      </c>
      <c r="BD18" s="113">
        <v>43926701</v>
      </c>
      <c r="BE18" s="116">
        <v>51646706</v>
      </c>
      <c r="BF18" s="110">
        <v>82723</v>
      </c>
      <c r="BG18" s="114">
        <v>522552</v>
      </c>
      <c r="BH18" s="112">
        <v>605275</v>
      </c>
      <c r="BI18" s="111">
        <v>0</v>
      </c>
      <c r="BJ18" s="114">
        <v>520304</v>
      </c>
      <c r="BK18" s="114">
        <v>1694249</v>
      </c>
      <c r="BL18" s="114">
        <v>745478</v>
      </c>
      <c r="BM18" s="114">
        <v>789909</v>
      </c>
      <c r="BN18" s="114">
        <v>451083</v>
      </c>
      <c r="BO18" s="113">
        <v>4201023</v>
      </c>
      <c r="BP18" s="116">
        <v>4806298</v>
      </c>
      <c r="BQ18" s="110">
        <v>810780</v>
      </c>
      <c r="BR18" s="114">
        <v>1109625</v>
      </c>
      <c r="BS18" s="113">
        <v>1920405</v>
      </c>
      <c r="BT18" s="110">
        <v>0</v>
      </c>
      <c r="BU18" s="114">
        <v>3954852</v>
      </c>
      <c r="BV18" s="114">
        <v>4305217</v>
      </c>
      <c r="BW18" s="114">
        <v>4583878</v>
      </c>
      <c r="BX18" s="114">
        <v>5434807</v>
      </c>
      <c r="BY18" s="114">
        <v>3760406</v>
      </c>
      <c r="BZ18" s="113">
        <v>22039160</v>
      </c>
      <c r="CA18" s="116">
        <v>23959565</v>
      </c>
      <c r="CB18" s="110">
        <v>2969896</v>
      </c>
      <c r="CC18" s="114">
        <v>5337211</v>
      </c>
      <c r="CD18" s="113">
        <v>8307107</v>
      </c>
      <c r="CE18" s="110">
        <v>0</v>
      </c>
      <c r="CF18" s="114">
        <v>37423839</v>
      </c>
      <c r="CG18" s="114">
        <v>40602563</v>
      </c>
      <c r="CH18" s="114">
        <v>37071261</v>
      </c>
      <c r="CI18" s="114">
        <v>29969982</v>
      </c>
      <c r="CJ18" s="114">
        <v>12617889</v>
      </c>
      <c r="CK18" s="113">
        <v>157685534</v>
      </c>
      <c r="CL18" s="116">
        <v>165992641</v>
      </c>
      <c r="CM18" s="110">
        <v>0</v>
      </c>
      <c r="CN18" s="114">
        <v>0</v>
      </c>
      <c r="CO18" s="113">
        <v>0</v>
      </c>
      <c r="CP18" s="111">
        <v>0</v>
      </c>
      <c r="CQ18" s="114">
        <v>32104945</v>
      </c>
      <c r="CR18" s="114">
        <v>30656518</v>
      </c>
      <c r="CS18" s="114">
        <v>28656653</v>
      </c>
      <c r="CT18" s="114">
        <v>22858597</v>
      </c>
      <c r="CU18" s="114">
        <v>9537250</v>
      </c>
      <c r="CV18" s="113">
        <v>123813963</v>
      </c>
      <c r="CW18" s="116">
        <v>123813963</v>
      </c>
      <c r="CX18" s="110">
        <v>2969896</v>
      </c>
      <c r="CY18" s="114">
        <v>5337211</v>
      </c>
      <c r="CZ18" s="113">
        <v>8307107</v>
      </c>
      <c r="DA18" s="110">
        <v>0</v>
      </c>
      <c r="DB18" s="114">
        <v>5318894</v>
      </c>
      <c r="DC18" s="114">
        <v>9946045</v>
      </c>
      <c r="DD18" s="114">
        <v>8414608</v>
      </c>
      <c r="DE18" s="114">
        <v>7111385</v>
      </c>
      <c r="DF18" s="114">
        <v>3080639</v>
      </c>
      <c r="DG18" s="113">
        <v>33871571</v>
      </c>
      <c r="DH18" s="116">
        <v>42178678</v>
      </c>
      <c r="DI18" s="110">
        <v>87885</v>
      </c>
      <c r="DJ18" s="114">
        <v>364130</v>
      </c>
      <c r="DK18" s="112">
        <v>452015</v>
      </c>
      <c r="DL18" s="111">
        <v>0</v>
      </c>
      <c r="DM18" s="114">
        <v>5201485</v>
      </c>
      <c r="DN18" s="114">
        <v>6979176</v>
      </c>
      <c r="DO18" s="114">
        <v>12390892</v>
      </c>
      <c r="DP18" s="114">
        <v>13414376</v>
      </c>
      <c r="DQ18" s="114">
        <v>6817773</v>
      </c>
      <c r="DR18" s="113">
        <v>44803702</v>
      </c>
      <c r="DS18" s="116">
        <v>45255717</v>
      </c>
      <c r="DT18" s="110">
        <v>87885</v>
      </c>
      <c r="DU18" s="114">
        <v>364130</v>
      </c>
      <c r="DV18" s="113">
        <v>452015</v>
      </c>
      <c r="DW18" s="110">
        <v>0</v>
      </c>
      <c r="DX18" s="114">
        <v>5067212</v>
      </c>
      <c r="DY18" s="114">
        <v>6742109</v>
      </c>
      <c r="DZ18" s="114">
        <v>12204896</v>
      </c>
      <c r="EA18" s="114">
        <v>13077428</v>
      </c>
      <c r="EB18" s="114">
        <v>6668222</v>
      </c>
      <c r="EC18" s="113">
        <v>43759867</v>
      </c>
      <c r="ED18" s="116">
        <v>44211882</v>
      </c>
      <c r="EE18" s="110">
        <v>0</v>
      </c>
      <c r="EF18" s="112">
        <v>0</v>
      </c>
      <c r="EG18" s="113">
        <v>0</v>
      </c>
      <c r="EH18" s="110">
        <v>0</v>
      </c>
      <c r="EI18" s="114">
        <v>134273</v>
      </c>
      <c r="EJ18" s="114">
        <v>237067</v>
      </c>
      <c r="EK18" s="114">
        <v>185996</v>
      </c>
      <c r="EL18" s="114">
        <v>336948</v>
      </c>
      <c r="EM18" s="114">
        <v>149551</v>
      </c>
      <c r="EN18" s="112">
        <v>1043835</v>
      </c>
      <c r="EO18" s="116">
        <v>1043835</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8"/>
      <c r="FE18" s="114">
        <v>0</v>
      </c>
      <c r="FF18" s="114">
        <v>0</v>
      </c>
      <c r="FG18" s="114">
        <v>0</v>
      </c>
      <c r="FH18" s="114">
        <v>0</v>
      </c>
      <c r="FI18" s="114">
        <v>0</v>
      </c>
      <c r="FJ18" s="113">
        <v>0</v>
      </c>
      <c r="FK18" s="116">
        <v>0</v>
      </c>
      <c r="FL18" s="110">
        <v>4164089</v>
      </c>
      <c r="FM18" s="114">
        <v>7190238</v>
      </c>
      <c r="FN18" s="113">
        <v>11354327</v>
      </c>
      <c r="FO18" s="110">
        <v>0</v>
      </c>
      <c r="FP18" s="114">
        <v>4366721</v>
      </c>
      <c r="FQ18" s="114">
        <v>12947395</v>
      </c>
      <c r="FR18" s="114">
        <v>11642068</v>
      </c>
      <c r="FS18" s="114">
        <v>12460393</v>
      </c>
      <c r="FT18" s="114">
        <v>7668216</v>
      </c>
      <c r="FU18" s="113">
        <v>49084793</v>
      </c>
      <c r="FV18" s="116">
        <v>60439120</v>
      </c>
      <c r="FW18" s="115">
        <v>2412546</v>
      </c>
      <c r="FX18" s="114">
        <v>5073990</v>
      </c>
      <c r="FY18" s="112">
        <v>7486536</v>
      </c>
      <c r="FZ18" s="111">
        <v>0</v>
      </c>
      <c r="GA18" s="114">
        <v>3393335</v>
      </c>
      <c r="GB18" s="114">
        <v>12163933</v>
      </c>
      <c r="GC18" s="114">
        <v>10781527</v>
      </c>
      <c r="GD18" s="114">
        <v>11735569</v>
      </c>
      <c r="GE18" s="114">
        <v>7472646</v>
      </c>
      <c r="GF18" s="113">
        <v>45547010</v>
      </c>
      <c r="GG18" s="319">
        <v>53033546</v>
      </c>
      <c r="GH18" s="115">
        <v>278914</v>
      </c>
      <c r="GI18" s="114">
        <v>221951</v>
      </c>
      <c r="GJ18" s="112">
        <v>500865</v>
      </c>
      <c r="GK18" s="111">
        <v>0</v>
      </c>
      <c r="GL18" s="114">
        <v>256168</v>
      </c>
      <c r="GM18" s="114">
        <v>550743</v>
      </c>
      <c r="GN18" s="114">
        <v>318150</v>
      </c>
      <c r="GO18" s="114">
        <v>208894</v>
      </c>
      <c r="GP18" s="114">
        <v>195570</v>
      </c>
      <c r="GQ18" s="113">
        <v>1529525</v>
      </c>
      <c r="GR18" s="116">
        <v>2030390</v>
      </c>
      <c r="GS18" s="110">
        <v>1472629</v>
      </c>
      <c r="GT18" s="114">
        <v>1894297</v>
      </c>
      <c r="GU18" s="113">
        <v>3366926</v>
      </c>
      <c r="GV18" s="110">
        <v>0</v>
      </c>
      <c r="GW18" s="114">
        <v>717218</v>
      </c>
      <c r="GX18" s="114">
        <v>232719</v>
      </c>
      <c r="GY18" s="114">
        <v>542391</v>
      </c>
      <c r="GZ18" s="114">
        <v>515930</v>
      </c>
      <c r="HA18" s="114">
        <v>0</v>
      </c>
      <c r="HB18" s="112">
        <v>2008258</v>
      </c>
      <c r="HC18" s="116">
        <v>5375184</v>
      </c>
      <c r="HD18" s="110">
        <v>2622637</v>
      </c>
      <c r="HE18" s="114">
        <v>4801570</v>
      </c>
      <c r="HF18" s="112">
        <v>7424207</v>
      </c>
      <c r="HG18" s="111">
        <v>0</v>
      </c>
      <c r="HH18" s="114">
        <v>19284739</v>
      </c>
      <c r="HI18" s="114">
        <v>18828607</v>
      </c>
      <c r="HJ18" s="114">
        <v>20536833</v>
      </c>
      <c r="HK18" s="114">
        <v>29199926</v>
      </c>
      <c r="HL18" s="114">
        <v>18719799</v>
      </c>
      <c r="HM18" s="113">
        <v>106569904</v>
      </c>
      <c r="HN18" s="109">
        <v>113994111</v>
      </c>
      <c r="HO18" s="115">
        <v>3243360</v>
      </c>
      <c r="HP18" s="114">
        <v>4566549</v>
      </c>
      <c r="HQ18" s="113">
        <v>7809909</v>
      </c>
      <c r="HR18" s="110">
        <v>0</v>
      </c>
      <c r="HS18" s="114">
        <v>20377161</v>
      </c>
      <c r="HT18" s="114">
        <v>17230702</v>
      </c>
      <c r="HU18" s="114">
        <v>14055811</v>
      </c>
      <c r="HV18" s="114">
        <v>11283767</v>
      </c>
      <c r="HW18" s="114">
        <v>6109504</v>
      </c>
      <c r="HX18" s="112">
        <v>69056945</v>
      </c>
      <c r="HY18" s="116">
        <v>76866854</v>
      </c>
      <c r="HZ18" s="150">
        <v>0</v>
      </c>
      <c r="IA18" s="135">
        <v>0</v>
      </c>
      <c r="IB18" s="150">
        <v>0</v>
      </c>
      <c r="IC18" s="134">
        <v>0</v>
      </c>
      <c r="ID18" s="135">
        <v>37782957</v>
      </c>
      <c r="IE18" s="136">
        <v>35311675</v>
      </c>
      <c r="IF18" s="137">
        <v>52716244</v>
      </c>
      <c r="IG18" s="135">
        <v>46510783</v>
      </c>
      <c r="IH18" s="137">
        <v>25915142</v>
      </c>
      <c r="II18" s="138">
        <v>198236801</v>
      </c>
      <c r="IJ18" s="150">
        <v>198236801</v>
      </c>
      <c r="IK18" s="232">
        <v>0</v>
      </c>
      <c r="IL18" s="236">
        <v>0</v>
      </c>
      <c r="IM18" s="237">
        <v>0</v>
      </c>
      <c r="IN18" s="140"/>
      <c r="IO18" s="119">
        <v>671032</v>
      </c>
      <c r="IP18" s="119">
        <v>243725</v>
      </c>
      <c r="IQ18" s="119">
        <v>833097</v>
      </c>
      <c r="IR18" s="119">
        <v>1264792</v>
      </c>
      <c r="IS18" s="119">
        <v>264545</v>
      </c>
      <c r="IT18" s="141">
        <v>3277191</v>
      </c>
      <c r="IU18" s="321">
        <v>3277191</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20741886</v>
      </c>
      <c r="JL18" s="119">
        <v>15733289</v>
      </c>
      <c r="JM18" s="119">
        <v>14787644</v>
      </c>
      <c r="JN18" s="119">
        <v>8479991</v>
      </c>
      <c r="JO18" s="119">
        <v>4418470</v>
      </c>
      <c r="JP18" s="120">
        <v>64161280</v>
      </c>
      <c r="JQ18" s="321">
        <v>64161280</v>
      </c>
      <c r="JR18" s="142">
        <v>0</v>
      </c>
      <c r="JS18" s="119">
        <v>0</v>
      </c>
      <c r="JT18" s="141">
        <v>0</v>
      </c>
      <c r="JU18" s="118">
        <v>0</v>
      </c>
      <c r="JV18" s="119">
        <v>340847</v>
      </c>
      <c r="JW18" s="119">
        <v>249616</v>
      </c>
      <c r="JX18" s="119">
        <v>129141</v>
      </c>
      <c r="JY18" s="119">
        <v>0</v>
      </c>
      <c r="JZ18" s="119">
        <v>209939</v>
      </c>
      <c r="KA18" s="120">
        <v>929543</v>
      </c>
      <c r="KB18" s="321">
        <v>929543</v>
      </c>
      <c r="KC18" s="234">
        <v>0</v>
      </c>
      <c r="KD18" s="230">
        <v>0</v>
      </c>
      <c r="KE18" s="120">
        <v>0</v>
      </c>
      <c r="KF18" s="118">
        <v>0</v>
      </c>
      <c r="KG18" s="119">
        <v>3139362</v>
      </c>
      <c r="KH18" s="119">
        <v>5208034</v>
      </c>
      <c r="KI18" s="119">
        <v>13427131</v>
      </c>
      <c r="KJ18" s="119">
        <v>13143757</v>
      </c>
      <c r="KK18" s="119">
        <v>6450612</v>
      </c>
      <c r="KL18" s="120">
        <v>41368896</v>
      </c>
      <c r="KM18" s="143">
        <v>41368896</v>
      </c>
      <c r="KN18" s="232">
        <v>0</v>
      </c>
      <c r="KO18" s="236">
        <v>0</v>
      </c>
      <c r="KP18" s="237">
        <v>0</v>
      </c>
      <c r="KQ18" s="140"/>
      <c r="KR18" s="119">
        <v>10592008</v>
      </c>
      <c r="KS18" s="119">
        <v>10851119</v>
      </c>
      <c r="KT18" s="119">
        <v>14951299</v>
      </c>
      <c r="KU18" s="119">
        <v>10847704</v>
      </c>
      <c r="KV18" s="119">
        <v>8138971</v>
      </c>
      <c r="KW18" s="120">
        <v>55381101</v>
      </c>
      <c r="KX18" s="321">
        <v>55381101</v>
      </c>
      <c r="KY18" s="142">
        <v>0</v>
      </c>
      <c r="KZ18" s="119">
        <v>0</v>
      </c>
      <c r="LA18" s="120">
        <v>0</v>
      </c>
      <c r="LB18" s="145"/>
      <c r="LC18" s="119">
        <v>262897</v>
      </c>
      <c r="LD18" s="119">
        <v>1496022</v>
      </c>
      <c r="LE18" s="119">
        <v>452662</v>
      </c>
      <c r="LF18" s="119">
        <v>2592324</v>
      </c>
      <c r="LG18" s="119">
        <v>538134</v>
      </c>
      <c r="LH18" s="120">
        <v>5342039</v>
      </c>
      <c r="LI18" s="121">
        <v>5342039</v>
      </c>
      <c r="LJ18" s="142">
        <v>0</v>
      </c>
      <c r="LK18" s="119">
        <v>0</v>
      </c>
      <c r="LL18" s="120">
        <v>0</v>
      </c>
      <c r="LM18" s="145"/>
      <c r="LN18" s="119">
        <v>238491</v>
      </c>
      <c r="LO18" s="119">
        <v>0</v>
      </c>
      <c r="LP18" s="119">
        <v>3703816</v>
      </c>
      <c r="LQ18" s="119">
        <v>3009362</v>
      </c>
      <c r="LR18" s="119">
        <v>1207903</v>
      </c>
      <c r="LS18" s="120">
        <v>8159572</v>
      </c>
      <c r="LT18" s="321">
        <v>8159572</v>
      </c>
      <c r="LU18" s="142">
        <v>0</v>
      </c>
      <c r="LV18" s="119">
        <v>0</v>
      </c>
      <c r="LW18" s="120">
        <v>0</v>
      </c>
      <c r="LX18" s="145"/>
      <c r="LY18" s="119">
        <v>1796434</v>
      </c>
      <c r="LZ18" s="119">
        <v>1529870</v>
      </c>
      <c r="MA18" s="119">
        <v>4431454</v>
      </c>
      <c r="MB18" s="119">
        <v>7172853</v>
      </c>
      <c r="MC18" s="119">
        <v>4686568</v>
      </c>
      <c r="MD18" s="120">
        <v>19617179</v>
      </c>
      <c r="ME18" s="121">
        <v>19617179</v>
      </c>
      <c r="MF18" s="142">
        <v>0</v>
      </c>
      <c r="MG18" s="119">
        <v>0</v>
      </c>
      <c r="MH18" s="120">
        <v>0</v>
      </c>
      <c r="MI18" s="145"/>
      <c r="MJ18" s="119">
        <v>11547552</v>
      </c>
      <c r="MK18" s="119">
        <v>25700314</v>
      </c>
      <c r="ML18" s="119">
        <v>94024565</v>
      </c>
      <c r="MM18" s="119">
        <v>138809585</v>
      </c>
      <c r="MN18" s="119">
        <v>97799349</v>
      </c>
      <c r="MO18" s="120">
        <v>367881365</v>
      </c>
      <c r="MP18" s="143">
        <v>367881365</v>
      </c>
      <c r="MQ18" s="142">
        <v>0</v>
      </c>
      <c r="MR18" s="119">
        <v>0</v>
      </c>
      <c r="MS18" s="120">
        <v>0</v>
      </c>
      <c r="MT18" s="145"/>
      <c r="MU18" s="119">
        <v>501096</v>
      </c>
      <c r="MV18" s="119">
        <v>4066122</v>
      </c>
      <c r="MW18" s="119">
        <v>46063994</v>
      </c>
      <c r="MX18" s="119">
        <v>83100403</v>
      </c>
      <c r="MY18" s="119">
        <v>71661960</v>
      </c>
      <c r="MZ18" s="120">
        <v>205393575</v>
      </c>
      <c r="NA18" s="143">
        <v>205393575</v>
      </c>
      <c r="NB18" s="142">
        <v>0</v>
      </c>
      <c r="NC18" s="119">
        <v>0</v>
      </c>
      <c r="ND18" s="120">
        <v>0</v>
      </c>
      <c r="NE18" s="145"/>
      <c r="NF18" s="119">
        <v>11046456</v>
      </c>
      <c r="NG18" s="119">
        <v>21336407</v>
      </c>
      <c r="NH18" s="119">
        <v>47273819</v>
      </c>
      <c r="NI18" s="119">
        <v>50157448</v>
      </c>
      <c r="NJ18" s="119">
        <v>21113178</v>
      </c>
      <c r="NK18" s="120">
        <v>150927308</v>
      </c>
      <c r="NL18" s="321">
        <v>150927308</v>
      </c>
      <c r="NM18" s="142">
        <v>0</v>
      </c>
      <c r="NN18" s="119">
        <v>0</v>
      </c>
      <c r="NO18" s="120">
        <v>0</v>
      </c>
      <c r="NP18" s="145"/>
      <c r="NQ18" s="119">
        <v>0</v>
      </c>
      <c r="NR18" s="119">
        <v>0</v>
      </c>
      <c r="NS18" s="119">
        <v>0</v>
      </c>
      <c r="NT18" s="119">
        <v>0</v>
      </c>
      <c r="NU18" s="119">
        <v>766787</v>
      </c>
      <c r="NV18" s="120">
        <v>766787</v>
      </c>
      <c r="NW18" s="121">
        <v>766787</v>
      </c>
      <c r="NX18" s="142">
        <v>0</v>
      </c>
      <c r="NY18" s="119">
        <v>0</v>
      </c>
      <c r="NZ18" s="120">
        <v>0</v>
      </c>
      <c r="OA18" s="145"/>
      <c r="OB18" s="119">
        <v>0</v>
      </c>
      <c r="OC18" s="119">
        <v>297785</v>
      </c>
      <c r="OD18" s="119">
        <v>686752</v>
      </c>
      <c r="OE18" s="119">
        <v>5551734</v>
      </c>
      <c r="OF18" s="119">
        <v>4257424</v>
      </c>
      <c r="OG18" s="120">
        <v>10793695</v>
      </c>
      <c r="OH18" s="121">
        <v>10793695</v>
      </c>
      <c r="OI18" s="142">
        <v>16278693</v>
      </c>
      <c r="OJ18" s="119">
        <v>29471426</v>
      </c>
      <c r="OK18" s="141">
        <v>45750119</v>
      </c>
      <c r="OL18" s="118">
        <v>0</v>
      </c>
      <c r="OM18" s="119">
        <v>169647322</v>
      </c>
      <c r="ON18" s="119">
        <v>201376366</v>
      </c>
      <c r="OO18" s="119">
        <v>283309805</v>
      </c>
      <c r="OP18" s="119">
        <v>338419086</v>
      </c>
      <c r="OQ18" s="119">
        <v>227183943</v>
      </c>
      <c r="OR18" s="120">
        <v>1219936522</v>
      </c>
      <c r="OS18" s="143">
        <v>1265686641</v>
      </c>
    </row>
    <row r="19" spans="2:409" ht="18.75" customHeight="1" x14ac:dyDescent="0.2">
      <c r="B19" s="62" t="s">
        <v>13</v>
      </c>
      <c r="C19" s="110">
        <v>3988414</v>
      </c>
      <c r="D19" s="114">
        <v>6547569</v>
      </c>
      <c r="E19" s="113">
        <v>10535983</v>
      </c>
      <c r="F19" s="110">
        <v>0</v>
      </c>
      <c r="G19" s="170">
        <v>50047914</v>
      </c>
      <c r="H19" s="114">
        <v>57802922</v>
      </c>
      <c r="I19" s="114">
        <v>58734887</v>
      </c>
      <c r="J19" s="114">
        <v>60606869</v>
      </c>
      <c r="K19" s="114">
        <v>50203008</v>
      </c>
      <c r="L19" s="112">
        <v>277395600</v>
      </c>
      <c r="M19" s="116">
        <v>287931583</v>
      </c>
      <c r="N19" s="110">
        <v>807849</v>
      </c>
      <c r="O19" s="114">
        <v>1074190</v>
      </c>
      <c r="P19" s="113">
        <v>1882039</v>
      </c>
      <c r="Q19" s="110">
        <v>0</v>
      </c>
      <c r="R19" s="114">
        <v>13305114</v>
      </c>
      <c r="S19" s="114">
        <v>18500709</v>
      </c>
      <c r="T19" s="114">
        <v>17968751</v>
      </c>
      <c r="U19" s="114">
        <v>21702780</v>
      </c>
      <c r="V19" s="114">
        <v>26014848</v>
      </c>
      <c r="W19" s="113">
        <v>97492202</v>
      </c>
      <c r="X19" s="116">
        <v>99374241</v>
      </c>
      <c r="Y19" s="110">
        <v>0</v>
      </c>
      <c r="Z19" s="114">
        <v>0</v>
      </c>
      <c r="AA19" s="113">
        <v>0</v>
      </c>
      <c r="AB19" s="110">
        <v>0</v>
      </c>
      <c r="AC19" s="114">
        <v>6631841</v>
      </c>
      <c r="AD19" s="114">
        <v>9780549</v>
      </c>
      <c r="AE19" s="114">
        <v>10776504</v>
      </c>
      <c r="AF19" s="114">
        <v>13173710</v>
      </c>
      <c r="AG19" s="114">
        <v>17472605</v>
      </c>
      <c r="AH19" s="113">
        <v>57835209</v>
      </c>
      <c r="AI19" s="116">
        <v>57835209</v>
      </c>
      <c r="AJ19" s="110">
        <v>27269</v>
      </c>
      <c r="AK19" s="114">
        <v>0</v>
      </c>
      <c r="AL19" s="113">
        <v>27269</v>
      </c>
      <c r="AM19" s="110">
        <v>0</v>
      </c>
      <c r="AN19" s="114">
        <v>0</v>
      </c>
      <c r="AO19" s="114">
        <v>170898</v>
      </c>
      <c r="AP19" s="114">
        <v>426285</v>
      </c>
      <c r="AQ19" s="114">
        <v>1329857</v>
      </c>
      <c r="AR19" s="114">
        <v>2161723</v>
      </c>
      <c r="AS19" s="113">
        <v>4088763</v>
      </c>
      <c r="AT19" s="116">
        <v>4116032</v>
      </c>
      <c r="AU19" s="110">
        <v>243056</v>
      </c>
      <c r="AV19" s="114">
        <v>459948</v>
      </c>
      <c r="AW19" s="113">
        <v>703004</v>
      </c>
      <c r="AX19" s="110">
        <v>0</v>
      </c>
      <c r="AY19" s="114">
        <v>3448843</v>
      </c>
      <c r="AZ19" s="114">
        <v>5168719</v>
      </c>
      <c r="BA19" s="114">
        <v>3770674</v>
      </c>
      <c r="BB19" s="114">
        <v>4412990</v>
      </c>
      <c r="BC19" s="114">
        <v>4130734</v>
      </c>
      <c r="BD19" s="113">
        <v>20931960</v>
      </c>
      <c r="BE19" s="116">
        <v>21634964</v>
      </c>
      <c r="BF19" s="110">
        <v>47382</v>
      </c>
      <c r="BG19" s="114">
        <v>151599</v>
      </c>
      <c r="BH19" s="112">
        <v>198981</v>
      </c>
      <c r="BI19" s="111">
        <v>0</v>
      </c>
      <c r="BJ19" s="114">
        <v>571357</v>
      </c>
      <c r="BK19" s="114">
        <v>962103</v>
      </c>
      <c r="BL19" s="114">
        <v>215683</v>
      </c>
      <c r="BM19" s="114">
        <v>308659</v>
      </c>
      <c r="BN19" s="114">
        <v>127238</v>
      </c>
      <c r="BO19" s="113">
        <v>2185040</v>
      </c>
      <c r="BP19" s="116">
        <v>2384021</v>
      </c>
      <c r="BQ19" s="110">
        <v>490142</v>
      </c>
      <c r="BR19" s="114">
        <v>462643</v>
      </c>
      <c r="BS19" s="113">
        <v>952785</v>
      </c>
      <c r="BT19" s="110">
        <v>0</v>
      </c>
      <c r="BU19" s="114">
        <v>2653073</v>
      </c>
      <c r="BV19" s="114">
        <v>2418440</v>
      </c>
      <c r="BW19" s="114">
        <v>2779605</v>
      </c>
      <c r="BX19" s="114">
        <v>2477564</v>
      </c>
      <c r="BY19" s="114">
        <v>2122548</v>
      </c>
      <c r="BZ19" s="113">
        <v>12451230</v>
      </c>
      <c r="CA19" s="116">
        <v>13404015</v>
      </c>
      <c r="CB19" s="110">
        <v>281219</v>
      </c>
      <c r="CC19" s="114">
        <v>1174258</v>
      </c>
      <c r="CD19" s="113">
        <v>1455477</v>
      </c>
      <c r="CE19" s="110">
        <v>0</v>
      </c>
      <c r="CF19" s="114">
        <v>10404679</v>
      </c>
      <c r="CG19" s="114">
        <v>13135524</v>
      </c>
      <c r="CH19" s="114">
        <v>10740768</v>
      </c>
      <c r="CI19" s="114">
        <v>9539515</v>
      </c>
      <c r="CJ19" s="114">
        <v>4337085</v>
      </c>
      <c r="CK19" s="113">
        <v>48157571</v>
      </c>
      <c r="CL19" s="116">
        <v>49613048</v>
      </c>
      <c r="CM19" s="110">
        <v>0</v>
      </c>
      <c r="CN19" s="114">
        <v>0</v>
      </c>
      <c r="CO19" s="113">
        <v>0</v>
      </c>
      <c r="CP19" s="111">
        <v>0</v>
      </c>
      <c r="CQ19" s="114">
        <v>9390559</v>
      </c>
      <c r="CR19" s="114">
        <v>11269280</v>
      </c>
      <c r="CS19" s="114">
        <v>9277224</v>
      </c>
      <c r="CT19" s="114">
        <v>7320675</v>
      </c>
      <c r="CU19" s="114">
        <v>3083366</v>
      </c>
      <c r="CV19" s="113">
        <v>40341104</v>
      </c>
      <c r="CW19" s="116">
        <v>40341104</v>
      </c>
      <c r="CX19" s="110">
        <v>281219</v>
      </c>
      <c r="CY19" s="114">
        <v>1174258</v>
      </c>
      <c r="CZ19" s="113">
        <v>1455477</v>
      </c>
      <c r="DA19" s="110">
        <v>0</v>
      </c>
      <c r="DB19" s="114">
        <v>1014120</v>
      </c>
      <c r="DC19" s="114">
        <v>1866244</v>
      </c>
      <c r="DD19" s="114">
        <v>1463544</v>
      </c>
      <c r="DE19" s="114">
        <v>2218840</v>
      </c>
      <c r="DF19" s="114">
        <v>1253719</v>
      </c>
      <c r="DG19" s="113">
        <v>7816467</v>
      </c>
      <c r="DH19" s="116">
        <v>9271944</v>
      </c>
      <c r="DI19" s="110">
        <v>0</v>
      </c>
      <c r="DJ19" s="114">
        <v>25066</v>
      </c>
      <c r="DK19" s="112">
        <v>25066</v>
      </c>
      <c r="DL19" s="111">
        <v>0</v>
      </c>
      <c r="DM19" s="114">
        <v>1378336</v>
      </c>
      <c r="DN19" s="114">
        <v>2107408</v>
      </c>
      <c r="DO19" s="114">
        <v>5505805</v>
      </c>
      <c r="DP19" s="114">
        <v>6511150</v>
      </c>
      <c r="DQ19" s="114">
        <v>4076321</v>
      </c>
      <c r="DR19" s="113">
        <v>19579020</v>
      </c>
      <c r="DS19" s="116">
        <v>19604086</v>
      </c>
      <c r="DT19" s="110">
        <v>0</v>
      </c>
      <c r="DU19" s="114">
        <v>25066</v>
      </c>
      <c r="DV19" s="113">
        <v>25066</v>
      </c>
      <c r="DW19" s="110">
        <v>0</v>
      </c>
      <c r="DX19" s="114">
        <v>1193453</v>
      </c>
      <c r="DY19" s="114">
        <v>1711612</v>
      </c>
      <c r="DZ19" s="114">
        <v>5226566</v>
      </c>
      <c r="EA19" s="114">
        <v>6067655</v>
      </c>
      <c r="EB19" s="114">
        <v>3774460</v>
      </c>
      <c r="EC19" s="113">
        <v>17973746</v>
      </c>
      <c r="ED19" s="116">
        <v>17998812</v>
      </c>
      <c r="EE19" s="110">
        <v>0</v>
      </c>
      <c r="EF19" s="112">
        <v>0</v>
      </c>
      <c r="EG19" s="113">
        <v>0</v>
      </c>
      <c r="EH19" s="110">
        <v>0</v>
      </c>
      <c r="EI19" s="114">
        <v>184883</v>
      </c>
      <c r="EJ19" s="114">
        <v>395796</v>
      </c>
      <c r="EK19" s="114">
        <v>279239</v>
      </c>
      <c r="EL19" s="114">
        <v>443495</v>
      </c>
      <c r="EM19" s="114">
        <v>301861</v>
      </c>
      <c r="EN19" s="112">
        <v>1605274</v>
      </c>
      <c r="EO19" s="116">
        <v>1605274</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8"/>
      <c r="FE19" s="114">
        <v>0</v>
      </c>
      <c r="FF19" s="114">
        <v>0</v>
      </c>
      <c r="FG19" s="114">
        <v>0</v>
      </c>
      <c r="FH19" s="114">
        <v>0</v>
      </c>
      <c r="FI19" s="114">
        <v>0</v>
      </c>
      <c r="FJ19" s="113">
        <v>0</v>
      </c>
      <c r="FK19" s="116">
        <v>0</v>
      </c>
      <c r="FL19" s="110">
        <v>835123</v>
      </c>
      <c r="FM19" s="114">
        <v>1492318</v>
      </c>
      <c r="FN19" s="113">
        <v>2327441</v>
      </c>
      <c r="FO19" s="110">
        <v>0</v>
      </c>
      <c r="FP19" s="114">
        <v>2594977</v>
      </c>
      <c r="FQ19" s="114">
        <v>5278779</v>
      </c>
      <c r="FR19" s="114">
        <v>3639523</v>
      </c>
      <c r="FS19" s="114">
        <v>3818661</v>
      </c>
      <c r="FT19" s="114">
        <v>2716663</v>
      </c>
      <c r="FU19" s="113">
        <v>18048603</v>
      </c>
      <c r="FV19" s="116">
        <v>20376044</v>
      </c>
      <c r="FW19" s="115">
        <v>329616</v>
      </c>
      <c r="FX19" s="114">
        <v>802226</v>
      </c>
      <c r="FY19" s="112">
        <v>1131842</v>
      </c>
      <c r="FZ19" s="111">
        <v>0</v>
      </c>
      <c r="GA19" s="114">
        <v>1777522</v>
      </c>
      <c r="GB19" s="114">
        <v>4756520</v>
      </c>
      <c r="GC19" s="114">
        <v>3263923</v>
      </c>
      <c r="GD19" s="114">
        <v>3638196</v>
      </c>
      <c r="GE19" s="114">
        <v>2716663</v>
      </c>
      <c r="GF19" s="113">
        <v>16152824</v>
      </c>
      <c r="GG19" s="319">
        <v>17284666</v>
      </c>
      <c r="GH19" s="115">
        <v>30591</v>
      </c>
      <c r="GI19" s="114">
        <v>62870</v>
      </c>
      <c r="GJ19" s="112">
        <v>93461</v>
      </c>
      <c r="GK19" s="111">
        <v>0</v>
      </c>
      <c r="GL19" s="114">
        <v>160920</v>
      </c>
      <c r="GM19" s="114">
        <v>105777</v>
      </c>
      <c r="GN19" s="114">
        <v>29700</v>
      </c>
      <c r="GO19" s="114">
        <v>26565</v>
      </c>
      <c r="GP19" s="114">
        <v>0</v>
      </c>
      <c r="GQ19" s="113">
        <v>322962</v>
      </c>
      <c r="GR19" s="116">
        <v>416423</v>
      </c>
      <c r="GS19" s="110">
        <v>474916</v>
      </c>
      <c r="GT19" s="114">
        <v>627222</v>
      </c>
      <c r="GU19" s="113">
        <v>1102138</v>
      </c>
      <c r="GV19" s="110">
        <v>0</v>
      </c>
      <c r="GW19" s="114">
        <v>656535</v>
      </c>
      <c r="GX19" s="114">
        <v>416482</v>
      </c>
      <c r="GY19" s="114">
        <v>345900</v>
      </c>
      <c r="GZ19" s="114">
        <v>153900</v>
      </c>
      <c r="HA19" s="114">
        <v>0</v>
      </c>
      <c r="HB19" s="112">
        <v>1572817</v>
      </c>
      <c r="HC19" s="116">
        <v>2674955</v>
      </c>
      <c r="HD19" s="110">
        <v>1590463</v>
      </c>
      <c r="HE19" s="114">
        <v>1842800</v>
      </c>
      <c r="HF19" s="112">
        <v>3433263</v>
      </c>
      <c r="HG19" s="111">
        <v>0</v>
      </c>
      <c r="HH19" s="114">
        <v>14340692</v>
      </c>
      <c r="HI19" s="114">
        <v>11205390</v>
      </c>
      <c r="HJ19" s="114">
        <v>15478625</v>
      </c>
      <c r="HK19" s="114">
        <v>14639229</v>
      </c>
      <c r="HL19" s="114">
        <v>10155388</v>
      </c>
      <c r="HM19" s="113">
        <v>65819324</v>
      </c>
      <c r="HN19" s="109">
        <v>69252587</v>
      </c>
      <c r="HO19" s="115">
        <v>473760</v>
      </c>
      <c r="HP19" s="114">
        <v>938937</v>
      </c>
      <c r="HQ19" s="113">
        <v>1412697</v>
      </c>
      <c r="HR19" s="110">
        <v>0</v>
      </c>
      <c r="HS19" s="114">
        <v>8024116</v>
      </c>
      <c r="HT19" s="114">
        <v>7575112</v>
      </c>
      <c r="HU19" s="114">
        <v>5401415</v>
      </c>
      <c r="HV19" s="114">
        <v>4395534</v>
      </c>
      <c r="HW19" s="114">
        <v>2902703</v>
      </c>
      <c r="HX19" s="112">
        <v>28298880</v>
      </c>
      <c r="HY19" s="116">
        <v>29711577</v>
      </c>
      <c r="HZ19" s="131">
        <v>32984</v>
      </c>
      <c r="IA19" s="132">
        <v>133316</v>
      </c>
      <c r="IB19" s="133">
        <v>166300</v>
      </c>
      <c r="IC19" s="146">
        <v>0</v>
      </c>
      <c r="ID19" s="132">
        <v>11107046</v>
      </c>
      <c r="IE19" s="147">
        <v>14444728</v>
      </c>
      <c r="IF19" s="133">
        <v>15360121</v>
      </c>
      <c r="IG19" s="132">
        <v>11501139</v>
      </c>
      <c r="IH19" s="133">
        <v>5695046</v>
      </c>
      <c r="II19" s="148">
        <v>58108080</v>
      </c>
      <c r="IJ19" s="139">
        <v>58274380</v>
      </c>
      <c r="IK19" s="232">
        <v>0</v>
      </c>
      <c r="IL19" s="236">
        <v>0</v>
      </c>
      <c r="IM19" s="237">
        <v>0</v>
      </c>
      <c r="IN19" s="140"/>
      <c r="IO19" s="119">
        <v>80904</v>
      </c>
      <c r="IP19" s="119">
        <v>136457</v>
      </c>
      <c r="IQ19" s="119">
        <v>205695</v>
      </c>
      <c r="IR19" s="119">
        <v>0</v>
      </c>
      <c r="IS19" s="119">
        <v>0</v>
      </c>
      <c r="IT19" s="141">
        <v>423056</v>
      </c>
      <c r="IU19" s="321">
        <v>423056</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6156657</v>
      </c>
      <c r="JL19" s="119">
        <v>7973312</v>
      </c>
      <c r="JM19" s="119">
        <v>5481065</v>
      </c>
      <c r="JN19" s="119">
        <v>3360548</v>
      </c>
      <c r="JO19" s="119">
        <v>1055360</v>
      </c>
      <c r="JP19" s="120">
        <v>24026942</v>
      </c>
      <c r="JQ19" s="321">
        <v>24026942</v>
      </c>
      <c r="JR19" s="142">
        <v>0</v>
      </c>
      <c r="JS19" s="119">
        <v>0</v>
      </c>
      <c r="JT19" s="141">
        <v>0</v>
      </c>
      <c r="JU19" s="118">
        <v>0</v>
      </c>
      <c r="JV19" s="119">
        <v>201030</v>
      </c>
      <c r="JW19" s="119">
        <v>213563</v>
      </c>
      <c r="JX19" s="119">
        <v>804342</v>
      </c>
      <c r="JY19" s="119">
        <v>565601</v>
      </c>
      <c r="JZ19" s="119">
        <v>672151</v>
      </c>
      <c r="KA19" s="120">
        <v>2456687</v>
      </c>
      <c r="KB19" s="321">
        <v>2456687</v>
      </c>
      <c r="KC19" s="234">
        <v>32984</v>
      </c>
      <c r="KD19" s="230">
        <v>133316</v>
      </c>
      <c r="KE19" s="120">
        <v>166300</v>
      </c>
      <c r="KF19" s="118">
        <v>0</v>
      </c>
      <c r="KG19" s="119">
        <v>2059714</v>
      </c>
      <c r="KH19" s="119">
        <v>1856459</v>
      </c>
      <c r="KI19" s="119">
        <v>1348504</v>
      </c>
      <c r="KJ19" s="119">
        <v>881310</v>
      </c>
      <c r="KK19" s="119">
        <v>319997</v>
      </c>
      <c r="KL19" s="120">
        <v>6465984</v>
      </c>
      <c r="KM19" s="143">
        <v>6632284</v>
      </c>
      <c r="KN19" s="232">
        <v>0</v>
      </c>
      <c r="KO19" s="236">
        <v>0</v>
      </c>
      <c r="KP19" s="237">
        <v>0</v>
      </c>
      <c r="KQ19" s="140"/>
      <c r="KR19" s="119">
        <v>2608741</v>
      </c>
      <c r="KS19" s="119">
        <v>4264937</v>
      </c>
      <c r="KT19" s="119">
        <v>6955218</v>
      </c>
      <c r="KU19" s="119">
        <v>4548694</v>
      </c>
      <c r="KV19" s="119">
        <v>2325998</v>
      </c>
      <c r="KW19" s="120">
        <v>20703588</v>
      </c>
      <c r="KX19" s="321">
        <v>20703588</v>
      </c>
      <c r="KY19" s="142">
        <v>0</v>
      </c>
      <c r="KZ19" s="119">
        <v>0</v>
      </c>
      <c r="LA19" s="120">
        <v>0</v>
      </c>
      <c r="LB19" s="145"/>
      <c r="LC19" s="119">
        <v>0</v>
      </c>
      <c r="LD19" s="119">
        <v>0</v>
      </c>
      <c r="LE19" s="119">
        <v>565297</v>
      </c>
      <c r="LF19" s="119">
        <v>2144986</v>
      </c>
      <c r="LG19" s="119">
        <v>1321540</v>
      </c>
      <c r="LH19" s="120">
        <v>4031823</v>
      </c>
      <c r="LI19" s="121">
        <v>4031823</v>
      </c>
      <c r="LJ19" s="142">
        <v>0</v>
      </c>
      <c r="LK19" s="119">
        <v>0</v>
      </c>
      <c r="LL19" s="120">
        <v>0</v>
      </c>
      <c r="LM19" s="145"/>
      <c r="LN19" s="119">
        <v>0</v>
      </c>
      <c r="LO19" s="119">
        <v>0</v>
      </c>
      <c r="LP19" s="119">
        <v>0</v>
      </c>
      <c r="LQ19" s="119">
        <v>0</v>
      </c>
      <c r="LR19" s="119">
        <v>0</v>
      </c>
      <c r="LS19" s="120">
        <v>0</v>
      </c>
      <c r="LT19" s="321">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3626019</v>
      </c>
      <c r="MK19" s="119">
        <v>7762994</v>
      </c>
      <c r="ML19" s="119">
        <v>28654422</v>
      </c>
      <c r="MM19" s="119">
        <v>47423571</v>
      </c>
      <c r="MN19" s="119">
        <v>40711358</v>
      </c>
      <c r="MO19" s="120">
        <v>128178364</v>
      </c>
      <c r="MP19" s="143">
        <v>128178364</v>
      </c>
      <c r="MQ19" s="142">
        <v>0</v>
      </c>
      <c r="MR19" s="119">
        <v>0</v>
      </c>
      <c r="MS19" s="120">
        <v>0</v>
      </c>
      <c r="MT19" s="145"/>
      <c r="MU19" s="119">
        <v>653105</v>
      </c>
      <c r="MV19" s="119">
        <v>233848</v>
      </c>
      <c r="MW19" s="119">
        <v>17656918</v>
      </c>
      <c r="MX19" s="119">
        <v>39044112</v>
      </c>
      <c r="MY19" s="119">
        <v>34053105</v>
      </c>
      <c r="MZ19" s="120">
        <v>91641088</v>
      </c>
      <c r="NA19" s="143">
        <v>91641088</v>
      </c>
      <c r="NB19" s="142">
        <v>0</v>
      </c>
      <c r="NC19" s="119">
        <v>0</v>
      </c>
      <c r="ND19" s="120">
        <v>0</v>
      </c>
      <c r="NE19" s="145"/>
      <c r="NF19" s="119">
        <v>2972914</v>
      </c>
      <c r="NG19" s="119">
        <v>7529146</v>
      </c>
      <c r="NH19" s="119">
        <v>10997504</v>
      </c>
      <c r="NI19" s="119">
        <v>8379459</v>
      </c>
      <c r="NJ19" s="119">
        <v>6658253</v>
      </c>
      <c r="NK19" s="120">
        <v>36537276</v>
      </c>
      <c r="NL19" s="321">
        <v>36537276</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4021398</v>
      </c>
      <c r="OJ19" s="119">
        <v>6680885</v>
      </c>
      <c r="OK19" s="141">
        <v>10702283</v>
      </c>
      <c r="OL19" s="118">
        <v>0</v>
      </c>
      <c r="OM19" s="119">
        <v>64780979</v>
      </c>
      <c r="ON19" s="119">
        <v>80010644</v>
      </c>
      <c r="OO19" s="119">
        <v>102749430</v>
      </c>
      <c r="OP19" s="119">
        <v>119531579</v>
      </c>
      <c r="OQ19" s="119">
        <v>96609412</v>
      </c>
      <c r="OR19" s="120">
        <v>463682044</v>
      </c>
      <c r="OS19" s="143">
        <v>474384327</v>
      </c>
    </row>
    <row r="20" spans="2:409" ht="18.75" customHeight="1" x14ac:dyDescent="0.2">
      <c r="B20" s="62" t="s">
        <v>15</v>
      </c>
      <c r="C20" s="110">
        <v>2099614</v>
      </c>
      <c r="D20" s="114">
        <v>4942216</v>
      </c>
      <c r="E20" s="113">
        <v>7041830</v>
      </c>
      <c r="F20" s="109">
        <v>0</v>
      </c>
      <c r="G20" s="114">
        <v>30787813</v>
      </c>
      <c r="H20" s="114">
        <v>43185390</v>
      </c>
      <c r="I20" s="114">
        <v>36440704</v>
      </c>
      <c r="J20" s="114">
        <v>31309908</v>
      </c>
      <c r="K20" s="114">
        <v>26633089</v>
      </c>
      <c r="L20" s="109">
        <v>168356904</v>
      </c>
      <c r="M20" s="116">
        <v>175398734</v>
      </c>
      <c r="N20" s="110">
        <v>148639</v>
      </c>
      <c r="O20" s="114">
        <v>553645</v>
      </c>
      <c r="P20" s="113">
        <v>702284</v>
      </c>
      <c r="Q20" s="110">
        <v>0</v>
      </c>
      <c r="R20" s="114">
        <v>7038729</v>
      </c>
      <c r="S20" s="114">
        <v>10967721</v>
      </c>
      <c r="T20" s="114">
        <v>9742260</v>
      </c>
      <c r="U20" s="114">
        <v>8504956</v>
      </c>
      <c r="V20" s="114">
        <v>13755059</v>
      </c>
      <c r="W20" s="113">
        <v>50008725</v>
      </c>
      <c r="X20" s="116">
        <v>50711009</v>
      </c>
      <c r="Y20" s="110">
        <v>0</v>
      </c>
      <c r="Z20" s="114">
        <v>0</v>
      </c>
      <c r="AA20" s="113">
        <v>0</v>
      </c>
      <c r="AB20" s="110">
        <v>0</v>
      </c>
      <c r="AC20" s="114">
        <v>3746855</v>
      </c>
      <c r="AD20" s="114">
        <v>5538257</v>
      </c>
      <c r="AE20" s="114">
        <v>5555292</v>
      </c>
      <c r="AF20" s="114">
        <v>4263584</v>
      </c>
      <c r="AG20" s="114">
        <v>7875569</v>
      </c>
      <c r="AH20" s="113">
        <v>26979557</v>
      </c>
      <c r="AI20" s="116">
        <v>26979557</v>
      </c>
      <c r="AJ20" s="110">
        <v>0</v>
      </c>
      <c r="AK20" s="114">
        <v>0</v>
      </c>
      <c r="AL20" s="113">
        <v>0</v>
      </c>
      <c r="AM20" s="110">
        <v>0</v>
      </c>
      <c r="AN20" s="114">
        <v>54149</v>
      </c>
      <c r="AO20" s="114">
        <v>367649</v>
      </c>
      <c r="AP20" s="114">
        <v>510662</v>
      </c>
      <c r="AQ20" s="114">
        <v>1171351</v>
      </c>
      <c r="AR20" s="114">
        <v>1927670</v>
      </c>
      <c r="AS20" s="113">
        <v>4031481</v>
      </c>
      <c r="AT20" s="116">
        <v>4031481</v>
      </c>
      <c r="AU20" s="110">
        <v>44271</v>
      </c>
      <c r="AV20" s="114">
        <v>369486</v>
      </c>
      <c r="AW20" s="113">
        <v>413757</v>
      </c>
      <c r="AX20" s="110">
        <v>0</v>
      </c>
      <c r="AY20" s="114">
        <v>1280852</v>
      </c>
      <c r="AZ20" s="114">
        <v>3171292</v>
      </c>
      <c r="BA20" s="114">
        <v>1775308</v>
      </c>
      <c r="BB20" s="114">
        <v>1596711</v>
      </c>
      <c r="BC20" s="114">
        <v>2468224</v>
      </c>
      <c r="BD20" s="113">
        <v>10292387</v>
      </c>
      <c r="BE20" s="116">
        <v>10706144</v>
      </c>
      <c r="BF20" s="110">
        <v>0</v>
      </c>
      <c r="BG20" s="114">
        <v>23395</v>
      </c>
      <c r="BH20" s="112">
        <v>23395</v>
      </c>
      <c r="BI20" s="111">
        <v>0</v>
      </c>
      <c r="BJ20" s="114">
        <v>265224</v>
      </c>
      <c r="BK20" s="114">
        <v>539322</v>
      </c>
      <c r="BL20" s="114">
        <v>340592</v>
      </c>
      <c r="BM20" s="114">
        <v>101951</v>
      </c>
      <c r="BN20" s="114">
        <v>474056</v>
      </c>
      <c r="BO20" s="113">
        <v>1721145</v>
      </c>
      <c r="BP20" s="116">
        <v>1744540</v>
      </c>
      <c r="BQ20" s="110">
        <v>104368</v>
      </c>
      <c r="BR20" s="114">
        <v>160764</v>
      </c>
      <c r="BS20" s="113">
        <v>265132</v>
      </c>
      <c r="BT20" s="110">
        <v>0</v>
      </c>
      <c r="BU20" s="114">
        <v>1691649</v>
      </c>
      <c r="BV20" s="114">
        <v>1351201</v>
      </c>
      <c r="BW20" s="114">
        <v>1560406</v>
      </c>
      <c r="BX20" s="114">
        <v>1371359</v>
      </c>
      <c r="BY20" s="114">
        <v>1009540</v>
      </c>
      <c r="BZ20" s="113">
        <v>6984155</v>
      </c>
      <c r="CA20" s="116">
        <v>7249287</v>
      </c>
      <c r="CB20" s="110">
        <v>23865</v>
      </c>
      <c r="CC20" s="114">
        <v>204221</v>
      </c>
      <c r="CD20" s="113">
        <v>228086</v>
      </c>
      <c r="CE20" s="110">
        <v>0</v>
      </c>
      <c r="CF20" s="114">
        <v>6227250</v>
      </c>
      <c r="CG20" s="114">
        <v>11820251</v>
      </c>
      <c r="CH20" s="114">
        <v>6479904</v>
      </c>
      <c r="CI20" s="114">
        <v>2548660</v>
      </c>
      <c r="CJ20" s="114">
        <v>2003151</v>
      </c>
      <c r="CK20" s="113">
        <v>29079216</v>
      </c>
      <c r="CL20" s="116">
        <v>29307302</v>
      </c>
      <c r="CM20" s="110">
        <v>0</v>
      </c>
      <c r="CN20" s="114">
        <v>0</v>
      </c>
      <c r="CO20" s="113">
        <v>0</v>
      </c>
      <c r="CP20" s="111">
        <v>0</v>
      </c>
      <c r="CQ20" s="114">
        <v>4575905</v>
      </c>
      <c r="CR20" s="114">
        <v>8990765</v>
      </c>
      <c r="CS20" s="114">
        <v>5104336</v>
      </c>
      <c r="CT20" s="114">
        <v>1558865</v>
      </c>
      <c r="CU20" s="114">
        <v>1707647</v>
      </c>
      <c r="CV20" s="113">
        <v>21937518</v>
      </c>
      <c r="CW20" s="116">
        <v>21937518</v>
      </c>
      <c r="CX20" s="110">
        <v>23865</v>
      </c>
      <c r="CY20" s="114">
        <v>204221</v>
      </c>
      <c r="CZ20" s="113">
        <v>228086</v>
      </c>
      <c r="DA20" s="110">
        <v>0</v>
      </c>
      <c r="DB20" s="114">
        <v>1651345</v>
      </c>
      <c r="DC20" s="114">
        <v>2829486</v>
      </c>
      <c r="DD20" s="114">
        <v>1375568</v>
      </c>
      <c r="DE20" s="114">
        <v>989795</v>
      </c>
      <c r="DF20" s="114">
        <v>295504</v>
      </c>
      <c r="DG20" s="113">
        <v>7141698</v>
      </c>
      <c r="DH20" s="116">
        <v>7369784</v>
      </c>
      <c r="DI20" s="110">
        <v>0</v>
      </c>
      <c r="DJ20" s="114">
        <v>37193</v>
      </c>
      <c r="DK20" s="112">
        <v>37193</v>
      </c>
      <c r="DL20" s="111">
        <v>0</v>
      </c>
      <c r="DM20" s="114">
        <v>625263</v>
      </c>
      <c r="DN20" s="114">
        <v>1906308</v>
      </c>
      <c r="DO20" s="114">
        <v>6921218</v>
      </c>
      <c r="DP20" s="114">
        <v>6784830</v>
      </c>
      <c r="DQ20" s="114">
        <v>3283115</v>
      </c>
      <c r="DR20" s="113">
        <v>19520734</v>
      </c>
      <c r="DS20" s="116">
        <v>19557927</v>
      </c>
      <c r="DT20" s="110">
        <v>0</v>
      </c>
      <c r="DU20" s="114">
        <v>0</v>
      </c>
      <c r="DV20" s="113">
        <v>0</v>
      </c>
      <c r="DW20" s="110">
        <v>0</v>
      </c>
      <c r="DX20" s="114">
        <v>517135</v>
      </c>
      <c r="DY20" s="114">
        <v>1843808</v>
      </c>
      <c r="DZ20" s="114">
        <v>6835870</v>
      </c>
      <c r="EA20" s="114">
        <v>6450396</v>
      </c>
      <c r="EB20" s="114">
        <v>3196740</v>
      </c>
      <c r="EC20" s="113">
        <v>18843949</v>
      </c>
      <c r="ED20" s="116">
        <v>18843949</v>
      </c>
      <c r="EE20" s="110">
        <v>0</v>
      </c>
      <c r="EF20" s="112">
        <v>37193</v>
      </c>
      <c r="EG20" s="113">
        <v>37193</v>
      </c>
      <c r="EH20" s="110">
        <v>0</v>
      </c>
      <c r="EI20" s="114">
        <v>108128</v>
      </c>
      <c r="EJ20" s="114">
        <v>62500</v>
      </c>
      <c r="EK20" s="114">
        <v>85348</v>
      </c>
      <c r="EL20" s="114">
        <v>334434</v>
      </c>
      <c r="EM20" s="114">
        <v>86375</v>
      </c>
      <c r="EN20" s="112">
        <v>676785</v>
      </c>
      <c r="EO20" s="116">
        <v>713978</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8"/>
      <c r="FE20" s="114">
        <v>0</v>
      </c>
      <c r="FF20" s="114">
        <v>0</v>
      </c>
      <c r="FG20" s="114">
        <v>0</v>
      </c>
      <c r="FH20" s="114">
        <v>0</v>
      </c>
      <c r="FI20" s="114">
        <v>0</v>
      </c>
      <c r="FJ20" s="113">
        <v>0</v>
      </c>
      <c r="FK20" s="116">
        <v>0</v>
      </c>
      <c r="FL20" s="110">
        <v>708661</v>
      </c>
      <c r="FM20" s="114">
        <v>1616983</v>
      </c>
      <c r="FN20" s="113">
        <v>2325644</v>
      </c>
      <c r="FO20" s="110">
        <v>0</v>
      </c>
      <c r="FP20" s="114">
        <v>2067395</v>
      </c>
      <c r="FQ20" s="114">
        <v>4387603</v>
      </c>
      <c r="FR20" s="114">
        <v>2601577</v>
      </c>
      <c r="FS20" s="114">
        <v>2742102</v>
      </c>
      <c r="FT20" s="114">
        <v>1764329</v>
      </c>
      <c r="FU20" s="113">
        <v>13563006</v>
      </c>
      <c r="FV20" s="116">
        <v>15888650</v>
      </c>
      <c r="FW20" s="115">
        <v>307961</v>
      </c>
      <c r="FX20" s="114">
        <v>793246</v>
      </c>
      <c r="FY20" s="112">
        <v>1101207</v>
      </c>
      <c r="FZ20" s="111">
        <v>0</v>
      </c>
      <c r="GA20" s="114">
        <v>1080564</v>
      </c>
      <c r="GB20" s="114">
        <v>4172770</v>
      </c>
      <c r="GC20" s="114">
        <v>2539693</v>
      </c>
      <c r="GD20" s="114">
        <v>2283662</v>
      </c>
      <c r="GE20" s="114">
        <v>1661495</v>
      </c>
      <c r="GF20" s="113">
        <v>11738184</v>
      </c>
      <c r="GG20" s="319">
        <v>12839391</v>
      </c>
      <c r="GH20" s="115">
        <v>0</v>
      </c>
      <c r="GI20" s="114">
        <v>243021</v>
      </c>
      <c r="GJ20" s="112">
        <v>243021</v>
      </c>
      <c r="GK20" s="111">
        <v>0</v>
      </c>
      <c r="GL20" s="114">
        <v>112419</v>
      </c>
      <c r="GM20" s="114">
        <v>83793</v>
      </c>
      <c r="GN20" s="114">
        <v>21384</v>
      </c>
      <c r="GO20" s="114">
        <v>105640</v>
      </c>
      <c r="GP20" s="114">
        <v>64944</v>
      </c>
      <c r="GQ20" s="113">
        <v>388180</v>
      </c>
      <c r="GR20" s="116">
        <v>631201</v>
      </c>
      <c r="GS20" s="110">
        <v>400700</v>
      </c>
      <c r="GT20" s="114">
        <v>580716</v>
      </c>
      <c r="GU20" s="113">
        <v>981416</v>
      </c>
      <c r="GV20" s="110">
        <v>0</v>
      </c>
      <c r="GW20" s="114">
        <v>874412</v>
      </c>
      <c r="GX20" s="114">
        <v>131040</v>
      </c>
      <c r="GY20" s="114">
        <v>40500</v>
      </c>
      <c r="GZ20" s="114">
        <v>352800</v>
      </c>
      <c r="HA20" s="114">
        <v>37890</v>
      </c>
      <c r="HB20" s="112">
        <v>1436642</v>
      </c>
      <c r="HC20" s="116">
        <v>2418058</v>
      </c>
      <c r="HD20" s="110">
        <v>933854</v>
      </c>
      <c r="HE20" s="114">
        <v>1758345</v>
      </c>
      <c r="HF20" s="112">
        <v>2692199</v>
      </c>
      <c r="HG20" s="111">
        <v>0</v>
      </c>
      <c r="HH20" s="114">
        <v>9362652</v>
      </c>
      <c r="HI20" s="114">
        <v>6976800</v>
      </c>
      <c r="HJ20" s="114">
        <v>6787443</v>
      </c>
      <c r="HK20" s="114">
        <v>8121865</v>
      </c>
      <c r="HL20" s="114">
        <v>4175686</v>
      </c>
      <c r="HM20" s="113">
        <v>35424446</v>
      </c>
      <c r="HN20" s="109">
        <v>38116645</v>
      </c>
      <c r="HO20" s="115">
        <v>284595</v>
      </c>
      <c r="HP20" s="114">
        <v>771829</v>
      </c>
      <c r="HQ20" s="113">
        <v>1056424</v>
      </c>
      <c r="HR20" s="110">
        <v>0</v>
      </c>
      <c r="HS20" s="114">
        <v>5466524</v>
      </c>
      <c r="HT20" s="114">
        <v>7126707</v>
      </c>
      <c r="HU20" s="114">
        <v>3908302</v>
      </c>
      <c r="HV20" s="114">
        <v>2607495</v>
      </c>
      <c r="HW20" s="114">
        <v>1651749</v>
      </c>
      <c r="HX20" s="112">
        <v>20760777</v>
      </c>
      <c r="HY20" s="116">
        <v>21817201</v>
      </c>
      <c r="HZ20" s="150">
        <v>164850</v>
      </c>
      <c r="IA20" s="135">
        <v>1644954</v>
      </c>
      <c r="IB20" s="150">
        <v>1809804</v>
      </c>
      <c r="IC20" s="134">
        <v>0</v>
      </c>
      <c r="ID20" s="135">
        <v>20454923</v>
      </c>
      <c r="IE20" s="136">
        <v>21606657</v>
      </c>
      <c r="IF20" s="137">
        <v>24157046</v>
      </c>
      <c r="IG20" s="135">
        <v>19968009</v>
      </c>
      <c r="IH20" s="137">
        <v>10679299</v>
      </c>
      <c r="II20" s="138">
        <v>96865934</v>
      </c>
      <c r="IJ20" s="150">
        <v>98675738</v>
      </c>
      <c r="IK20" s="232">
        <v>0</v>
      </c>
      <c r="IL20" s="236">
        <v>0</v>
      </c>
      <c r="IM20" s="237">
        <v>0</v>
      </c>
      <c r="IN20" s="140"/>
      <c r="IO20" s="119">
        <v>194096</v>
      </c>
      <c r="IP20" s="119">
        <v>451232</v>
      </c>
      <c r="IQ20" s="119">
        <v>412770</v>
      </c>
      <c r="IR20" s="119">
        <v>1372942</v>
      </c>
      <c r="IS20" s="119">
        <v>1704135</v>
      </c>
      <c r="IT20" s="141">
        <v>4135175</v>
      </c>
      <c r="IU20" s="321">
        <v>4135175</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6420807</v>
      </c>
      <c r="JL20" s="119">
        <v>9729111</v>
      </c>
      <c r="JM20" s="119">
        <v>6804603</v>
      </c>
      <c r="JN20" s="119">
        <v>3174841</v>
      </c>
      <c r="JO20" s="119">
        <v>1045569</v>
      </c>
      <c r="JP20" s="120">
        <v>27174931</v>
      </c>
      <c r="JQ20" s="321">
        <v>27174931</v>
      </c>
      <c r="JR20" s="142">
        <v>0</v>
      </c>
      <c r="JS20" s="119">
        <v>0</v>
      </c>
      <c r="JT20" s="141">
        <v>0</v>
      </c>
      <c r="JU20" s="118">
        <v>0</v>
      </c>
      <c r="JV20" s="119">
        <v>208343</v>
      </c>
      <c r="JW20" s="119">
        <v>539055</v>
      </c>
      <c r="JX20" s="119">
        <v>659558</v>
      </c>
      <c r="JY20" s="119">
        <v>340007</v>
      </c>
      <c r="JZ20" s="119">
        <v>47599</v>
      </c>
      <c r="KA20" s="120">
        <v>1794562</v>
      </c>
      <c r="KB20" s="321">
        <v>1794562</v>
      </c>
      <c r="KC20" s="234">
        <v>164850</v>
      </c>
      <c r="KD20" s="230">
        <v>908493</v>
      </c>
      <c r="KE20" s="120">
        <v>1073343</v>
      </c>
      <c r="KF20" s="118">
        <v>0</v>
      </c>
      <c r="KG20" s="119">
        <v>2525472</v>
      </c>
      <c r="KH20" s="119">
        <v>3102041</v>
      </c>
      <c r="KI20" s="119">
        <v>2987836</v>
      </c>
      <c r="KJ20" s="119">
        <v>4032407</v>
      </c>
      <c r="KK20" s="119">
        <v>1233142</v>
      </c>
      <c r="KL20" s="120">
        <v>13880898</v>
      </c>
      <c r="KM20" s="143">
        <v>14954241</v>
      </c>
      <c r="KN20" s="232">
        <v>0</v>
      </c>
      <c r="KO20" s="236">
        <v>736461</v>
      </c>
      <c r="KP20" s="237">
        <v>736461</v>
      </c>
      <c r="KQ20" s="140"/>
      <c r="KR20" s="119">
        <v>11106205</v>
      </c>
      <c r="KS20" s="119">
        <v>7785218</v>
      </c>
      <c r="KT20" s="119">
        <v>10267267</v>
      </c>
      <c r="KU20" s="119">
        <v>8298672</v>
      </c>
      <c r="KV20" s="119">
        <v>4473724</v>
      </c>
      <c r="KW20" s="120">
        <v>41931086</v>
      </c>
      <c r="KX20" s="321">
        <v>42667547</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3025012</v>
      </c>
      <c r="LQ20" s="119">
        <v>2749140</v>
      </c>
      <c r="LR20" s="119">
        <v>2175130</v>
      </c>
      <c r="LS20" s="120">
        <v>7949282</v>
      </c>
      <c r="LT20" s="321">
        <v>7949282</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7924550</v>
      </c>
      <c r="MK20" s="119">
        <v>9886324</v>
      </c>
      <c r="ML20" s="119">
        <v>35612084</v>
      </c>
      <c r="MM20" s="119">
        <v>52413742</v>
      </c>
      <c r="MN20" s="119">
        <v>31553174</v>
      </c>
      <c r="MO20" s="120">
        <v>137389874</v>
      </c>
      <c r="MP20" s="143">
        <v>137389874</v>
      </c>
      <c r="MQ20" s="142">
        <v>0</v>
      </c>
      <c r="MR20" s="119">
        <v>0</v>
      </c>
      <c r="MS20" s="120">
        <v>0</v>
      </c>
      <c r="MT20" s="145"/>
      <c r="MU20" s="119">
        <v>0</v>
      </c>
      <c r="MV20" s="119">
        <v>212514</v>
      </c>
      <c r="MW20" s="119">
        <v>22545870</v>
      </c>
      <c r="MX20" s="119">
        <v>36869043</v>
      </c>
      <c r="MY20" s="119">
        <v>22218338</v>
      </c>
      <c r="MZ20" s="120">
        <v>81845765</v>
      </c>
      <c r="NA20" s="143">
        <v>81845765</v>
      </c>
      <c r="NB20" s="142">
        <v>0</v>
      </c>
      <c r="NC20" s="119">
        <v>0</v>
      </c>
      <c r="ND20" s="120">
        <v>0</v>
      </c>
      <c r="NE20" s="145"/>
      <c r="NF20" s="119">
        <v>7924550</v>
      </c>
      <c r="NG20" s="119">
        <v>9673810</v>
      </c>
      <c r="NH20" s="119">
        <v>13066214</v>
      </c>
      <c r="NI20" s="119">
        <v>15544699</v>
      </c>
      <c r="NJ20" s="119">
        <v>8973702</v>
      </c>
      <c r="NK20" s="120">
        <v>55182975</v>
      </c>
      <c r="NL20" s="321">
        <v>55182975</v>
      </c>
      <c r="NM20" s="142">
        <v>0</v>
      </c>
      <c r="NN20" s="119">
        <v>0</v>
      </c>
      <c r="NO20" s="120">
        <v>0</v>
      </c>
      <c r="NP20" s="145"/>
      <c r="NQ20" s="119">
        <v>0</v>
      </c>
      <c r="NR20" s="119">
        <v>0</v>
      </c>
      <c r="NS20" s="119">
        <v>0</v>
      </c>
      <c r="NT20" s="119">
        <v>0</v>
      </c>
      <c r="NU20" s="119">
        <v>361134</v>
      </c>
      <c r="NV20" s="120">
        <v>361134</v>
      </c>
      <c r="NW20" s="121">
        <v>361134</v>
      </c>
      <c r="NX20" s="142">
        <v>0</v>
      </c>
      <c r="NY20" s="119">
        <v>0</v>
      </c>
      <c r="NZ20" s="120">
        <v>0</v>
      </c>
      <c r="OA20" s="145"/>
      <c r="OB20" s="119">
        <v>0</v>
      </c>
      <c r="OC20" s="119">
        <v>0</v>
      </c>
      <c r="OD20" s="119">
        <v>0</v>
      </c>
      <c r="OE20" s="119">
        <v>0</v>
      </c>
      <c r="OF20" s="119">
        <v>0</v>
      </c>
      <c r="OG20" s="120">
        <v>0</v>
      </c>
      <c r="OH20" s="121">
        <v>0</v>
      </c>
      <c r="OI20" s="142">
        <v>2264464</v>
      </c>
      <c r="OJ20" s="119">
        <v>6587170</v>
      </c>
      <c r="OK20" s="141">
        <v>8851634</v>
      </c>
      <c r="OL20" s="118">
        <v>0</v>
      </c>
      <c r="OM20" s="119">
        <v>59167286</v>
      </c>
      <c r="ON20" s="119">
        <v>74678371</v>
      </c>
      <c r="OO20" s="119">
        <v>96209834</v>
      </c>
      <c r="OP20" s="119">
        <v>103691659</v>
      </c>
      <c r="OQ20" s="119">
        <v>68865562</v>
      </c>
      <c r="OR20" s="120">
        <v>402612712</v>
      </c>
      <c r="OS20" s="143">
        <v>411464346</v>
      </c>
    </row>
    <row r="21" spans="2:409" ht="18.75" customHeight="1" x14ac:dyDescent="0.2">
      <c r="B21" s="62" t="s">
        <v>16</v>
      </c>
      <c r="C21" s="110">
        <v>5463817</v>
      </c>
      <c r="D21" s="114">
        <v>11021772</v>
      </c>
      <c r="E21" s="113">
        <v>16485589</v>
      </c>
      <c r="F21" s="109">
        <v>0</v>
      </c>
      <c r="G21" s="114">
        <v>76357604</v>
      </c>
      <c r="H21" s="114">
        <v>124552471</v>
      </c>
      <c r="I21" s="114">
        <v>107219837</v>
      </c>
      <c r="J21" s="114">
        <v>89376796</v>
      </c>
      <c r="K21" s="114">
        <v>66885357</v>
      </c>
      <c r="L21" s="109">
        <v>464392065</v>
      </c>
      <c r="M21" s="116">
        <v>480877654</v>
      </c>
      <c r="N21" s="110">
        <v>828648</v>
      </c>
      <c r="O21" s="114">
        <v>2006176</v>
      </c>
      <c r="P21" s="113">
        <v>2834824</v>
      </c>
      <c r="Q21" s="110">
        <v>0</v>
      </c>
      <c r="R21" s="114">
        <v>14967050</v>
      </c>
      <c r="S21" s="114">
        <v>26862902</v>
      </c>
      <c r="T21" s="114">
        <v>25613583</v>
      </c>
      <c r="U21" s="114">
        <v>25786688</v>
      </c>
      <c r="V21" s="114">
        <v>21981705</v>
      </c>
      <c r="W21" s="113">
        <v>115211928</v>
      </c>
      <c r="X21" s="116">
        <v>118046752</v>
      </c>
      <c r="Y21" s="110">
        <v>0</v>
      </c>
      <c r="Z21" s="114">
        <v>0</v>
      </c>
      <c r="AA21" s="113">
        <v>0</v>
      </c>
      <c r="AB21" s="110">
        <v>0</v>
      </c>
      <c r="AC21" s="114">
        <v>6437641</v>
      </c>
      <c r="AD21" s="114">
        <v>11013326</v>
      </c>
      <c r="AE21" s="114">
        <v>13237995</v>
      </c>
      <c r="AF21" s="114">
        <v>13941220</v>
      </c>
      <c r="AG21" s="114">
        <v>10110261</v>
      </c>
      <c r="AH21" s="113">
        <v>54740443</v>
      </c>
      <c r="AI21" s="116">
        <v>54740443</v>
      </c>
      <c r="AJ21" s="110">
        <v>0</v>
      </c>
      <c r="AK21" s="114">
        <v>0</v>
      </c>
      <c r="AL21" s="113">
        <v>0</v>
      </c>
      <c r="AM21" s="110">
        <v>0</v>
      </c>
      <c r="AN21" s="114">
        <v>50715</v>
      </c>
      <c r="AO21" s="114">
        <v>562635</v>
      </c>
      <c r="AP21" s="114">
        <v>730678</v>
      </c>
      <c r="AQ21" s="114">
        <v>1389628</v>
      </c>
      <c r="AR21" s="114">
        <v>2786746</v>
      </c>
      <c r="AS21" s="113">
        <v>5520402</v>
      </c>
      <c r="AT21" s="116">
        <v>5520402</v>
      </c>
      <c r="AU21" s="110">
        <v>413040</v>
      </c>
      <c r="AV21" s="114">
        <v>1484839</v>
      </c>
      <c r="AW21" s="113">
        <v>1897879</v>
      </c>
      <c r="AX21" s="110">
        <v>0</v>
      </c>
      <c r="AY21" s="114">
        <v>5590278</v>
      </c>
      <c r="AZ21" s="114">
        <v>11449597</v>
      </c>
      <c r="BA21" s="114">
        <v>7501371</v>
      </c>
      <c r="BB21" s="114">
        <v>6851783</v>
      </c>
      <c r="BC21" s="114">
        <v>5893680</v>
      </c>
      <c r="BD21" s="113">
        <v>37286709</v>
      </c>
      <c r="BE21" s="116">
        <v>39184588</v>
      </c>
      <c r="BF21" s="110">
        <v>0</v>
      </c>
      <c r="BG21" s="114">
        <v>251377</v>
      </c>
      <c r="BH21" s="112">
        <v>251377</v>
      </c>
      <c r="BI21" s="111">
        <v>0</v>
      </c>
      <c r="BJ21" s="114">
        <v>408259</v>
      </c>
      <c r="BK21" s="114">
        <v>717078</v>
      </c>
      <c r="BL21" s="114">
        <v>1096106</v>
      </c>
      <c r="BM21" s="114">
        <v>186009</v>
      </c>
      <c r="BN21" s="114">
        <v>364609</v>
      </c>
      <c r="BO21" s="113">
        <v>2772061</v>
      </c>
      <c r="BP21" s="116">
        <v>3023438</v>
      </c>
      <c r="BQ21" s="110">
        <v>415608</v>
      </c>
      <c r="BR21" s="114">
        <v>269960</v>
      </c>
      <c r="BS21" s="113">
        <v>685568</v>
      </c>
      <c r="BT21" s="110">
        <v>0</v>
      </c>
      <c r="BU21" s="114">
        <v>2480157</v>
      </c>
      <c r="BV21" s="114">
        <v>3120266</v>
      </c>
      <c r="BW21" s="114">
        <v>3047433</v>
      </c>
      <c r="BX21" s="114">
        <v>3418048</v>
      </c>
      <c r="BY21" s="114">
        <v>2826409</v>
      </c>
      <c r="BZ21" s="113">
        <v>14892313</v>
      </c>
      <c r="CA21" s="116">
        <v>15577881</v>
      </c>
      <c r="CB21" s="110">
        <v>1078299</v>
      </c>
      <c r="CC21" s="114">
        <v>3505459</v>
      </c>
      <c r="CD21" s="113">
        <v>4583758</v>
      </c>
      <c r="CE21" s="110">
        <v>0</v>
      </c>
      <c r="CF21" s="114">
        <v>27201519</v>
      </c>
      <c r="CG21" s="114">
        <v>47549959</v>
      </c>
      <c r="CH21" s="114">
        <v>36113434</v>
      </c>
      <c r="CI21" s="114">
        <v>21695034</v>
      </c>
      <c r="CJ21" s="114">
        <v>13430250</v>
      </c>
      <c r="CK21" s="113">
        <v>145990196</v>
      </c>
      <c r="CL21" s="116">
        <v>150573954</v>
      </c>
      <c r="CM21" s="110">
        <v>0</v>
      </c>
      <c r="CN21" s="114">
        <v>0</v>
      </c>
      <c r="CO21" s="113">
        <v>0</v>
      </c>
      <c r="CP21" s="111">
        <v>0</v>
      </c>
      <c r="CQ21" s="114">
        <v>17691627</v>
      </c>
      <c r="CR21" s="114">
        <v>28902531</v>
      </c>
      <c r="CS21" s="114">
        <v>27028231</v>
      </c>
      <c r="CT21" s="114">
        <v>15826173</v>
      </c>
      <c r="CU21" s="114">
        <v>10787924</v>
      </c>
      <c r="CV21" s="113">
        <v>100236486</v>
      </c>
      <c r="CW21" s="116">
        <v>100236486</v>
      </c>
      <c r="CX21" s="110">
        <v>1078299</v>
      </c>
      <c r="CY21" s="114">
        <v>3505459</v>
      </c>
      <c r="CZ21" s="113">
        <v>4583758</v>
      </c>
      <c r="DA21" s="110">
        <v>0</v>
      </c>
      <c r="DB21" s="114">
        <v>9509892</v>
      </c>
      <c r="DC21" s="114">
        <v>18647428</v>
      </c>
      <c r="DD21" s="114">
        <v>9085203</v>
      </c>
      <c r="DE21" s="114">
        <v>5868861</v>
      </c>
      <c r="DF21" s="114">
        <v>2642326</v>
      </c>
      <c r="DG21" s="113">
        <v>45753710</v>
      </c>
      <c r="DH21" s="116">
        <v>50337468</v>
      </c>
      <c r="DI21" s="110">
        <v>0</v>
      </c>
      <c r="DJ21" s="114">
        <v>12646</v>
      </c>
      <c r="DK21" s="112">
        <v>12646</v>
      </c>
      <c r="DL21" s="111">
        <v>0</v>
      </c>
      <c r="DM21" s="114">
        <v>2277150</v>
      </c>
      <c r="DN21" s="114">
        <v>3813083</v>
      </c>
      <c r="DO21" s="114">
        <v>10197477</v>
      </c>
      <c r="DP21" s="114">
        <v>5758077</v>
      </c>
      <c r="DQ21" s="114">
        <v>2331429</v>
      </c>
      <c r="DR21" s="113">
        <v>24377216</v>
      </c>
      <c r="DS21" s="116">
        <v>24389862</v>
      </c>
      <c r="DT21" s="110">
        <v>0</v>
      </c>
      <c r="DU21" s="114">
        <v>12646</v>
      </c>
      <c r="DV21" s="113">
        <v>12646</v>
      </c>
      <c r="DW21" s="110">
        <v>0</v>
      </c>
      <c r="DX21" s="114">
        <v>2149002</v>
      </c>
      <c r="DY21" s="114">
        <v>3359920</v>
      </c>
      <c r="DZ21" s="114">
        <v>9463940</v>
      </c>
      <c r="EA21" s="114">
        <v>5224571</v>
      </c>
      <c r="EB21" s="114">
        <v>1967870</v>
      </c>
      <c r="EC21" s="113">
        <v>22165303</v>
      </c>
      <c r="ED21" s="116">
        <v>22177949</v>
      </c>
      <c r="EE21" s="110">
        <v>0</v>
      </c>
      <c r="EF21" s="112">
        <v>0</v>
      </c>
      <c r="EG21" s="113">
        <v>0</v>
      </c>
      <c r="EH21" s="110">
        <v>0</v>
      </c>
      <c r="EI21" s="114">
        <v>128148</v>
      </c>
      <c r="EJ21" s="114">
        <v>453163</v>
      </c>
      <c r="EK21" s="114">
        <v>733537</v>
      </c>
      <c r="EL21" s="114">
        <v>533506</v>
      </c>
      <c r="EM21" s="114">
        <v>363559</v>
      </c>
      <c r="EN21" s="112">
        <v>2211913</v>
      </c>
      <c r="EO21" s="116">
        <v>2211913</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8"/>
      <c r="FE21" s="114">
        <v>0</v>
      </c>
      <c r="FF21" s="114">
        <v>0</v>
      </c>
      <c r="FG21" s="114">
        <v>0</v>
      </c>
      <c r="FH21" s="114">
        <v>0</v>
      </c>
      <c r="FI21" s="114">
        <v>0</v>
      </c>
      <c r="FJ21" s="113">
        <v>0</v>
      </c>
      <c r="FK21" s="116">
        <v>0</v>
      </c>
      <c r="FL21" s="110">
        <v>1104924</v>
      </c>
      <c r="FM21" s="114">
        <v>2474440</v>
      </c>
      <c r="FN21" s="113">
        <v>3579364</v>
      </c>
      <c r="FO21" s="110">
        <v>0</v>
      </c>
      <c r="FP21" s="114">
        <v>4139840</v>
      </c>
      <c r="FQ21" s="114">
        <v>10793787</v>
      </c>
      <c r="FR21" s="114">
        <v>8571709</v>
      </c>
      <c r="FS21" s="114">
        <v>6705659</v>
      </c>
      <c r="FT21" s="114">
        <v>5193366</v>
      </c>
      <c r="FU21" s="113">
        <v>35404361</v>
      </c>
      <c r="FV21" s="116">
        <v>38983725</v>
      </c>
      <c r="FW21" s="115">
        <v>819600</v>
      </c>
      <c r="FX21" s="114">
        <v>1855114</v>
      </c>
      <c r="FY21" s="112">
        <v>2674714</v>
      </c>
      <c r="FZ21" s="111">
        <v>0</v>
      </c>
      <c r="GA21" s="114">
        <v>2647294</v>
      </c>
      <c r="GB21" s="114">
        <v>10406367</v>
      </c>
      <c r="GC21" s="114">
        <v>7632780</v>
      </c>
      <c r="GD21" s="114">
        <v>6391950</v>
      </c>
      <c r="GE21" s="114">
        <v>4975830</v>
      </c>
      <c r="GF21" s="113">
        <v>32054221</v>
      </c>
      <c r="GG21" s="319">
        <v>34728935</v>
      </c>
      <c r="GH21" s="115">
        <v>136125</v>
      </c>
      <c r="GI21" s="114">
        <v>158193</v>
      </c>
      <c r="GJ21" s="112">
        <v>294318</v>
      </c>
      <c r="GK21" s="111">
        <v>0</v>
      </c>
      <c r="GL21" s="114">
        <v>103256</v>
      </c>
      <c r="GM21" s="114">
        <v>173188</v>
      </c>
      <c r="GN21" s="114">
        <v>268576</v>
      </c>
      <c r="GO21" s="114">
        <v>99099</v>
      </c>
      <c r="GP21" s="114">
        <v>191328</v>
      </c>
      <c r="GQ21" s="113">
        <v>835447</v>
      </c>
      <c r="GR21" s="116">
        <v>1129765</v>
      </c>
      <c r="GS21" s="110">
        <v>149199</v>
      </c>
      <c r="GT21" s="114">
        <v>461133</v>
      </c>
      <c r="GU21" s="113">
        <v>610332</v>
      </c>
      <c r="GV21" s="110">
        <v>0</v>
      </c>
      <c r="GW21" s="114">
        <v>1389290</v>
      </c>
      <c r="GX21" s="114">
        <v>214232</v>
      </c>
      <c r="GY21" s="114">
        <v>670353</v>
      </c>
      <c r="GZ21" s="114">
        <v>214610</v>
      </c>
      <c r="HA21" s="114">
        <v>26208</v>
      </c>
      <c r="HB21" s="112">
        <v>2514693</v>
      </c>
      <c r="HC21" s="116">
        <v>3125025</v>
      </c>
      <c r="HD21" s="110">
        <v>1571987</v>
      </c>
      <c r="HE21" s="114">
        <v>1339961</v>
      </c>
      <c r="HF21" s="112">
        <v>2911948</v>
      </c>
      <c r="HG21" s="111">
        <v>0</v>
      </c>
      <c r="HH21" s="114">
        <v>15718233</v>
      </c>
      <c r="HI21" s="114">
        <v>19111909</v>
      </c>
      <c r="HJ21" s="114">
        <v>16095012</v>
      </c>
      <c r="HK21" s="114">
        <v>23171428</v>
      </c>
      <c r="HL21" s="114">
        <v>20153903</v>
      </c>
      <c r="HM21" s="113">
        <v>94250485</v>
      </c>
      <c r="HN21" s="109">
        <v>97162433</v>
      </c>
      <c r="HO21" s="115">
        <v>879959</v>
      </c>
      <c r="HP21" s="114">
        <v>1683090</v>
      </c>
      <c r="HQ21" s="113">
        <v>2563049</v>
      </c>
      <c r="HR21" s="110">
        <v>0</v>
      </c>
      <c r="HS21" s="114">
        <v>12053812</v>
      </c>
      <c r="HT21" s="114">
        <v>16420831</v>
      </c>
      <c r="HU21" s="114">
        <v>10628622</v>
      </c>
      <c r="HV21" s="114">
        <v>6259910</v>
      </c>
      <c r="HW21" s="114">
        <v>3794704</v>
      </c>
      <c r="HX21" s="112">
        <v>49157879</v>
      </c>
      <c r="HY21" s="116">
        <v>51720928</v>
      </c>
      <c r="HZ21" s="131">
        <v>76840</v>
      </c>
      <c r="IA21" s="132">
        <v>85011</v>
      </c>
      <c r="IB21" s="133">
        <v>161851</v>
      </c>
      <c r="IC21" s="146">
        <v>0</v>
      </c>
      <c r="ID21" s="132">
        <v>14137163</v>
      </c>
      <c r="IE21" s="147">
        <v>27383887</v>
      </c>
      <c r="IF21" s="133">
        <v>33090015</v>
      </c>
      <c r="IG21" s="132">
        <v>24003426</v>
      </c>
      <c r="IH21" s="133">
        <v>19264500</v>
      </c>
      <c r="II21" s="148">
        <v>117878991</v>
      </c>
      <c r="IJ21" s="139">
        <v>118040842</v>
      </c>
      <c r="IK21" s="232">
        <v>0</v>
      </c>
      <c r="IL21" s="236">
        <v>0</v>
      </c>
      <c r="IM21" s="237">
        <v>0</v>
      </c>
      <c r="IN21" s="140"/>
      <c r="IO21" s="119">
        <v>622175</v>
      </c>
      <c r="IP21" s="119">
        <v>1371418</v>
      </c>
      <c r="IQ21" s="119">
        <v>1617320</v>
      </c>
      <c r="IR21" s="119">
        <v>2549907</v>
      </c>
      <c r="IS21" s="119">
        <v>1416532</v>
      </c>
      <c r="IT21" s="141">
        <v>7577352</v>
      </c>
      <c r="IU21" s="321">
        <v>7577352</v>
      </c>
      <c r="IV21" s="142">
        <v>0</v>
      </c>
      <c r="IW21" s="119">
        <v>0</v>
      </c>
      <c r="IX21" s="120">
        <v>0</v>
      </c>
      <c r="IY21" s="144"/>
      <c r="IZ21" s="119">
        <v>0</v>
      </c>
      <c r="JA21" s="119">
        <v>18080</v>
      </c>
      <c r="JB21" s="119">
        <v>84731</v>
      </c>
      <c r="JC21" s="119">
        <v>36160</v>
      </c>
      <c r="JD21" s="119">
        <v>0</v>
      </c>
      <c r="JE21" s="120">
        <v>138971</v>
      </c>
      <c r="JF21" s="121">
        <v>138971</v>
      </c>
      <c r="JG21" s="142">
        <v>0</v>
      </c>
      <c r="JH21" s="119">
        <v>0</v>
      </c>
      <c r="JI21" s="141">
        <v>0</v>
      </c>
      <c r="JJ21" s="118">
        <v>0</v>
      </c>
      <c r="JK21" s="119">
        <v>7595574</v>
      </c>
      <c r="JL21" s="119">
        <v>9510696</v>
      </c>
      <c r="JM21" s="119">
        <v>8427500</v>
      </c>
      <c r="JN21" s="119">
        <v>4855207</v>
      </c>
      <c r="JO21" s="119">
        <v>2471126</v>
      </c>
      <c r="JP21" s="120">
        <v>32860103</v>
      </c>
      <c r="JQ21" s="321">
        <v>32860103</v>
      </c>
      <c r="JR21" s="142">
        <v>0</v>
      </c>
      <c r="JS21" s="119">
        <v>0</v>
      </c>
      <c r="JT21" s="141">
        <v>0</v>
      </c>
      <c r="JU21" s="118">
        <v>0</v>
      </c>
      <c r="JV21" s="119">
        <v>402168</v>
      </c>
      <c r="JW21" s="119">
        <v>956469</v>
      </c>
      <c r="JX21" s="119">
        <v>931532</v>
      </c>
      <c r="JY21" s="119">
        <v>533729</v>
      </c>
      <c r="JZ21" s="119">
        <v>988898</v>
      </c>
      <c r="KA21" s="120">
        <v>3812796</v>
      </c>
      <c r="KB21" s="321">
        <v>3812796</v>
      </c>
      <c r="KC21" s="234">
        <v>76840</v>
      </c>
      <c r="KD21" s="230">
        <v>85011</v>
      </c>
      <c r="KE21" s="120">
        <v>161851</v>
      </c>
      <c r="KF21" s="118">
        <v>0</v>
      </c>
      <c r="KG21" s="119">
        <v>910949</v>
      </c>
      <c r="KH21" s="119">
        <v>3093394</v>
      </c>
      <c r="KI21" s="119">
        <v>3623423</v>
      </c>
      <c r="KJ21" s="119">
        <v>4862896</v>
      </c>
      <c r="KK21" s="119">
        <v>3770082</v>
      </c>
      <c r="KL21" s="120">
        <v>16260744</v>
      </c>
      <c r="KM21" s="143">
        <v>16422595</v>
      </c>
      <c r="KN21" s="232">
        <v>0</v>
      </c>
      <c r="KO21" s="236">
        <v>0</v>
      </c>
      <c r="KP21" s="237">
        <v>0</v>
      </c>
      <c r="KQ21" s="140"/>
      <c r="KR21" s="119">
        <v>4085155</v>
      </c>
      <c r="KS21" s="119">
        <v>10831534</v>
      </c>
      <c r="KT21" s="119">
        <v>15484185</v>
      </c>
      <c r="KU21" s="119">
        <v>8513228</v>
      </c>
      <c r="KV21" s="119">
        <v>7372010</v>
      </c>
      <c r="KW21" s="120">
        <v>46286112</v>
      </c>
      <c r="KX21" s="321">
        <v>46286112</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230566</v>
      </c>
      <c r="LO21" s="119">
        <v>492780</v>
      </c>
      <c r="LP21" s="119">
        <v>1636663</v>
      </c>
      <c r="LQ21" s="119">
        <v>2362336</v>
      </c>
      <c r="LR21" s="119">
        <v>2237389</v>
      </c>
      <c r="LS21" s="120">
        <v>6959734</v>
      </c>
      <c r="LT21" s="321">
        <v>6959734</v>
      </c>
      <c r="LU21" s="142">
        <v>0</v>
      </c>
      <c r="LV21" s="119">
        <v>0</v>
      </c>
      <c r="LW21" s="120">
        <v>0</v>
      </c>
      <c r="LX21" s="145"/>
      <c r="LY21" s="119">
        <v>290576</v>
      </c>
      <c r="LZ21" s="119">
        <v>1109516</v>
      </c>
      <c r="MA21" s="119">
        <v>1284661</v>
      </c>
      <c r="MB21" s="119">
        <v>289963</v>
      </c>
      <c r="MC21" s="119">
        <v>1008463</v>
      </c>
      <c r="MD21" s="120">
        <v>3983179</v>
      </c>
      <c r="ME21" s="121">
        <v>3983179</v>
      </c>
      <c r="MF21" s="142">
        <v>0</v>
      </c>
      <c r="MG21" s="119">
        <v>0</v>
      </c>
      <c r="MH21" s="120">
        <v>0</v>
      </c>
      <c r="MI21" s="145"/>
      <c r="MJ21" s="119">
        <v>19359396</v>
      </c>
      <c r="MK21" s="119">
        <v>30764562</v>
      </c>
      <c r="ML21" s="119">
        <v>84264017</v>
      </c>
      <c r="MM21" s="119">
        <v>121081891</v>
      </c>
      <c r="MN21" s="119">
        <v>75420479</v>
      </c>
      <c r="MO21" s="120">
        <v>330890345</v>
      </c>
      <c r="MP21" s="143">
        <v>330890345</v>
      </c>
      <c r="MQ21" s="142">
        <v>0</v>
      </c>
      <c r="MR21" s="119">
        <v>0</v>
      </c>
      <c r="MS21" s="120">
        <v>0</v>
      </c>
      <c r="MT21" s="145"/>
      <c r="MU21" s="119">
        <v>1537497</v>
      </c>
      <c r="MV21" s="119">
        <v>5221287</v>
      </c>
      <c r="MW21" s="119">
        <v>47216956</v>
      </c>
      <c r="MX21" s="119">
        <v>74325334</v>
      </c>
      <c r="MY21" s="119">
        <v>54957757</v>
      </c>
      <c r="MZ21" s="120">
        <v>183258831</v>
      </c>
      <c r="NA21" s="143">
        <v>183258831</v>
      </c>
      <c r="NB21" s="142">
        <v>0</v>
      </c>
      <c r="NC21" s="119">
        <v>0</v>
      </c>
      <c r="ND21" s="120">
        <v>0</v>
      </c>
      <c r="NE21" s="145"/>
      <c r="NF21" s="119">
        <v>17821899</v>
      </c>
      <c r="NG21" s="119">
        <v>25543275</v>
      </c>
      <c r="NH21" s="119">
        <v>35606359</v>
      </c>
      <c r="NI21" s="119">
        <v>41378035</v>
      </c>
      <c r="NJ21" s="119">
        <v>15707789</v>
      </c>
      <c r="NK21" s="120">
        <v>136057357</v>
      </c>
      <c r="NL21" s="321">
        <v>136057357</v>
      </c>
      <c r="NM21" s="142">
        <v>0</v>
      </c>
      <c r="NN21" s="119">
        <v>0</v>
      </c>
      <c r="NO21" s="120">
        <v>0</v>
      </c>
      <c r="NP21" s="145"/>
      <c r="NQ21" s="119">
        <v>0</v>
      </c>
      <c r="NR21" s="119">
        <v>0</v>
      </c>
      <c r="NS21" s="119">
        <v>0</v>
      </c>
      <c r="NT21" s="119">
        <v>0</v>
      </c>
      <c r="NU21" s="119">
        <v>705201</v>
      </c>
      <c r="NV21" s="120">
        <v>705201</v>
      </c>
      <c r="NW21" s="121">
        <v>705201</v>
      </c>
      <c r="NX21" s="142">
        <v>0</v>
      </c>
      <c r="NY21" s="119">
        <v>0</v>
      </c>
      <c r="NZ21" s="120">
        <v>0</v>
      </c>
      <c r="OA21" s="145"/>
      <c r="OB21" s="119">
        <v>0</v>
      </c>
      <c r="OC21" s="119">
        <v>0</v>
      </c>
      <c r="OD21" s="119">
        <v>1440702</v>
      </c>
      <c r="OE21" s="119">
        <v>5378522</v>
      </c>
      <c r="OF21" s="119">
        <v>4049732</v>
      </c>
      <c r="OG21" s="120">
        <v>10868956</v>
      </c>
      <c r="OH21" s="121">
        <v>10868956</v>
      </c>
      <c r="OI21" s="142">
        <v>5540657</v>
      </c>
      <c r="OJ21" s="119">
        <v>11106783</v>
      </c>
      <c r="OK21" s="141">
        <v>16647440</v>
      </c>
      <c r="OL21" s="118">
        <v>0</v>
      </c>
      <c r="OM21" s="119">
        <v>109854163</v>
      </c>
      <c r="ON21" s="119">
        <v>182700920</v>
      </c>
      <c r="OO21" s="119">
        <v>224573869</v>
      </c>
      <c r="OP21" s="119">
        <v>234462113</v>
      </c>
      <c r="OQ21" s="119">
        <v>161570336</v>
      </c>
      <c r="OR21" s="120">
        <v>913161401</v>
      </c>
      <c r="OS21" s="143">
        <v>929808841</v>
      </c>
    </row>
    <row r="22" spans="2:409" ht="18.75" customHeight="1" x14ac:dyDescent="0.2">
      <c r="B22" s="62" t="s">
        <v>17</v>
      </c>
      <c r="C22" s="110">
        <v>5862656</v>
      </c>
      <c r="D22" s="114">
        <v>16069835</v>
      </c>
      <c r="E22" s="113">
        <v>21932491</v>
      </c>
      <c r="F22" s="109">
        <v>0</v>
      </c>
      <c r="G22" s="114">
        <v>84518028</v>
      </c>
      <c r="H22" s="114">
        <v>163268792</v>
      </c>
      <c r="I22" s="114">
        <v>128731107</v>
      </c>
      <c r="J22" s="114">
        <v>126454857</v>
      </c>
      <c r="K22" s="114">
        <v>104652528</v>
      </c>
      <c r="L22" s="109">
        <v>607625312</v>
      </c>
      <c r="M22" s="116">
        <v>629557803</v>
      </c>
      <c r="N22" s="110">
        <v>1147657</v>
      </c>
      <c r="O22" s="114">
        <v>3500301</v>
      </c>
      <c r="P22" s="113">
        <v>4647958</v>
      </c>
      <c r="Q22" s="110">
        <v>0</v>
      </c>
      <c r="R22" s="114">
        <v>19070560</v>
      </c>
      <c r="S22" s="114">
        <v>42814649</v>
      </c>
      <c r="T22" s="114">
        <v>38267094</v>
      </c>
      <c r="U22" s="114">
        <v>47432012</v>
      </c>
      <c r="V22" s="114">
        <v>54865040</v>
      </c>
      <c r="W22" s="113">
        <v>202449355</v>
      </c>
      <c r="X22" s="116">
        <v>207097313</v>
      </c>
      <c r="Y22" s="110">
        <v>0</v>
      </c>
      <c r="Z22" s="114">
        <v>0</v>
      </c>
      <c r="AA22" s="113">
        <v>0</v>
      </c>
      <c r="AB22" s="110">
        <v>0</v>
      </c>
      <c r="AC22" s="114">
        <v>8776440</v>
      </c>
      <c r="AD22" s="114">
        <v>22284969</v>
      </c>
      <c r="AE22" s="114">
        <v>21985236</v>
      </c>
      <c r="AF22" s="114">
        <v>29163658</v>
      </c>
      <c r="AG22" s="114">
        <v>36597887</v>
      </c>
      <c r="AH22" s="113">
        <v>118808190</v>
      </c>
      <c r="AI22" s="116">
        <v>118808190</v>
      </c>
      <c r="AJ22" s="110">
        <v>0</v>
      </c>
      <c r="AK22" s="114">
        <v>80262</v>
      </c>
      <c r="AL22" s="113">
        <v>80262</v>
      </c>
      <c r="AM22" s="110">
        <v>0</v>
      </c>
      <c r="AN22" s="114">
        <v>0</v>
      </c>
      <c r="AO22" s="114">
        <v>431280</v>
      </c>
      <c r="AP22" s="114">
        <v>1496343</v>
      </c>
      <c r="AQ22" s="114">
        <v>2513738</v>
      </c>
      <c r="AR22" s="114">
        <v>5263650</v>
      </c>
      <c r="AS22" s="113">
        <v>9705011</v>
      </c>
      <c r="AT22" s="116">
        <v>9785273</v>
      </c>
      <c r="AU22" s="110">
        <v>564077</v>
      </c>
      <c r="AV22" s="114">
        <v>2602732</v>
      </c>
      <c r="AW22" s="113">
        <v>3166809</v>
      </c>
      <c r="AX22" s="110">
        <v>0</v>
      </c>
      <c r="AY22" s="114">
        <v>5886201</v>
      </c>
      <c r="AZ22" s="114">
        <v>12951035</v>
      </c>
      <c r="BA22" s="114">
        <v>9030520</v>
      </c>
      <c r="BB22" s="114">
        <v>9511389</v>
      </c>
      <c r="BC22" s="114">
        <v>8217967</v>
      </c>
      <c r="BD22" s="113">
        <v>45597112</v>
      </c>
      <c r="BE22" s="116">
        <v>48763921</v>
      </c>
      <c r="BF22" s="110">
        <v>43782</v>
      </c>
      <c r="BG22" s="114">
        <v>135327</v>
      </c>
      <c r="BH22" s="112">
        <v>179109</v>
      </c>
      <c r="BI22" s="111">
        <v>0</v>
      </c>
      <c r="BJ22" s="114">
        <v>412053</v>
      </c>
      <c r="BK22" s="114">
        <v>1089699</v>
      </c>
      <c r="BL22" s="114">
        <v>662257</v>
      </c>
      <c r="BM22" s="114">
        <v>648878</v>
      </c>
      <c r="BN22" s="114">
        <v>413864</v>
      </c>
      <c r="BO22" s="113">
        <v>3226751</v>
      </c>
      <c r="BP22" s="116">
        <v>3405860</v>
      </c>
      <c r="BQ22" s="110">
        <v>539798</v>
      </c>
      <c r="BR22" s="114">
        <v>681980</v>
      </c>
      <c r="BS22" s="113">
        <v>1221778</v>
      </c>
      <c r="BT22" s="110">
        <v>0</v>
      </c>
      <c r="BU22" s="114">
        <v>3995866</v>
      </c>
      <c r="BV22" s="114">
        <v>6057666</v>
      </c>
      <c r="BW22" s="114">
        <v>5092738</v>
      </c>
      <c r="BX22" s="114">
        <v>5594349</v>
      </c>
      <c r="BY22" s="114">
        <v>4371672</v>
      </c>
      <c r="BZ22" s="113">
        <v>25112291</v>
      </c>
      <c r="CA22" s="116">
        <v>26334069</v>
      </c>
      <c r="CB22" s="110">
        <v>521204</v>
      </c>
      <c r="CC22" s="114">
        <v>2926110</v>
      </c>
      <c r="CD22" s="113">
        <v>3447314</v>
      </c>
      <c r="CE22" s="110">
        <v>0</v>
      </c>
      <c r="CF22" s="114">
        <v>26969693</v>
      </c>
      <c r="CG22" s="114">
        <v>57634477</v>
      </c>
      <c r="CH22" s="114">
        <v>37627849</v>
      </c>
      <c r="CI22" s="114">
        <v>27093849</v>
      </c>
      <c r="CJ22" s="114">
        <v>15160366</v>
      </c>
      <c r="CK22" s="113">
        <v>164486234</v>
      </c>
      <c r="CL22" s="116">
        <v>167933548</v>
      </c>
      <c r="CM22" s="110">
        <v>0</v>
      </c>
      <c r="CN22" s="114">
        <v>0</v>
      </c>
      <c r="CO22" s="113">
        <v>0</v>
      </c>
      <c r="CP22" s="111">
        <v>0</v>
      </c>
      <c r="CQ22" s="114">
        <v>23188685</v>
      </c>
      <c r="CR22" s="114">
        <v>45010285</v>
      </c>
      <c r="CS22" s="114">
        <v>30273282</v>
      </c>
      <c r="CT22" s="114">
        <v>22812609</v>
      </c>
      <c r="CU22" s="114">
        <v>13142771</v>
      </c>
      <c r="CV22" s="113">
        <v>134427632</v>
      </c>
      <c r="CW22" s="116">
        <v>134427632</v>
      </c>
      <c r="CX22" s="110">
        <v>521204</v>
      </c>
      <c r="CY22" s="114">
        <v>2926110</v>
      </c>
      <c r="CZ22" s="113">
        <v>3447314</v>
      </c>
      <c r="DA22" s="110">
        <v>0</v>
      </c>
      <c r="DB22" s="114">
        <v>3781008</v>
      </c>
      <c r="DC22" s="114">
        <v>12624192</v>
      </c>
      <c r="DD22" s="114">
        <v>7354567</v>
      </c>
      <c r="DE22" s="114">
        <v>4281240</v>
      </c>
      <c r="DF22" s="114">
        <v>2017595</v>
      </c>
      <c r="DG22" s="113">
        <v>30058602</v>
      </c>
      <c r="DH22" s="116">
        <v>33505916</v>
      </c>
      <c r="DI22" s="110">
        <v>61275</v>
      </c>
      <c r="DJ22" s="114">
        <v>167690</v>
      </c>
      <c r="DK22" s="112">
        <v>228965</v>
      </c>
      <c r="DL22" s="111">
        <v>0</v>
      </c>
      <c r="DM22" s="114">
        <v>2442375</v>
      </c>
      <c r="DN22" s="114">
        <v>6951319</v>
      </c>
      <c r="DO22" s="114">
        <v>10023920</v>
      </c>
      <c r="DP22" s="114">
        <v>10235661</v>
      </c>
      <c r="DQ22" s="114">
        <v>5556905</v>
      </c>
      <c r="DR22" s="113">
        <v>35210180</v>
      </c>
      <c r="DS22" s="116">
        <v>35439145</v>
      </c>
      <c r="DT22" s="110">
        <v>61275</v>
      </c>
      <c r="DU22" s="114">
        <v>167690</v>
      </c>
      <c r="DV22" s="113">
        <v>228965</v>
      </c>
      <c r="DW22" s="110">
        <v>0</v>
      </c>
      <c r="DX22" s="114">
        <v>2039900</v>
      </c>
      <c r="DY22" s="114">
        <v>5685439</v>
      </c>
      <c r="DZ22" s="114">
        <v>9600149</v>
      </c>
      <c r="EA22" s="114">
        <v>9332198</v>
      </c>
      <c r="EB22" s="114">
        <v>4588668</v>
      </c>
      <c r="EC22" s="113">
        <v>31246354</v>
      </c>
      <c r="ED22" s="116">
        <v>31475319</v>
      </c>
      <c r="EE22" s="110">
        <v>0</v>
      </c>
      <c r="EF22" s="112">
        <v>0</v>
      </c>
      <c r="EG22" s="113">
        <v>0</v>
      </c>
      <c r="EH22" s="110">
        <v>0</v>
      </c>
      <c r="EI22" s="114">
        <v>402475</v>
      </c>
      <c r="EJ22" s="114">
        <v>1265880</v>
      </c>
      <c r="EK22" s="114">
        <v>423771</v>
      </c>
      <c r="EL22" s="114">
        <v>903463</v>
      </c>
      <c r="EM22" s="114">
        <v>968237</v>
      </c>
      <c r="EN22" s="112">
        <v>3963826</v>
      </c>
      <c r="EO22" s="116">
        <v>3963826</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8"/>
      <c r="FE22" s="114">
        <v>0</v>
      </c>
      <c r="FF22" s="114">
        <v>0</v>
      </c>
      <c r="FG22" s="114">
        <v>0</v>
      </c>
      <c r="FH22" s="114">
        <v>0</v>
      </c>
      <c r="FI22" s="114">
        <v>0</v>
      </c>
      <c r="FJ22" s="113">
        <v>0</v>
      </c>
      <c r="FK22" s="116">
        <v>0</v>
      </c>
      <c r="FL22" s="110">
        <v>1458481</v>
      </c>
      <c r="FM22" s="114">
        <v>3595601</v>
      </c>
      <c r="FN22" s="113">
        <v>5054082</v>
      </c>
      <c r="FO22" s="110">
        <v>0</v>
      </c>
      <c r="FP22" s="114">
        <v>4404704</v>
      </c>
      <c r="FQ22" s="114">
        <v>16857867</v>
      </c>
      <c r="FR22" s="114">
        <v>10178511</v>
      </c>
      <c r="FS22" s="114">
        <v>10794191</v>
      </c>
      <c r="FT22" s="114">
        <v>8739685</v>
      </c>
      <c r="FU22" s="113">
        <v>50974958</v>
      </c>
      <c r="FV22" s="116">
        <v>56029040</v>
      </c>
      <c r="FW22" s="115">
        <v>941533</v>
      </c>
      <c r="FX22" s="114">
        <v>3256205</v>
      </c>
      <c r="FY22" s="112">
        <v>4197738</v>
      </c>
      <c r="FZ22" s="111">
        <v>0</v>
      </c>
      <c r="GA22" s="114">
        <v>2995705</v>
      </c>
      <c r="GB22" s="114">
        <v>15173673</v>
      </c>
      <c r="GC22" s="114">
        <v>9544587</v>
      </c>
      <c r="GD22" s="114">
        <v>10152777</v>
      </c>
      <c r="GE22" s="114">
        <v>8539633</v>
      </c>
      <c r="GF22" s="113">
        <v>46406375</v>
      </c>
      <c r="GG22" s="319">
        <v>50604113</v>
      </c>
      <c r="GH22" s="115">
        <v>44514</v>
      </c>
      <c r="GI22" s="114">
        <v>107228</v>
      </c>
      <c r="GJ22" s="112">
        <v>151742</v>
      </c>
      <c r="GK22" s="111">
        <v>0</v>
      </c>
      <c r="GL22" s="114">
        <v>141310</v>
      </c>
      <c r="GM22" s="114">
        <v>400958</v>
      </c>
      <c r="GN22" s="114">
        <v>299772</v>
      </c>
      <c r="GO22" s="114">
        <v>498838</v>
      </c>
      <c r="GP22" s="114">
        <v>143352</v>
      </c>
      <c r="GQ22" s="113">
        <v>1484230</v>
      </c>
      <c r="GR22" s="116">
        <v>1635972</v>
      </c>
      <c r="GS22" s="110">
        <v>472434</v>
      </c>
      <c r="GT22" s="114">
        <v>232168</v>
      </c>
      <c r="GU22" s="113">
        <v>704602</v>
      </c>
      <c r="GV22" s="110">
        <v>0</v>
      </c>
      <c r="GW22" s="114">
        <v>1267689</v>
      </c>
      <c r="GX22" s="114">
        <v>1283236</v>
      </c>
      <c r="GY22" s="114">
        <v>334152</v>
      </c>
      <c r="GZ22" s="114">
        <v>142576</v>
      </c>
      <c r="HA22" s="114">
        <v>56700</v>
      </c>
      <c r="HB22" s="112">
        <v>3084353</v>
      </c>
      <c r="HC22" s="116">
        <v>3788955</v>
      </c>
      <c r="HD22" s="110">
        <v>1588590</v>
      </c>
      <c r="HE22" s="114">
        <v>3234459</v>
      </c>
      <c r="HF22" s="112">
        <v>4823049</v>
      </c>
      <c r="HG22" s="111">
        <v>0</v>
      </c>
      <c r="HH22" s="114">
        <v>17709934</v>
      </c>
      <c r="HI22" s="114">
        <v>16885634</v>
      </c>
      <c r="HJ22" s="114">
        <v>18413316</v>
      </c>
      <c r="HK22" s="114">
        <v>20400991</v>
      </c>
      <c r="HL22" s="114">
        <v>12868403</v>
      </c>
      <c r="HM22" s="113">
        <v>86278278</v>
      </c>
      <c r="HN22" s="109">
        <v>91101327</v>
      </c>
      <c r="HO22" s="115">
        <v>1085449</v>
      </c>
      <c r="HP22" s="114">
        <v>2645674</v>
      </c>
      <c r="HQ22" s="113">
        <v>3731123</v>
      </c>
      <c r="HR22" s="110">
        <v>0</v>
      </c>
      <c r="HS22" s="114">
        <v>13920762</v>
      </c>
      <c r="HT22" s="114">
        <v>22124846</v>
      </c>
      <c r="HU22" s="114">
        <v>14220417</v>
      </c>
      <c r="HV22" s="114">
        <v>10498153</v>
      </c>
      <c r="HW22" s="114">
        <v>7462129</v>
      </c>
      <c r="HX22" s="112">
        <v>68226307</v>
      </c>
      <c r="HY22" s="116">
        <v>71957430</v>
      </c>
      <c r="HZ22" s="150">
        <v>46544</v>
      </c>
      <c r="IA22" s="135">
        <v>284497</v>
      </c>
      <c r="IB22" s="150">
        <v>331041</v>
      </c>
      <c r="IC22" s="134">
        <v>0</v>
      </c>
      <c r="ID22" s="135">
        <v>29476783</v>
      </c>
      <c r="IE22" s="136">
        <v>45827187</v>
      </c>
      <c r="IF22" s="137">
        <v>49075056</v>
      </c>
      <c r="IG22" s="135">
        <v>43342105</v>
      </c>
      <c r="IH22" s="137">
        <v>36362716</v>
      </c>
      <c r="II22" s="138">
        <v>204083847</v>
      </c>
      <c r="IJ22" s="150">
        <v>204414888</v>
      </c>
      <c r="IK22" s="232">
        <v>0</v>
      </c>
      <c r="IL22" s="236">
        <v>0</v>
      </c>
      <c r="IM22" s="237">
        <v>0</v>
      </c>
      <c r="IN22" s="140"/>
      <c r="IO22" s="119">
        <v>277540</v>
      </c>
      <c r="IP22" s="119">
        <v>437898</v>
      </c>
      <c r="IQ22" s="119">
        <v>177066</v>
      </c>
      <c r="IR22" s="119">
        <v>1022249</v>
      </c>
      <c r="IS22" s="119">
        <v>0</v>
      </c>
      <c r="IT22" s="141">
        <v>1914753</v>
      </c>
      <c r="IU22" s="321">
        <v>1914753</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12848845</v>
      </c>
      <c r="JL22" s="119">
        <v>19176355</v>
      </c>
      <c r="JM22" s="119">
        <v>13254252</v>
      </c>
      <c r="JN22" s="119">
        <v>13285994</v>
      </c>
      <c r="JO22" s="119">
        <v>8924498</v>
      </c>
      <c r="JP22" s="120">
        <v>67489944</v>
      </c>
      <c r="JQ22" s="321">
        <v>67489944</v>
      </c>
      <c r="JR22" s="142">
        <v>0</v>
      </c>
      <c r="JS22" s="119">
        <v>101062</v>
      </c>
      <c r="JT22" s="141">
        <v>101062</v>
      </c>
      <c r="JU22" s="118">
        <v>0</v>
      </c>
      <c r="JV22" s="119">
        <v>1635048</v>
      </c>
      <c r="JW22" s="119">
        <v>2369401</v>
      </c>
      <c r="JX22" s="119">
        <v>2582615</v>
      </c>
      <c r="JY22" s="119">
        <v>1713075</v>
      </c>
      <c r="JZ22" s="119">
        <v>1037141</v>
      </c>
      <c r="KA22" s="120">
        <v>9337280</v>
      </c>
      <c r="KB22" s="321">
        <v>9438342</v>
      </c>
      <c r="KC22" s="234">
        <v>46544</v>
      </c>
      <c r="KD22" s="230">
        <v>183435</v>
      </c>
      <c r="KE22" s="120">
        <v>229979</v>
      </c>
      <c r="KF22" s="118">
        <v>0</v>
      </c>
      <c r="KG22" s="119">
        <v>1360033</v>
      </c>
      <c r="KH22" s="119">
        <v>5988590</v>
      </c>
      <c r="KI22" s="119">
        <v>8971678</v>
      </c>
      <c r="KJ22" s="119">
        <v>7847744</v>
      </c>
      <c r="KK22" s="119">
        <v>4386395</v>
      </c>
      <c r="KL22" s="120">
        <v>28554440</v>
      </c>
      <c r="KM22" s="143">
        <v>28784419</v>
      </c>
      <c r="KN22" s="232">
        <v>0</v>
      </c>
      <c r="KO22" s="236">
        <v>0</v>
      </c>
      <c r="KP22" s="237">
        <v>0</v>
      </c>
      <c r="KQ22" s="140"/>
      <c r="KR22" s="119">
        <v>12596525</v>
      </c>
      <c r="KS22" s="119">
        <v>17344683</v>
      </c>
      <c r="KT22" s="119">
        <v>14607893</v>
      </c>
      <c r="KU22" s="119">
        <v>9764925</v>
      </c>
      <c r="KV22" s="119">
        <v>5703194</v>
      </c>
      <c r="KW22" s="120">
        <v>60017220</v>
      </c>
      <c r="KX22" s="321">
        <v>60017220</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216935</v>
      </c>
      <c r="LO22" s="119">
        <v>510260</v>
      </c>
      <c r="LP22" s="119">
        <v>8953030</v>
      </c>
      <c r="LQ22" s="119">
        <v>8381525</v>
      </c>
      <c r="LR22" s="119">
        <v>12094935</v>
      </c>
      <c r="LS22" s="120">
        <v>30156685</v>
      </c>
      <c r="LT22" s="321">
        <v>30156685</v>
      </c>
      <c r="LU22" s="142">
        <v>0</v>
      </c>
      <c r="LV22" s="119">
        <v>0</v>
      </c>
      <c r="LW22" s="120">
        <v>0</v>
      </c>
      <c r="LX22" s="145"/>
      <c r="LY22" s="119">
        <v>541857</v>
      </c>
      <c r="LZ22" s="119">
        <v>0</v>
      </c>
      <c r="MA22" s="119">
        <v>528522</v>
      </c>
      <c r="MB22" s="119">
        <v>1326593</v>
      </c>
      <c r="MC22" s="119">
        <v>4216553</v>
      </c>
      <c r="MD22" s="120">
        <v>6613525</v>
      </c>
      <c r="ME22" s="121">
        <v>6613525</v>
      </c>
      <c r="MF22" s="142">
        <v>0</v>
      </c>
      <c r="MG22" s="119">
        <v>0</v>
      </c>
      <c r="MH22" s="120">
        <v>0</v>
      </c>
      <c r="MI22" s="145"/>
      <c r="MJ22" s="119">
        <v>12741606</v>
      </c>
      <c r="MK22" s="119">
        <v>29483155</v>
      </c>
      <c r="ML22" s="119">
        <v>92591691</v>
      </c>
      <c r="MM22" s="119">
        <v>116491877</v>
      </c>
      <c r="MN22" s="119">
        <v>88871244</v>
      </c>
      <c r="MO22" s="120">
        <v>340179573</v>
      </c>
      <c r="MP22" s="143">
        <v>340179573</v>
      </c>
      <c r="MQ22" s="142">
        <v>0</v>
      </c>
      <c r="MR22" s="119">
        <v>0</v>
      </c>
      <c r="MS22" s="120">
        <v>0</v>
      </c>
      <c r="MT22" s="145"/>
      <c r="MU22" s="119">
        <v>1070115</v>
      </c>
      <c r="MV22" s="119">
        <v>3403675</v>
      </c>
      <c r="MW22" s="119">
        <v>52098368</v>
      </c>
      <c r="MX22" s="119">
        <v>76505364</v>
      </c>
      <c r="MY22" s="119">
        <v>58374066</v>
      </c>
      <c r="MZ22" s="120">
        <v>191451588</v>
      </c>
      <c r="NA22" s="143">
        <v>191451588</v>
      </c>
      <c r="NB22" s="142">
        <v>0</v>
      </c>
      <c r="NC22" s="119">
        <v>0</v>
      </c>
      <c r="ND22" s="120">
        <v>0</v>
      </c>
      <c r="NE22" s="145"/>
      <c r="NF22" s="119">
        <v>11671491</v>
      </c>
      <c r="NG22" s="119">
        <v>26079480</v>
      </c>
      <c r="NH22" s="119">
        <v>39735466</v>
      </c>
      <c r="NI22" s="119">
        <v>38252121</v>
      </c>
      <c r="NJ22" s="119">
        <v>23547173</v>
      </c>
      <c r="NK22" s="120">
        <v>139285731</v>
      </c>
      <c r="NL22" s="321">
        <v>139285731</v>
      </c>
      <c r="NM22" s="142">
        <v>0</v>
      </c>
      <c r="NN22" s="119">
        <v>0</v>
      </c>
      <c r="NO22" s="120">
        <v>0</v>
      </c>
      <c r="NP22" s="145"/>
      <c r="NQ22" s="119">
        <v>0</v>
      </c>
      <c r="NR22" s="119">
        <v>0</v>
      </c>
      <c r="NS22" s="119">
        <v>305952</v>
      </c>
      <c r="NT22" s="119">
        <v>200048</v>
      </c>
      <c r="NU22" s="119">
        <v>1042403</v>
      </c>
      <c r="NV22" s="120">
        <v>1548403</v>
      </c>
      <c r="NW22" s="121">
        <v>1548403</v>
      </c>
      <c r="NX22" s="142">
        <v>0</v>
      </c>
      <c r="NY22" s="119">
        <v>0</v>
      </c>
      <c r="NZ22" s="120">
        <v>0</v>
      </c>
      <c r="OA22" s="145"/>
      <c r="OB22" s="119">
        <v>0</v>
      </c>
      <c r="OC22" s="119">
        <v>0</v>
      </c>
      <c r="OD22" s="119">
        <v>451905</v>
      </c>
      <c r="OE22" s="119">
        <v>1534344</v>
      </c>
      <c r="OF22" s="119">
        <v>5907602</v>
      </c>
      <c r="OG22" s="120">
        <v>7893851</v>
      </c>
      <c r="OH22" s="121">
        <v>7893851</v>
      </c>
      <c r="OI22" s="142">
        <v>5909200</v>
      </c>
      <c r="OJ22" s="119">
        <v>16354332</v>
      </c>
      <c r="OK22" s="141">
        <v>22263532</v>
      </c>
      <c r="OL22" s="118">
        <v>0</v>
      </c>
      <c r="OM22" s="119">
        <v>126736417</v>
      </c>
      <c r="ON22" s="119">
        <v>238579134</v>
      </c>
      <c r="OO22" s="119">
        <v>270397854</v>
      </c>
      <c r="OP22" s="119">
        <v>286288839</v>
      </c>
      <c r="OQ22" s="119">
        <v>229886488</v>
      </c>
      <c r="OR22" s="120">
        <v>1151888732</v>
      </c>
      <c r="OS22" s="143">
        <v>1174152264</v>
      </c>
    </row>
    <row r="23" spans="2:409" ht="18.75" customHeight="1" x14ac:dyDescent="0.2">
      <c r="B23" s="62" t="s">
        <v>18</v>
      </c>
      <c r="C23" s="110">
        <v>7319156</v>
      </c>
      <c r="D23" s="114">
        <v>14082011</v>
      </c>
      <c r="E23" s="113">
        <v>21401167</v>
      </c>
      <c r="F23" s="109">
        <v>0</v>
      </c>
      <c r="G23" s="114">
        <v>135275458</v>
      </c>
      <c r="H23" s="114">
        <v>161407335</v>
      </c>
      <c r="I23" s="114">
        <v>149339346</v>
      </c>
      <c r="J23" s="114">
        <v>140574047</v>
      </c>
      <c r="K23" s="114">
        <v>98241477</v>
      </c>
      <c r="L23" s="109">
        <v>684837663</v>
      </c>
      <c r="M23" s="116">
        <v>706238830</v>
      </c>
      <c r="N23" s="110">
        <v>1795298</v>
      </c>
      <c r="O23" s="114">
        <v>3597985</v>
      </c>
      <c r="P23" s="113">
        <v>5393283</v>
      </c>
      <c r="Q23" s="110">
        <v>0</v>
      </c>
      <c r="R23" s="114">
        <v>36240198</v>
      </c>
      <c r="S23" s="114">
        <v>46736658</v>
      </c>
      <c r="T23" s="114">
        <v>44828375</v>
      </c>
      <c r="U23" s="114">
        <v>52688787</v>
      </c>
      <c r="V23" s="114">
        <v>49416349</v>
      </c>
      <c r="W23" s="113">
        <v>229910367</v>
      </c>
      <c r="X23" s="116">
        <v>235303650</v>
      </c>
      <c r="Y23" s="110">
        <v>0</v>
      </c>
      <c r="Z23" s="114">
        <v>0</v>
      </c>
      <c r="AA23" s="113">
        <v>0</v>
      </c>
      <c r="AB23" s="110">
        <v>0</v>
      </c>
      <c r="AC23" s="114">
        <v>17168727</v>
      </c>
      <c r="AD23" s="114">
        <v>24724707</v>
      </c>
      <c r="AE23" s="114">
        <v>25575879</v>
      </c>
      <c r="AF23" s="114">
        <v>35213951</v>
      </c>
      <c r="AG23" s="114">
        <v>29184965</v>
      </c>
      <c r="AH23" s="113">
        <v>131868229</v>
      </c>
      <c r="AI23" s="116">
        <v>131868229</v>
      </c>
      <c r="AJ23" s="110">
        <v>0</v>
      </c>
      <c r="AK23" s="114">
        <v>0</v>
      </c>
      <c r="AL23" s="113">
        <v>0</v>
      </c>
      <c r="AM23" s="110">
        <v>0</v>
      </c>
      <c r="AN23" s="114">
        <v>172172</v>
      </c>
      <c r="AO23" s="114">
        <v>819562</v>
      </c>
      <c r="AP23" s="114">
        <v>1422362</v>
      </c>
      <c r="AQ23" s="114">
        <v>1984702</v>
      </c>
      <c r="AR23" s="114">
        <v>5451633</v>
      </c>
      <c r="AS23" s="113">
        <v>9850431</v>
      </c>
      <c r="AT23" s="116">
        <v>9850431</v>
      </c>
      <c r="AU23" s="110">
        <v>927161</v>
      </c>
      <c r="AV23" s="114">
        <v>2853831</v>
      </c>
      <c r="AW23" s="113">
        <v>3780992</v>
      </c>
      <c r="AX23" s="110">
        <v>0</v>
      </c>
      <c r="AY23" s="114">
        <v>11449235</v>
      </c>
      <c r="AZ23" s="114">
        <v>12764752</v>
      </c>
      <c r="BA23" s="114">
        <v>9470350</v>
      </c>
      <c r="BB23" s="114">
        <v>7896423</v>
      </c>
      <c r="BC23" s="114">
        <v>8817191</v>
      </c>
      <c r="BD23" s="113">
        <v>50397951</v>
      </c>
      <c r="BE23" s="116">
        <v>54178943</v>
      </c>
      <c r="BF23" s="110">
        <v>154613</v>
      </c>
      <c r="BG23" s="114">
        <v>132454</v>
      </c>
      <c r="BH23" s="112">
        <v>287067</v>
      </c>
      <c r="BI23" s="111">
        <v>0</v>
      </c>
      <c r="BJ23" s="114">
        <v>1519459</v>
      </c>
      <c r="BK23" s="114">
        <v>1646391</v>
      </c>
      <c r="BL23" s="114">
        <v>1594064</v>
      </c>
      <c r="BM23" s="114">
        <v>1535400</v>
      </c>
      <c r="BN23" s="114">
        <v>669717</v>
      </c>
      <c r="BO23" s="113">
        <v>6965031</v>
      </c>
      <c r="BP23" s="116">
        <v>7252098</v>
      </c>
      <c r="BQ23" s="110">
        <v>713524</v>
      </c>
      <c r="BR23" s="114">
        <v>611700</v>
      </c>
      <c r="BS23" s="113">
        <v>1325224</v>
      </c>
      <c r="BT23" s="110">
        <v>0</v>
      </c>
      <c r="BU23" s="114">
        <v>5930605</v>
      </c>
      <c r="BV23" s="114">
        <v>6781246</v>
      </c>
      <c r="BW23" s="114">
        <v>6765720</v>
      </c>
      <c r="BX23" s="114">
        <v>6058311</v>
      </c>
      <c r="BY23" s="114">
        <v>5292843</v>
      </c>
      <c r="BZ23" s="113">
        <v>30828725</v>
      </c>
      <c r="CA23" s="116">
        <v>32153949</v>
      </c>
      <c r="CB23" s="110">
        <v>836144</v>
      </c>
      <c r="CC23" s="114">
        <v>3173988</v>
      </c>
      <c r="CD23" s="113">
        <v>4010132</v>
      </c>
      <c r="CE23" s="110">
        <v>0</v>
      </c>
      <c r="CF23" s="114">
        <v>44615275</v>
      </c>
      <c r="CG23" s="114">
        <v>53513697</v>
      </c>
      <c r="CH23" s="114">
        <v>43734772</v>
      </c>
      <c r="CI23" s="114">
        <v>29579924</v>
      </c>
      <c r="CJ23" s="114">
        <v>12157642</v>
      </c>
      <c r="CK23" s="113">
        <v>183601310</v>
      </c>
      <c r="CL23" s="116">
        <v>187611442</v>
      </c>
      <c r="CM23" s="110">
        <v>0</v>
      </c>
      <c r="CN23" s="114">
        <v>0</v>
      </c>
      <c r="CO23" s="113">
        <v>0</v>
      </c>
      <c r="CP23" s="111">
        <v>0</v>
      </c>
      <c r="CQ23" s="114">
        <v>37139758</v>
      </c>
      <c r="CR23" s="114">
        <v>43677600</v>
      </c>
      <c r="CS23" s="114">
        <v>36165283</v>
      </c>
      <c r="CT23" s="114">
        <v>24414884</v>
      </c>
      <c r="CU23" s="114">
        <v>10856732</v>
      </c>
      <c r="CV23" s="113">
        <v>152254257</v>
      </c>
      <c r="CW23" s="116">
        <v>152254257</v>
      </c>
      <c r="CX23" s="110">
        <v>836144</v>
      </c>
      <c r="CY23" s="114">
        <v>3173988</v>
      </c>
      <c r="CZ23" s="113">
        <v>4010132</v>
      </c>
      <c r="DA23" s="110">
        <v>0</v>
      </c>
      <c r="DB23" s="114">
        <v>7475517</v>
      </c>
      <c r="DC23" s="114">
        <v>9836097</v>
      </c>
      <c r="DD23" s="114">
        <v>7569489</v>
      </c>
      <c r="DE23" s="114">
        <v>5165040</v>
      </c>
      <c r="DF23" s="114">
        <v>1300910</v>
      </c>
      <c r="DG23" s="113">
        <v>31347053</v>
      </c>
      <c r="DH23" s="116">
        <v>35357185</v>
      </c>
      <c r="DI23" s="110">
        <v>37181</v>
      </c>
      <c r="DJ23" s="114">
        <v>77452</v>
      </c>
      <c r="DK23" s="112">
        <v>114633</v>
      </c>
      <c r="DL23" s="111">
        <v>0</v>
      </c>
      <c r="DM23" s="114">
        <v>3217884</v>
      </c>
      <c r="DN23" s="114">
        <v>7074255</v>
      </c>
      <c r="DO23" s="114">
        <v>15859401</v>
      </c>
      <c r="DP23" s="114">
        <v>16513892</v>
      </c>
      <c r="DQ23" s="114">
        <v>5882256</v>
      </c>
      <c r="DR23" s="113">
        <v>48547688</v>
      </c>
      <c r="DS23" s="116">
        <v>48662321</v>
      </c>
      <c r="DT23" s="110">
        <v>37181</v>
      </c>
      <c r="DU23" s="114">
        <v>77452</v>
      </c>
      <c r="DV23" s="113">
        <v>114633</v>
      </c>
      <c r="DW23" s="110">
        <v>0</v>
      </c>
      <c r="DX23" s="114">
        <v>3193243</v>
      </c>
      <c r="DY23" s="114">
        <v>7074255</v>
      </c>
      <c r="DZ23" s="114">
        <v>15526372</v>
      </c>
      <c r="EA23" s="114">
        <v>16364413</v>
      </c>
      <c r="EB23" s="114">
        <v>5858589</v>
      </c>
      <c r="EC23" s="113">
        <v>48016872</v>
      </c>
      <c r="ED23" s="116">
        <v>48131505</v>
      </c>
      <c r="EE23" s="110">
        <v>0</v>
      </c>
      <c r="EF23" s="112">
        <v>0</v>
      </c>
      <c r="EG23" s="113">
        <v>0</v>
      </c>
      <c r="EH23" s="110">
        <v>0</v>
      </c>
      <c r="EI23" s="114">
        <v>24641</v>
      </c>
      <c r="EJ23" s="114">
        <v>0</v>
      </c>
      <c r="EK23" s="114">
        <v>333029</v>
      </c>
      <c r="EL23" s="114">
        <v>149479</v>
      </c>
      <c r="EM23" s="114">
        <v>23667</v>
      </c>
      <c r="EN23" s="112">
        <v>530816</v>
      </c>
      <c r="EO23" s="116">
        <v>530816</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8"/>
      <c r="FE23" s="114">
        <v>0</v>
      </c>
      <c r="FF23" s="114">
        <v>0</v>
      </c>
      <c r="FG23" s="114">
        <v>0</v>
      </c>
      <c r="FH23" s="114">
        <v>0</v>
      </c>
      <c r="FI23" s="114">
        <v>0</v>
      </c>
      <c r="FJ23" s="113">
        <v>0</v>
      </c>
      <c r="FK23" s="116">
        <v>0</v>
      </c>
      <c r="FL23" s="110">
        <v>1744344</v>
      </c>
      <c r="FM23" s="114">
        <v>3109425</v>
      </c>
      <c r="FN23" s="113">
        <v>4853769</v>
      </c>
      <c r="FO23" s="110">
        <v>0</v>
      </c>
      <c r="FP23" s="114">
        <v>7356843</v>
      </c>
      <c r="FQ23" s="114">
        <v>13801495</v>
      </c>
      <c r="FR23" s="114">
        <v>10421794</v>
      </c>
      <c r="FS23" s="114">
        <v>10289840</v>
      </c>
      <c r="FT23" s="114">
        <v>7801312</v>
      </c>
      <c r="FU23" s="113">
        <v>49671284</v>
      </c>
      <c r="FV23" s="116">
        <v>54525053</v>
      </c>
      <c r="FW23" s="115">
        <v>951692</v>
      </c>
      <c r="FX23" s="114">
        <v>2155250</v>
      </c>
      <c r="FY23" s="112">
        <v>3106942</v>
      </c>
      <c r="FZ23" s="111">
        <v>0</v>
      </c>
      <c r="GA23" s="114">
        <v>5938392</v>
      </c>
      <c r="GB23" s="114">
        <v>13021537</v>
      </c>
      <c r="GC23" s="114">
        <v>9876736</v>
      </c>
      <c r="GD23" s="114">
        <v>9799002</v>
      </c>
      <c r="GE23" s="114">
        <v>7235192</v>
      </c>
      <c r="GF23" s="113">
        <v>45870859</v>
      </c>
      <c r="GG23" s="319">
        <v>48977801</v>
      </c>
      <c r="GH23" s="115">
        <v>14652</v>
      </c>
      <c r="GI23" s="114">
        <v>61825</v>
      </c>
      <c r="GJ23" s="112">
        <v>76477</v>
      </c>
      <c r="GK23" s="111">
        <v>0</v>
      </c>
      <c r="GL23" s="114">
        <v>295291</v>
      </c>
      <c r="GM23" s="114">
        <v>268098</v>
      </c>
      <c r="GN23" s="114">
        <v>267858</v>
      </c>
      <c r="GO23" s="114">
        <v>107638</v>
      </c>
      <c r="GP23" s="114">
        <v>149460</v>
      </c>
      <c r="GQ23" s="113">
        <v>1088345</v>
      </c>
      <c r="GR23" s="116">
        <v>1164822</v>
      </c>
      <c r="GS23" s="110">
        <v>778000</v>
      </c>
      <c r="GT23" s="114">
        <v>892350</v>
      </c>
      <c r="GU23" s="113">
        <v>1670350</v>
      </c>
      <c r="GV23" s="110">
        <v>0</v>
      </c>
      <c r="GW23" s="114">
        <v>1123160</v>
      </c>
      <c r="GX23" s="114">
        <v>511860</v>
      </c>
      <c r="GY23" s="114">
        <v>277200</v>
      </c>
      <c r="GZ23" s="114">
        <v>383200</v>
      </c>
      <c r="HA23" s="114">
        <v>416660</v>
      </c>
      <c r="HB23" s="112">
        <v>2712080</v>
      </c>
      <c r="HC23" s="116">
        <v>4382430</v>
      </c>
      <c r="HD23" s="110">
        <v>1647238</v>
      </c>
      <c r="HE23" s="114">
        <v>1551894</v>
      </c>
      <c r="HF23" s="112">
        <v>3199132</v>
      </c>
      <c r="HG23" s="111">
        <v>0</v>
      </c>
      <c r="HH23" s="114">
        <v>21894597</v>
      </c>
      <c r="HI23" s="114">
        <v>19895485</v>
      </c>
      <c r="HJ23" s="114">
        <v>19308819</v>
      </c>
      <c r="HK23" s="114">
        <v>21331304</v>
      </c>
      <c r="HL23" s="114">
        <v>17210149</v>
      </c>
      <c r="HM23" s="113">
        <v>99640354</v>
      </c>
      <c r="HN23" s="109">
        <v>102839486</v>
      </c>
      <c r="HO23" s="115">
        <v>1258951</v>
      </c>
      <c r="HP23" s="114">
        <v>2571267</v>
      </c>
      <c r="HQ23" s="113">
        <v>3830218</v>
      </c>
      <c r="HR23" s="110">
        <v>0</v>
      </c>
      <c r="HS23" s="114">
        <v>21950661</v>
      </c>
      <c r="HT23" s="114">
        <v>20385745</v>
      </c>
      <c r="HU23" s="114">
        <v>15186185</v>
      </c>
      <c r="HV23" s="114">
        <v>10170300</v>
      </c>
      <c r="HW23" s="114">
        <v>5773769</v>
      </c>
      <c r="HX23" s="112">
        <v>73466660</v>
      </c>
      <c r="HY23" s="116">
        <v>77296878</v>
      </c>
      <c r="HZ23" s="131">
        <v>481567</v>
      </c>
      <c r="IA23" s="132">
        <v>1793864</v>
      </c>
      <c r="IB23" s="133">
        <v>2275431</v>
      </c>
      <c r="IC23" s="146">
        <v>0</v>
      </c>
      <c r="ID23" s="132">
        <v>31888017</v>
      </c>
      <c r="IE23" s="147">
        <v>47827515</v>
      </c>
      <c r="IF23" s="133">
        <v>53040856</v>
      </c>
      <c r="IG23" s="132">
        <v>36018178</v>
      </c>
      <c r="IH23" s="133">
        <v>23483796</v>
      </c>
      <c r="II23" s="148">
        <v>192258362</v>
      </c>
      <c r="IJ23" s="139">
        <v>194533793</v>
      </c>
      <c r="IK23" s="232">
        <v>0</v>
      </c>
      <c r="IL23" s="236">
        <v>0</v>
      </c>
      <c r="IM23" s="237">
        <v>0</v>
      </c>
      <c r="IN23" s="140"/>
      <c r="IO23" s="119">
        <v>162263</v>
      </c>
      <c r="IP23" s="119">
        <v>115443</v>
      </c>
      <c r="IQ23" s="119">
        <v>656675</v>
      </c>
      <c r="IR23" s="119">
        <v>0</v>
      </c>
      <c r="IS23" s="119">
        <v>501995</v>
      </c>
      <c r="IT23" s="141">
        <v>1436376</v>
      </c>
      <c r="IU23" s="321">
        <v>1436376</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11690642</v>
      </c>
      <c r="JL23" s="119">
        <v>12280580</v>
      </c>
      <c r="JM23" s="119">
        <v>9793169</v>
      </c>
      <c r="JN23" s="119">
        <v>4443704</v>
      </c>
      <c r="JO23" s="119">
        <v>1947158</v>
      </c>
      <c r="JP23" s="120">
        <v>40155253</v>
      </c>
      <c r="JQ23" s="321">
        <v>40155253</v>
      </c>
      <c r="JR23" s="142">
        <v>0</v>
      </c>
      <c r="JS23" s="119">
        <v>0</v>
      </c>
      <c r="JT23" s="141">
        <v>0</v>
      </c>
      <c r="JU23" s="118">
        <v>0</v>
      </c>
      <c r="JV23" s="119">
        <v>1057506</v>
      </c>
      <c r="JW23" s="119">
        <v>731575</v>
      </c>
      <c r="JX23" s="119">
        <v>1495456</v>
      </c>
      <c r="JY23" s="119">
        <v>1691771</v>
      </c>
      <c r="JZ23" s="119">
        <v>1842369</v>
      </c>
      <c r="KA23" s="120">
        <v>6818677</v>
      </c>
      <c r="KB23" s="321">
        <v>6818677</v>
      </c>
      <c r="KC23" s="234">
        <v>481567</v>
      </c>
      <c r="KD23" s="230">
        <v>1042219</v>
      </c>
      <c r="KE23" s="120">
        <v>1523786</v>
      </c>
      <c r="KF23" s="118">
        <v>0</v>
      </c>
      <c r="KG23" s="119">
        <v>5896509</v>
      </c>
      <c r="KH23" s="119">
        <v>9680234</v>
      </c>
      <c r="KI23" s="119">
        <v>8441880</v>
      </c>
      <c r="KJ23" s="119">
        <v>6183977</v>
      </c>
      <c r="KK23" s="119">
        <v>2971020</v>
      </c>
      <c r="KL23" s="120">
        <v>33173620</v>
      </c>
      <c r="KM23" s="143">
        <v>34697406</v>
      </c>
      <c r="KN23" s="232">
        <v>0</v>
      </c>
      <c r="KO23" s="236">
        <v>751645</v>
      </c>
      <c r="KP23" s="237">
        <v>751645</v>
      </c>
      <c r="KQ23" s="140"/>
      <c r="KR23" s="119">
        <v>11675720</v>
      </c>
      <c r="KS23" s="119">
        <v>23107208</v>
      </c>
      <c r="KT23" s="119">
        <v>26940927</v>
      </c>
      <c r="KU23" s="119">
        <v>12253292</v>
      </c>
      <c r="KV23" s="119">
        <v>7453559</v>
      </c>
      <c r="KW23" s="120">
        <v>81430706</v>
      </c>
      <c r="KX23" s="321">
        <v>82182351</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534710</v>
      </c>
      <c r="LP23" s="119">
        <v>2058392</v>
      </c>
      <c r="LQ23" s="119">
        <v>5250846</v>
      </c>
      <c r="LR23" s="119">
        <v>678080</v>
      </c>
      <c r="LS23" s="120">
        <v>8522028</v>
      </c>
      <c r="LT23" s="321">
        <v>8522028</v>
      </c>
      <c r="LU23" s="142">
        <v>0</v>
      </c>
      <c r="LV23" s="119">
        <v>0</v>
      </c>
      <c r="LW23" s="120">
        <v>0</v>
      </c>
      <c r="LX23" s="145"/>
      <c r="LY23" s="119">
        <v>1405377</v>
      </c>
      <c r="LZ23" s="119">
        <v>1377765</v>
      </c>
      <c r="MA23" s="119">
        <v>3654357</v>
      </c>
      <c r="MB23" s="119">
        <v>6194588</v>
      </c>
      <c r="MC23" s="119">
        <v>8089615</v>
      </c>
      <c r="MD23" s="120">
        <v>20721702</v>
      </c>
      <c r="ME23" s="121">
        <v>20721702</v>
      </c>
      <c r="MF23" s="142">
        <v>0</v>
      </c>
      <c r="MG23" s="119">
        <v>0</v>
      </c>
      <c r="MH23" s="120">
        <v>0</v>
      </c>
      <c r="MI23" s="145"/>
      <c r="MJ23" s="119">
        <v>10344162</v>
      </c>
      <c r="MK23" s="119">
        <v>22994630</v>
      </c>
      <c r="ML23" s="119">
        <v>70475260</v>
      </c>
      <c r="MM23" s="119">
        <v>138885447</v>
      </c>
      <c r="MN23" s="119">
        <v>111799604</v>
      </c>
      <c r="MO23" s="120">
        <v>354499103</v>
      </c>
      <c r="MP23" s="143">
        <v>354499103</v>
      </c>
      <c r="MQ23" s="142">
        <v>0</v>
      </c>
      <c r="MR23" s="119">
        <v>0</v>
      </c>
      <c r="MS23" s="120">
        <v>0</v>
      </c>
      <c r="MT23" s="145"/>
      <c r="MU23" s="119">
        <v>1212004</v>
      </c>
      <c r="MV23" s="119">
        <v>3261092</v>
      </c>
      <c r="MW23" s="119">
        <v>40576084</v>
      </c>
      <c r="MX23" s="119">
        <v>92614870</v>
      </c>
      <c r="MY23" s="119">
        <v>75315299</v>
      </c>
      <c r="MZ23" s="120">
        <v>212979349</v>
      </c>
      <c r="NA23" s="143">
        <v>212979349</v>
      </c>
      <c r="NB23" s="142">
        <v>0</v>
      </c>
      <c r="NC23" s="119">
        <v>0</v>
      </c>
      <c r="ND23" s="120">
        <v>0</v>
      </c>
      <c r="NE23" s="145"/>
      <c r="NF23" s="119">
        <v>9132158</v>
      </c>
      <c r="NG23" s="119">
        <v>19733538</v>
      </c>
      <c r="NH23" s="119">
        <v>29514387</v>
      </c>
      <c r="NI23" s="119">
        <v>40614397</v>
      </c>
      <c r="NJ23" s="119">
        <v>25503187</v>
      </c>
      <c r="NK23" s="120">
        <v>124497667</v>
      </c>
      <c r="NL23" s="321">
        <v>124497667</v>
      </c>
      <c r="NM23" s="142">
        <v>0</v>
      </c>
      <c r="NN23" s="119">
        <v>0</v>
      </c>
      <c r="NO23" s="120">
        <v>0</v>
      </c>
      <c r="NP23" s="145"/>
      <c r="NQ23" s="119">
        <v>0</v>
      </c>
      <c r="NR23" s="119">
        <v>0</v>
      </c>
      <c r="NS23" s="119">
        <v>0</v>
      </c>
      <c r="NT23" s="119">
        <v>702643</v>
      </c>
      <c r="NU23" s="119">
        <v>3236489</v>
      </c>
      <c r="NV23" s="120">
        <v>3939132</v>
      </c>
      <c r="NW23" s="121">
        <v>3939132</v>
      </c>
      <c r="NX23" s="142">
        <v>0</v>
      </c>
      <c r="NY23" s="119">
        <v>0</v>
      </c>
      <c r="NZ23" s="120">
        <v>0</v>
      </c>
      <c r="OA23" s="145"/>
      <c r="OB23" s="119">
        <v>0</v>
      </c>
      <c r="OC23" s="119">
        <v>0</v>
      </c>
      <c r="OD23" s="119">
        <v>384789</v>
      </c>
      <c r="OE23" s="119">
        <v>4953537</v>
      </c>
      <c r="OF23" s="119">
        <v>7744629</v>
      </c>
      <c r="OG23" s="120">
        <v>13082955</v>
      </c>
      <c r="OH23" s="121">
        <v>13082955</v>
      </c>
      <c r="OI23" s="142">
        <v>7800723</v>
      </c>
      <c r="OJ23" s="119">
        <v>15875875</v>
      </c>
      <c r="OK23" s="141">
        <v>23676598</v>
      </c>
      <c r="OL23" s="118">
        <v>0</v>
      </c>
      <c r="OM23" s="119">
        <v>177507637</v>
      </c>
      <c r="ON23" s="119">
        <v>232229480</v>
      </c>
      <c r="OO23" s="119">
        <v>272855462</v>
      </c>
      <c r="OP23" s="119">
        <v>315477672</v>
      </c>
      <c r="OQ23" s="119">
        <v>233524877</v>
      </c>
      <c r="OR23" s="120">
        <v>1231595128</v>
      </c>
      <c r="OS23" s="143">
        <v>1255271726</v>
      </c>
    </row>
    <row r="24" spans="2:409" ht="18.75" customHeight="1" x14ac:dyDescent="0.2">
      <c r="B24" s="62" t="s">
        <v>19</v>
      </c>
      <c r="C24" s="110">
        <v>3731832</v>
      </c>
      <c r="D24" s="114">
        <v>6906926</v>
      </c>
      <c r="E24" s="113">
        <v>10638758</v>
      </c>
      <c r="F24" s="109">
        <v>0</v>
      </c>
      <c r="G24" s="114">
        <v>62940490</v>
      </c>
      <c r="H24" s="114">
        <v>69821611</v>
      </c>
      <c r="I24" s="114">
        <v>55731427</v>
      </c>
      <c r="J24" s="114">
        <v>49722396</v>
      </c>
      <c r="K24" s="114">
        <v>36225677</v>
      </c>
      <c r="L24" s="109">
        <v>274441601</v>
      </c>
      <c r="M24" s="116">
        <v>285080359</v>
      </c>
      <c r="N24" s="110">
        <v>1119768</v>
      </c>
      <c r="O24" s="114">
        <v>1611790</v>
      </c>
      <c r="P24" s="113">
        <v>2731558</v>
      </c>
      <c r="Q24" s="110">
        <v>0</v>
      </c>
      <c r="R24" s="114">
        <v>15518586</v>
      </c>
      <c r="S24" s="114">
        <v>16228335</v>
      </c>
      <c r="T24" s="114">
        <v>16019946</v>
      </c>
      <c r="U24" s="114">
        <v>17857014</v>
      </c>
      <c r="V24" s="114">
        <v>15990235</v>
      </c>
      <c r="W24" s="113">
        <v>81614116</v>
      </c>
      <c r="X24" s="116">
        <v>84345674</v>
      </c>
      <c r="Y24" s="110">
        <v>0</v>
      </c>
      <c r="Z24" s="114">
        <v>0</v>
      </c>
      <c r="AA24" s="113">
        <v>0</v>
      </c>
      <c r="AB24" s="110">
        <v>0</v>
      </c>
      <c r="AC24" s="114">
        <v>6805605</v>
      </c>
      <c r="AD24" s="114">
        <v>7023915</v>
      </c>
      <c r="AE24" s="114">
        <v>8285329</v>
      </c>
      <c r="AF24" s="114">
        <v>10662313</v>
      </c>
      <c r="AG24" s="114">
        <v>7900589</v>
      </c>
      <c r="AH24" s="113">
        <v>40677751</v>
      </c>
      <c r="AI24" s="116">
        <v>40677751</v>
      </c>
      <c r="AJ24" s="110">
        <v>0</v>
      </c>
      <c r="AK24" s="114">
        <v>0</v>
      </c>
      <c r="AL24" s="113">
        <v>0</v>
      </c>
      <c r="AM24" s="110">
        <v>0</v>
      </c>
      <c r="AN24" s="114">
        <v>170907</v>
      </c>
      <c r="AO24" s="114">
        <v>259786</v>
      </c>
      <c r="AP24" s="114">
        <v>602522</v>
      </c>
      <c r="AQ24" s="114">
        <v>1374826</v>
      </c>
      <c r="AR24" s="114">
        <v>2286231</v>
      </c>
      <c r="AS24" s="113">
        <v>4694272</v>
      </c>
      <c r="AT24" s="116">
        <v>4694272</v>
      </c>
      <c r="AU24" s="110">
        <v>560067</v>
      </c>
      <c r="AV24" s="114">
        <v>1233107</v>
      </c>
      <c r="AW24" s="113">
        <v>1793174</v>
      </c>
      <c r="AX24" s="110">
        <v>0</v>
      </c>
      <c r="AY24" s="114">
        <v>5482798</v>
      </c>
      <c r="AZ24" s="114">
        <v>5849429</v>
      </c>
      <c r="BA24" s="114">
        <v>4130072</v>
      </c>
      <c r="BB24" s="114">
        <v>3211918</v>
      </c>
      <c r="BC24" s="114">
        <v>3947253</v>
      </c>
      <c r="BD24" s="113">
        <v>22621470</v>
      </c>
      <c r="BE24" s="116">
        <v>24414644</v>
      </c>
      <c r="BF24" s="110">
        <v>40941</v>
      </c>
      <c r="BG24" s="114">
        <v>112324</v>
      </c>
      <c r="BH24" s="112">
        <v>153265</v>
      </c>
      <c r="BI24" s="111">
        <v>0</v>
      </c>
      <c r="BJ24" s="114">
        <v>840686</v>
      </c>
      <c r="BK24" s="114">
        <v>416399</v>
      </c>
      <c r="BL24" s="114">
        <v>535363</v>
      </c>
      <c r="BM24" s="114">
        <v>341318</v>
      </c>
      <c r="BN24" s="114">
        <v>134093</v>
      </c>
      <c r="BO24" s="113">
        <v>2267859</v>
      </c>
      <c r="BP24" s="116">
        <v>2421124</v>
      </c>
      <c r="BQ24" s="110">
        <v>518760</v>
      </c>
      <c r="BR24" s="114">
        <v>266359</v>
      </c>
      <c r="BS24" s="113">
        <v>785119</v>
      </c>
      <c r="BT24" s="110">
        <v>0</v>
      </c>
      <c r="BU24" s="114">
        <v>2218590</v>
      </c>
      <c r="BV24" s="114">
        <v>2678806</v>
      </c>
      <c r="BW24" s="114">
        <v>2466660</v>
      </c>
      <c r="BX24" s="114">
        <v>2266639</v>
      </c>
      <c r="BY24" s="114">
        <v>1722069</v>
      </c>
      <c r="BZ24" s="113">
        <v>11352764</v>
      </c>
      <c r="CA24" s="116">
        <v>12137883</v>
      </c>
      <c r="CB24" s="110">
        <v>444208</v>
      </c>
      <c r="CC24" s="114">
        <v>1530922</v>
      </c>
      <c r="CD24" s="113">
        <v>1975130</v>
      </c>
      <c r="CE24" s="110">
        <v>0</v>
      </c>
      <c r="CF24" s="114">
        <v>19977267</v>
      </c>
      <c r="CG24" s="114">
        <v>25221882</v>
      </c>
      <c r="CH24" s="114">
        <v>15568361</v>
      </c>
      <c r="CI24" s="114">
        <v>8814634</v>
      </c>
      <c r="CJ24" s="114">
        <v>6793117</v>
      </c>
      <c r="CK24" s="113">
        <v>76375261</v>
      </c>
      <c r="CL24" s="116">
        <v>78350391</v>
      </c>
      <c r="CM24" s="110">
        <v>0</v>
      </c>
      <c r="CN24" s="114">
        <v>0</v>
      </c>
      <c r="CO24" s="113">
        <v>0</v>
      </c>
      <c r="CP24" s="111">
        <v>0</v>
      </c>
      <c r="CQ24" s="114">
        <v>14494613</v>
      </c>
      <c r="CR24" s="114">
        <v>18981476</v>
      </c>
      <c r="CS24" s="114">
        <v>11252093</v>
      </c>
      <c r="CT24" s="114">
        <v>5672955</v>
      </c>
      <c r="CU24" s="114">
        <v>5344016</v>
      </c>
      <c r="CV24" s="113">
        <v>55745153</v>
      </c>
      <c r="CW24" s="116">
        <v>55745153</v>
      </c>
      <c r="CX24" s="110">
        <v>444208</v>
      </c>
      <c r="CY24" s="114">
        <v>1530922</v>
      </c>
      <c r="CZ24" s="113">
        <v>1975130</v>
      </c>
      <c r="DA24" s="110">
        <v>0</v>
      </c>
      <c r="DB24" s="114">
        <v>5482654</v>
      </c>
      <c r="DC24" s="114">
        <v>6240406</v>
      </c>
      <c r="DD24" s="114">
        <v>4316268</v>
      </c>
      <c r="DE24" s="114">
        <v>3141679</v>
      </c>
      <c r="DF24" s="114">
        <v>1449101</v>
      </c>
      <c r="DG24" s="113">
        <v>20630108</v>
      </c>
      <c r="DH24" s="116">
        <v>22605238</v>
      </c>
      <c r="DI24" s="110">
        <v>0</v>
      </c>
      <c r="DJ24" s="114">
        <v>16030</v>
      </c>
      <c r="DK24" s="112">
        <v>16030</v>
      </c>
      <c r="DL24" s="111">
        <v>0</v>
      </c>
      <c r="DM24" s="114">
        <v>1424452</v>
      </c>
      <c r="DN24" s="114">
        <v>3669257</v>
      </c>
      <c r="DO24" s="114">
        <v>5218924</v>
      </c>
      <c r="DP24" s="114">
        <v>4086643</v>
      </c>
      <c r="DQ24" s="114">
        <v>1921204</v>
      </c>
      <c r="DR24" s="113">
        <v>16320480</v>
      </c>
      <c r="DS24" s="116">
        <v>16336510</v>
      </c>
      <c r="DT24" s="110">
        <v>0</v>
      </c>
      <c r="DU24" s="114">
        <v>16030</v>
      </c>
      <c r="DV24" s="113">
        <v>16030</v>
      </c>
      <c r="DW24" s="110">
        <v>0</v>
      </c>
      <c r="DX24" s="114">
        <v>1223038</v>
      </c>
      <c r="DY24" s="114">
        <v>2840147</v>
      </c>
      <c r="DZ24" s="114">
        <v>4609743</v>
      </c>
      <c r="EA24" s="114">
        <v>2957410</v>
      </c>
      <c r="EB24" s="114">
        <v>1466464</v>
      </c>
      <c r="EC24" s="113">
        <v>13096802</v>
      </c>
      <c r="ED24" s="116">
        <v>13112832</v>
      </c>
      <c r="EE24" s="110">
        <v>0</v>
      </c>
      <c r="EF24" s="112">
        <v>0</v>
      </c>
      <c r="EG24" s="113">
        <v>0</v>
      </c>
      <c r="EH24" s="110">
        <v>0</v>
      </c>
      <c r="EI24" s="114">
        <v>201414</v>
      </c>
      <c r="EJ24" s="114">
        <v>829110</v>
      </c>
      <c r="EK24" s="114">
        <v>609181</v>
      </c>
      <c r="EL24" s="114">
        <v>1129233</v>
      </c>
      <c r="EM24" s="114">
        <v>454740</v>
      </c>
      <c r="EN24" s="112">
        <v>3223678</v>
      </c>
      <c r="EO24" s="116">
        <v>3223678</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8"/>
      <c r="FE24" s="114">
        <v>0</v>
      </c>
      <c r="FF24" s="114">
        <v>0</v>
      </c>
      <c r="FG24" s="114">
        <v>0</v>
      </c>
      <c r="FH24" s="114">
        <v>0</v>
      </c>
      <c r="FI24" s="114">
        <v>0</v>
      </c>
      <c r="FJ24" s="113">
        <v>0</v>
      </c>
      <c r="FK24" s="116">
        <v>0</v>
      </c>
      <c r="FL24" s="110">
        <v>625049</v>
      </c>
      <c r="FM24" s="114">
        <v>1578882</v>
      </c>
      <c r="FN24" s="113">
        <v>2203931</v>
      </c>
      <c r="FO24" s="110">
        <v>0</v>
      </c>
      <c r="FP24" s="114">
        <v>3958389</v>
      </c>
      <c r="FQ24" s="114">
        <v>5756369</v>
      </c>
      <c r="FR24" s="114">
        <v>4237926</v>
      </c>
      <c r="FS24" s="114">
        <v>3868508</v>
      </c>
      <c r="FT24" s="114">
        <v>3578879</v>
      </c>
      <c r="FU24" s="113">
        <v>21400071</v>
      </c>
      <c r="FV24" s="116">
        <v>23604002</v>
      </c>
      <c r="FW24" s="115">
        <v>536999</v>
      </c>
      <c r="FX24" s="114">
        <v>1102928</v>
      </c>
      <c r="FY24" s="112">
        <v>1639927</v>
      </c>
      <c r="FZ24" s="111">
        <v>0</v>
      </c>
      <c r="GA24" s="114">
        <v>3505749</v>
      </c>
      <c r="GB24" s="114">
        <v>5672773</v>
      </c>
      <c r="GC24" s="114">
        <v>4166250</v>
      </c>
      <c r="GD24" s="114">
        <v>3578375</v>
      </c>
      <c r="GE24" s="114">
        <v>3438879</v>
      </c>
      <c r="GF24" s="113">
        <v>20362026</v>
      </c>
      <c r="GG24" s="319">
        <v>22001953</v>
      </c>
      <c r="GH24" s="115">
        <v>40095</v>
      </c>
      <c r="GI24" s="114">
        <v>31284</v>
      </c>
      <c r="GJ24" s="112">
        <v>71379</v>
      </c>
      <c r="GK24" s="111">
        <v>0</v>
      </c>
      <c r="GL24" s="114">
        <v>177036</v>
      </c>
      <c r="GM24" s="114">
        <v>58993</v>
      </c>
      <c r="GN24" s="114">
        <v>71676</v>
      </c>
      <c r="GO24" s="114">
        <v>0</v>
      </c>
      <c r="GP24" s="114">
        <v>0</v>
      </c>
      <c r="GQ24" s="113">
        <v>307705</v>
      </c>
      <c r="GR24" s="116">
        <v>379084</v>
      </c>
      <c r="GS24" s="110">
        <v>47955</v>
      </c>
      <c r="GT24" s="114">
        <v>444670</v>
      </c>
      <c r="GU24" s="113">
        <v>492625</v>
      </c>
      <c r="GV24" s="110">
        <v>0</v>
      </c>
      <c r="GW24" s="114">
        <v>275604</v>
      </c>
      <c r="GX24" s="114">
        <v>24603</v>
      </c>
      <c r="GY24" s="114">
        <v>0</v>
      </c>
      <c r="GZ24" s="114">
        <v>290133</v>
      </c>
      <c r="HA24" s="114">
        <v>140000</v>
      </c>
      <c r="HB24" s="112">
        <v>730340</v>
      </c>
      <c r="HC24" s="116">
        <v>1222965</v>
      </c>
      <c r="HD24" s="110">
        <v>896473</v>
      </c>
      <c r="HE24" s="114">
        <v>1144090</v>
      </c>
      <c r="HF24" s="112">
        <v>2040563</v>
      </c>
      <c r="HG24" s="111">
        <v>0</v>
      </c>
      <c r="HH24" s="114">
        <v>11657720</v>
      </c>
      <c r="HI24" s="114">
        <v>10647599</v>
      </c>
      <c r="HJ24" s="114">
        <v>9294587</v>
      </c>
      <c r="HK24" s="114">
        <v>11781199</v>
      </c>
      <c r="HL24" s="114">
        <v>5686394</v>
      </c>
      <c r="HM24" s="113">
        <v>49067499</v>
      </c>
      <c r="HN24" s="109">
        <v>51108062</v>
      </c>
      <c r="HO24" s="115">
        <v>646334</v>
      </c>
      <c r="HP24" s="114">
        <v>1025212</v>
      </c>
      <c r="HQ24" s="113">
        <v>1671546</v>
      </c>
      <c r="HR24" s="110">
        <v>0</v>
      </c>
      <c r="HS24" s="114">
        <v>10404076</v>
      </c>
      <c r="HT24" s="114">
        <v>8298169</v>
      </c>
      <c r="HU24" s="114">
        <v>5391683</v>
      </c>
      <c r="HV24" s="114">
        <v>3314398</v>
      </c>
      <c r="HW24" s="114">
        <v>2255848</v>
      </c>
      <c r="HX24" s="112">
        <v>29664174</v>
      </c>
      <c r="HY24" s="116">
        <v>31335720</v>
      </c>
      <c r="HZ24" s="150">
        <v>0</v>
      </c>
      <c r="IA24" s="135">
        <v>182085</v>
      </c>
      <c r="IB24" s="150">
        <v>182085</v>
      </c>
      <c r="IC24" s="134">
        <v>0</v>
      </c>
      <c r="ID24" s="135">
        <v>13980656</v>
      </c>
      <c r="IE24" s="136">
        <v>22192691</v>
      </c>
      <c r="IF24" s="137">
        <v>21802352</v>
      </c>
      <c r="IG24" s="135">
        <v>14645475</v>
      </c>
      <c r="IH24" s="137">
        <v>15630089</v>
      </c>
      <c r="II24" s="138">
        <v>88251263</v>
      </c>
      <c r="IJ24" s="150">
        <v>88433348</v>
      </c>
      <c r="IK24" s="232">
        <v>0</v>
      </c>
      <c r="IL24" s="236">
        <v>0</v>
      </c>
      <c r="IM24" s="237">
        <v>0</v>
      </c>
      <c r="IN24" s="140"/>
      <c r="IO24" s="119">
        <v>958739</v>
      </c>
      <c r="IP24" s="119">
        <v>714507</v>
      </c>
      <c r="IQ24" s="119">
        <v>422437</v>
      </c>
      <c r="IR24" s="119">
        <v>813853</v>
      </c>
      <c r="IS24" s="119">
        <v>867054</v>
      </c>
      <c r="IT24" s="141">
        <v>3776590</v>
      </c>
      <c r="IU24" s="321">
        <v>3776590</v>
      </c>
      <c r="IV24" s="142">
        <v>0</v>
      </c>
      <c r="IW24" s="119">
        <v>0</v>
      </c>
      <c r="IX24" s="120">
        <v>0</v>
      </c>
      <c r="IY24" s="144"/>
      <c r="IZ24" s="119">
        <v>22436</v>
      </c>
      <c r="JA24" s="119">
        <v>56090</v>
      </c>
      <c r="JB24" s="119">
        <v>95045</v>
      </c>
      <c r="JC24" s="119">
        <v>158750</v>
      </c>
      <c r="JD24" s="119">
        <v>0</v>
      </c>
      <c r="JE24" s="120">
        <v>332321</v>
      </c>
      <c r="JF24" s="121">
        <v>332321</v>
      </c>
      <c r="JG24" s="142">
        <v>0</v>
      </c>
      <c r="JH24" s="119">
        <v>0</v>
      </c>
      <c r="JI24" s="141">
        <v>0</v>
      </c>
      <c r="JJ24" s="118">
        <v>0</v>
      </c>
      <c r="JK24" s="119">
        <v>6617715</v>
      </c>
      <c r="JL24" s="119">
        <v>6980289</v>
      </c>
      <c r="JM24" s="119">
        <v>4189487</v>
      </c>
      <c r="JN24" s="119">
        <v>3196254</v>
      </c>
      <c r="JO24" s="119">
        <v>1191171</v>
      </c>
      <c r="JP24" s="120">
        <v>22174916</v>
      </c>
      <c r="JQ24" s="321">
        <v>22174916</v>
      </c>
      <c r="JR24" s="142">
        <v>0</v>
      </c>
      <c r="JS24" s="119">
        <v>0</v>
      </c>
      <c r="JT24" s="141">
        <v>0</v>
      </c>
      <c r="JU24" s="118">
        <v>0</v>
      </c>
      <c r="JV24" s="119">
        <v>1055868</v>
      </c>
      <c r="JW24" s="119">
        <v>2671294</v>
      </c>
      <c r="JX24" s="119">
        <v>2522854</v>
      </c>
      <c r="JY24" s="119">
        <v>279570</v>
      </c>
      <c r="JZ24" s="119">
        <v>796093</v>
      </c>
      <c r="KA24" s="120">
        <v>7325679</v>
      </c>
      <c r="KB24" s="321">
        <v>7325679</v>
      </c>
      <c r="KC24" s="234">
        <v>0</v>
      </c>
      <c r="KD24" s="230">
        <v>182085</v>
      </c>
      <c r="KE24" s="120">
        <v>182085</v>
      </c>
      <c r="KF24" s="118">
        <v>0</v>
      </c>
      <c r="KG24" s="119">
        <v>2857200</v>
      </c>
      <c r="KH24" s="119">
        <v>6400034</v>
      </c>
      <c r="KI24" s="119">
        <v>6609374</v>
      </c>
      <c r="KJ24" s="119">
        <v>4134070</v>
      </c>
      <c r="KK24" s="119">
        <v>4664981</v>
      </c>
      <c r="KL24" s="120">
        <v>24665659</v>
      </c>
      <c r="KM24" s="143">
        <v>24847744</v>
      </c>
      <c r="KN24" s="232">
        <v>0</v>
      </c>
      <c r="KO24" s="236">
        <v>0</v>
      </c>
      <c r="KP24" s="237">
        <v>0</v>
      </c>
      <c r="KQ24" s="140"/>
      <c r="KR24" s="119">
        <v>2077050</v>
      </c>
      <c r="KS24" s="119">
        <v>4892974</v>
      </c>
      <c r="KT24" s="119">
        <v>7676306</v>
      </c>
      <c r="KU24" s="119">
        <v>4751154</v>
      </c>
      <c r="KV24" s="119">
        <v>3606090</v>
      </c>
      <c r="KW24" s="120">
        <v>23003574</v>
      </c>
      <c r="KX24" s="321">
        <v>23003574</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1">
        <v>0</v>
      </c>
      <c r="LU24" s="142">
        <v>0</v>
      </c>
      <c r="LV24" s="119">
        <v>0</v>
      </c>
      <c r="LW24" s="120">
        <v>0</v>
      </c>
      <c r="LX24" s="145"/>
      <c r="LY24" s="119">
        <v>391648</v>
      </c>
      <c r="LZ24" s="119">
        <v>477503</v>
      </c>
      <c r="MA24" s="119">
        <v>286849</v>
      </c>
      <c r="MB24" s="119">
        <v>1311824</v>
      </c>
      <c r="MC24" s="119">
        <v>4504700</v>
      </c>
      <c r="MD24" s="120">
        <v>6972524</v>
      </c>
      <c r="ME24" s="121">
        <v>6972524</v>
      </c>
      <c r="MF24" s="142">
        <v>0</v>
      </c>
      <c r="MG24" s="119">
        <v>0</v>
      </c>
      <c r="MH24" s="120">
        <v>0</v>
      </c>
      <c r="MI24" s="145"/>
      <c r="MJ24" s="119">
        <v>5776615</v>
      </c>
      <c r="MK24" s="119">
        <v>16348454</v>
      </c>
      <c r="ML24" s="119">
        <v>47832178</v>
      </c>
      <c r="MM24" s="119">
        <v>58360017</v>
      </c>
      <c r="MN24" s="119">
        <v>39112908</v>
      </c>
      <c r="MO24" s="120">
        <v>167430172</v>
      </c>
      <c r="MP24" s="143">
        <v>167430172</v>
      </c>
      <c r="MQ24" s="142">
        <v>0</v>
      </c>
      <c r="MR24" s="119">
        <v>0</v>
      </c>
      <c r="MS24" s="120">
        <v>0</v>
      </c>
      <c r="MT24" s="145"/>
      <c r="MU24" s="119">
        <v>0</v>
      </c>
      <c r="MV24" s="119">
        <v>1918809</v>
      </c>
      <c r="MW24" s="119">
        <v>28447403</v>
      </c>
      <c r="MX24" s="119">
        <v>38882063</v>
      </c>
      <c r="MY24" s="119">
        <v>25753703</v>
      </c>
      <c r="MZ24" s="120">
        <v>95001978</v>
      </c>
      <c r="NA24" s="143">
        <v>95001978</v>
      </c>
      <c r="NB24" s="142">
        <v>0</v>
      </c>
      <c r="NC24" s="119">
        <v>0</v>
      </c>
      <c r="ND24" s="120">
        <v>0</v>
      </c>
      <c r="NE24" s="145"/>
      <c r="NF24" s="119">
        <v>5776615</v>
      </c>
      <c r="NG24" s="119">
        <v>14429645</v>
      </c>
      <c r="NH24" s="119">
        <v>19384775</v>
      </c>
      <c r="NI24" s="119">
        <v>18259519</v>
      </c>
      <c r="NJ24" s="119">
        <v>11134012</v>
      </c>
      <c r="NK24" s="120">
        <v>68984566</v>
      </c>
      <c r="NL24" s="321">
        <v>68984566</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1218435</v>
      </c>
      <c r="OF24" s="119">
        <v>2225193</v>
      </c>
      <c r="OG24" s="120">
        <v>3443628</v>
      </c>
      <c r="OH24" s="121">
        <v>3443628</v>
      </c>
      <c r="OI24" s="142">
        <v>3731832</v>
      </c>
      <c r="OJ24" s="119">
        <v>7089011</v>
      </c>
      <c r="OK24" s="141">
        <v>10820843</v>
      </c>
      <c r="OL24" s="118">
        <v>0</v>
      </c>
      <c r="OM24" s="119">
        <v>82697761</v>
      </c>
      <c r="ON24" s="119">
        <v>108362756</v>
      </c>
      <c r="OO24" s="119">
        <v>125365957</v>
      </c>
      <c r="OP24" s="119">
        <v>122727888</v>
      </c>
      <c r="OQ24" s="119">
        <v>90968674</v>
      </c>
      <c r="OR24" s="120">
        <v>530123036</v>
      </c>
      <c r="OS24" s="143">
        <v>540943879</v>
      </c>
    </row>
    <row r="25" spans="2:409" ht="18.75" customHeight="1" x14ac:dyDescent="0.2">
      <c r="B25" s="62" t="s">
        <v>20</v>
      </c>
      <c r="C25" s="110">
        <v>4643414</v>
      </c>
      <c r="D25" s="114">
        <v>12481928</v>
      </c>
      <c r="E25" s="113">
        <v>17125342</v>
      </c>
      <c r="F25" s="110">
        <v>0</v>
      </c>
      <c r="G25" s="114">
        <v>82562370</v>
      </c>
      <c r="H25" s="114">
        <v>74664625</v>
      </c>
      <c r="I25" s="114">
        <v>72948741</v>
      </c>
      <c r="J25" s="114">
        <v>66511024</v>
      </c>
      <c r="K25" s="114">
        <v>39635757</v>
      </c>
      <c r="L25" s="173">
        <v>336322517</v>
      </c>
      <c r="M25" s="116">
        <v>353447859</v>
      </c>
      <c r="N25" s="110">
        <v>1151263</v>
      </c>
      <c r="O25" s="114">
        <v>3467285</v>
      </c>
      <c r="P25" s="113">
        <v>4618548</v>
      </c>
      <c r="Q25" s="110">
        <v>0</v>
      </c>
      <c r="R25" s="114">
        <v>23329007</v>
      </c>
      <c r="S25" s="114">
        <v>22467618</v>
      </c>
      <c r="T25" s="114">
        <v>21064477</v>
      </c>
      <c r="U25" s="114">
        <v>21557800</v>
      </c>
      <c r="V25" s="114">
        <v>19417129</v>
      </c>
      <c r="W25" s="113">
        <v>107836031</v>
      </c>
      <c r="X25" s="116">
        <v>112454579</v>
      </c>
      <c r="Y25" s="110">
        <v>0</v>
      </c>
      <c r="Z25" s="114">
        <v>0</v>
      </c>
      <c r="AA25" s="113">
        <v>0</v>
      </c>
      <c r="AB25" s="110">
        <v>0</v>
      </c>
      <c r="AC25" s="114">
        <v>9469165</v>
      </c>
      <c r="AD25" s="114">
        <v>10056343</v>
      </c>
      <c r="AE25" s="114">
        <v>11114996</v>
      </c>
      <c r="AF25" s="114">
        <v>12091474</v>
      </c>
      <c r="AG25" s="114">
        <v>10387636</v>
      </c>
      <c r="AH25" s="113">
        <v>53119614</v>
      </c>
      <c r="AI25" s="116">
        <v>53119614</v>
      </c>
      <c r="AJ25" s="110">
        <v>0</v>
      </c>
      <c r="AK25" s="114">
        <v>0</v>
      </c>
      <c r="AL25" s="113">
        <v>0</v>
      </c>
      <c r="AM25" s="110">
        <v>0</v>
      </c>
      <c r="AN25" s="114">
        <v>26379</v>
      </c>
      <c r="AO25" s="114">
        <v>510638</v>
      </c>
      <c r="AP25" s="114">
        <v>759328</v>
      </c>
      <c r="AQ25" s="114">
        <v>1465024</v>
      </c>
      <c r="AR25" s="114">
        <v>3238786</v>
      </c>
      <c r="AS25" s="113">
        <v>6000155</v>
      </c>
      <c r="AT25" s="116">
        <v>6000155</v>
      </c>
      <c r="AU25" s="110">
        <v>615902</v>
      </c>
      <c r="AV25" s="114">
        <v>2139239</v>
      </c>
      <c r="AW25" s="113">
        <v>2755141</v>
      </c>
      <c r="AX25" s="110">
        <v>0</v>
      </c>
      <c r="AY25" s="114">
        <v>8550682</v>
      </c>
      <c r="AZ25" s="114">
        <v>7056932</v>
      </c>
      <c r="BA25" s="114">
        <v>4316352</v>
      </c>
      <c r="BB25" s="114">
        <v>3898736</v>
      </c>
      <c r="BC25" s="114">
        <v>3336850</v>
      </c>
      <c r="BD25" s="113">
        <v>27159552</v>
      </c>
      <c r="BE25" s="116">
        <v>29914693</v>
      </c>
      <c r="BF25" s="110">
        <v>258028</v>
      </c>
      <c r="BG25" s="114">
        <v>734033</v>
      </c>
      <c r="BH25" s="112">
        <v>992061</v>
      </c>
      <c r="BI25" s="111">
        <v>0</v>
      </c>
      <c r="BJ25" s="114">
        <v>1849275</v>
      </c>
      <c r="BK25" s="114">
        <v>1685988</v>
      </c>
      <c r="BL25" s="114">
        <v>1393852</v>
      </c>
      <c r="BM25" s="114">
        <v>842365</v>
      </c>
      <c r="BN25" s="114">
        <v>423983</v>
      </c>
      <c r="BO25" s="113">
        <v>6195463</v>
      </c>
      <c r="BP25" s="116">
        <v>7187524</v>
      </c>
      <c r="BQ25" s="110">
        <v>277333</v>
      </c>
      <c r="BR25" s="114">
        <v>594013</v>
      </c>
      <c r="BS25" s="113">
        <v>871346</v>
      </c>
      <c r="BT25" s="110">
        <v>0</v>
      </c>
      <c r="BU25" s="114">
        <v>3433506</v>
      </c>
      <c r="BV25" s="114">
        <v>3157717</v>
      </c>
      <c r="BW25" s="114">
        <v>3479949</v>
      </c>
      <c r="BX25" s="114">
        <v>3260201</v>
      </c>
      <c r="BY25" s="114">
        <v>2029874</v>
      </c>
      <c r="BZ25" s="113">
        <v>15361247</v>
      </c>
      <c r="CA25" s="116">
        <v>16232593</v>
      </c>
      <c r="CB25" s="110">
        <v>442553</v>
      </c>
      <c r="CC25" s="114">
        <v>1800858</v>
      </c>
      <c r="CD25" s="113">
        <v>2243411</v>
      </c>
      <c r="CE25" s="110">
        <v>0</v>
      </c>
      <c r="CF25" s="114">
        <v>27020702</v>
      </c>
      <c r="CG25" s="114">
        <v>20814104</v>
      </c>
      <c r="CH25" s="114">
        <v>17924571</v>
      </c>
      <c r="CI25" s="114">
        <v>11505998</v>
      </c>
      <c r="CJ25" s="114">
        <v>5518059</v>
      </c>
      <c r="CK25" s="113">
        <v>82783434</v>
      </c>
      <c r="CL25" s="116">
        <v>85026845</v>
      </c>
      <c r="CM25" s="110">
        <v>0</v>
      </c>
      <c r="CN25" s="114">
        <v>0</v>
      </c>
      <c r="CO25" s="113">
        <v>0</v>
      </c>
      <c r="CP25" s="111">
        <v>0</v>
      </c>
      <c r="CQ25" s="114">
        <v>18501092</v>
      </c>
      <c r="CR25" s="114">
        <v>13815116</v>
      </c>
      <c r="CS25" s="114">
        <v>12655080</v>
      </c>
      <c r="CT25" s="114">
        <v>7563229</v>
      </c>
      <c r="CU25" s="114">
        <v>4371533</v>
      </c>
      <c r="CV25" s="113">
        <v>56906050</v>
      </c>
      <c r="CW25" s="116">
        <v>56906050</v>
      </c>
      <c r="CX25" s="110">
        <v>442553</v>
      </c>
      <c r="CY25" s="114">
        <v>1800858</v>
      </c>
      <c r="CZ25" s="113">
        <v>2243411</v>
      </c>
      <c r="DA25" s="110">
        <v>0</v>
      </c>
      <c r="DB25" s="114">
        <v>8519610</v>
      </c>
      <c r="DC25" s="114">
        <v>6998988</v>
      </c>
      <c r="DD25" s="114">
        <v>5269491</v>
      </c>
      <c r="DE25" s="114">
        <v>3942769</v>
      </c>
      <c r="DF25" s="114">
        <v>1146526</v>
      </c>
      <c r="DG25" s="113">
        <v>25877384</v>
      </c>
      <c r="DH25" s="116">
        <v>28120795</v>
      </c>
      <c r="DI25" s="110">
        <v>41448</v>
      </c>
      <c r="DJ25" s="114">
        <v>97402</v>
      </c>
      <c r="DK25" s="112">
        <v>138850</v>
      </c>
      <c r="DL25" s="111">
        <v>0</v>
      </c>
      <c r="DM25" s="114">
        <v>2799377</v>
      </c>
      <c r="DN25" s="114">
        <v>4068994</v>
      </c>
      <c r="DO25" s="114">
        <v>12053448</v>
      </c>
      <c r="DP25" s="114">
        <v>8539048</v>
      </c>
      <c r="DQ25" s="114">
        <v>2436092</v>
      </c>
      <c r="DR25" s="113">
        <v>29896959</v>
      </c>
      <c r="DS25" s="116">
        <v>30035809</v>
      </c>
      <c r="DT25" s="110">
        <v>41448</v>
      </c>
      <c r="DU25" s="114">
        <v>97402</v>
      </c>
      <c r="DV25" s="113">
        <v>138850</v>
      </c>
      <c r="DW25" s="110">
        <v>0</v>
      </c>
      <c r="DX25" s="114">
        <v>2749908</v>
      </c>
      <c r="DY25" s="114">
        <v>3738830</v>
      </c>
      <c r="DZ25" s="114">
        <v>11176615</v>
      </c>
      <c r="EA25" s="114">
        <v>7650461</v>
      </c>
      <c r="EB25" s="114">
        <v>2035540</v>
      </c>
      <c r="EC25" s="113">
        <v>27351354</v>
      </c>
      <c r="ED25" s="116">
        <v>27490204</v>
      </c>
      <c r="EE25" s="110">
        <v>0</v>
      </c>
      <c r="EF25" s="112">
        <v>0</v>
      </c>
      <c r="EG25" s="113">
        <v>0</v>
      </c>
      <c r="EH25" s="110">
        <v>0</v>
      </c>
      <c r="EI25" s="114">
        <v>49469</v>
      </c>
      <c r="EJ25" s="114">
        <v>330164</v>
      </c>
      <c r="EK25" s="114">
        <v>876833</v>
      </c>
      <c r="EL25" s="114">
        <v>888587</v>
      </c>
      <c r="EM25" s="114">
        <v>400552</v>
      </c>
      <c r="EN25" s="112">
        <v>2545605</v>
      </c>
      <c r="EO25" s="116">
        <v>2545605</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8"/>
      <c r="FE25" s="114">
        <v>0</v>
      </c>
      <c r="FF25" s="114">
        <v>0</v>
      </c>
      <c r="FG25" s="114">
        <v>0</v>
      </c>
      <c r="FH25" s="114">
        <v>0</v>
      </c>
      <c r="FI25" s="114">
        <v>0</v>
      </c>
      <c r="FJ25" s="113">
        <v>0</v>
      </c>
      <c r="FK25" s="116">
        <v>0</v>
      </c>
      <c r="FL25" s="110">
        <v>1618219</v>
      </c>
      <c r="FM25" s="114">
        <v>2801102</v>
      </c>
      <c r="FN25" s="113">
        <v>4419321</v>
      </c>
      <c r="FO25" s="110">
        <v>0</v>
      </c>
      <c r="FP25" s="114">
        <v>5583422</v>
      </c>
      <c r="FQ25" s="114">
        <v>6804977</v>
      </c>
      <c r="FR25" s="114">
        <v>5311627</v>
      </c>
      <c r="FS25" s="114">
        <v>4634092</v>
      </c>
      <c r="FT25" s="114">
        <v>3267482</v>
      </c>
      <c r="FU25" s="113">
        <v>25601600</v>
      </c>
      <c r="FV25" s="116">
        <v>30020921</v>
      </c>
      <c r="FW25" s="115">
        <v>692841</v>
      </c>
      <c r="FX25" s="114">
        <v>1882032</v>
      </c>
      <c r="FY25" s="112">
        <v>2574873</v>
      </c>
      <c r="FZ25" s="111">
        <v>0</v>
      </c>
      <c r="GA25" s="114">
        <v>4545098</v>
      </c>
      <c r="GB25" s="114">
        <v>6096068</v>
      </c>
      <c r="GC25" s="114">
        <v>4918203</v>
      </c>
      <c r="GD25" s="114">
        <v>4528459</v>
      </c>
      <c r="GE25" s="114">
        <v>3175682</v>
      </c>
      <c r="GF25" s="113">
        <v>23263510</v>
      </c>
      <c r="GG25" s="319">
        <v>25838383</v>
      </c>
      <c r="GH25" s="115">
        <v>55083</v>
      </c>
      <c r="GI25" s="114">
        <v>40500</v>
      </c>
      <c r="GJ25" s="112">
        <v>95583</v>
      </c>
      <c r="GK25" s="111">
        <v>0</v>
      </c>
      <c r="GL25" s="114">
        <v>231104</v>
      </c>
      <c r="GM25" s="114">
        <v>147909</v>
      </c>
      <c r="GN25" s="114">
        <v>144535</v>
      </c>
      <c r="GO25" s="114">
        <v>105633</v>
      </c>
      <c r="GP25" s="114">
        <v>72000</v>
      </c>
      <c r="GQ25" s="113">
        <v>701181</v>
      </c>
      <c r="GR25" s="116">
        <v>796764</v>
      </c>
      <c r="GS25" s="110">
        <v>870295</v>
      </c>
      <c r="GT25" s="114">
        <v>878570</v>
      </c>
      <c r="GU25" s="113">
        <v>1748865</v>
      </c>
      <c r="GV25" s="110">
        <v>0</v>
      </c>
      <c r="GW25" s="114">
        <v>807220</v>
      </c>
      <c r="GX25" s="114">
        <v>561000</v>
      </c>
      <c r="GY25" s="114">
        <v>248889</v>
      </c>
      <c r="GZ25" s="114">
        <v>0</v>
      </c>
      <c r="HA25" s="114">
        <v>19800</v>
      </c>
      <c r="HB25" s="112">
        <v>1636909</v>
      </c>
      <c r="HC25" s="116">
        <v>3385774</v>
      </c>
      <c r="HD25" s="110">
        <v>588870</v>
      </c>
      <c r="HE25" s="114">
        <v>2356823</v>
      </c>
      <c r="HF25" s="112">
        <v>2945693</v>
      </c>
      <c r="HG25" s="111">
        <v>0</v>
      </c>
      <c r="HH25" s="114">
        <v>10801722</v>
      </c>
      <c r="HI25" s="114">
        <v>12627413</v>
      </c>
      <c r="HJ25" s="114">
        <v>9871621</v>
      </c>
      <c r="HK25" s="114">
        <v>15946767</v>
      </c>
      <c r="HL25" s="114">
        <v>6745659</v>
      </c>
      <c r="HM25" s="113">
        <v>55993182</v>
      </c>
      <c r="HN25" s="109">
        <v>58938875</v>
      </c>
      <c r="HO25" s="115">
        <v>801061</v>
      </c>
      <c r="HP25" s="114">
        <v>1958458</v>
      </c>
      <c r="HQ25" s="113">
        <v>2759519</v>
      </c>
      <c r="HR25" s="110">
        <v>0</v>
      </c>
      <c r="HS25" s="114">
        <v>13028140</v>
      </c>
      <c r="HT25" s="114">
        <v>7881519</v>
      </c>
      <c r="HU25" s="114">
        <v>6722997</v>
      </c>
      <c r="HV25" s="114">
        <v>4327319</v>
      </c>
      <c r="HW25" s="114">
        <v>2251336</v>
      </c>
      <c r="HX25" s="112">
        <v>34211311</v>
      </c>
      <c r="HY25" s="116">
        <v>36970830</v>
      </c>
      <c r="HZ25" s="131">
        <v>41234</v>
      </c>
      <c r="IA25" s="132">
        <v>82488</v>
      </c>
      <c r="IB25" s="133">
        <v>123722</v>
      </c>
      <c r="IC25" s="146">
        <v>0</v>
      </c>
      <c r="ID25" s="132">
        <v>16995934</v>
      </c>
      <c r="IE25" s="147">
        <v>13273044</v>
      </c>
      <c r="IF25" s="133">
        <v>19538687</v>
      </c>
      <c r="IG25" s="132">
        <v>12117248</v>
      </c>
      <c r="IH25" s="133">
        <v>4484447</v>
      </c>
      <c r="II25" s="148">
        <v>66409360</v>
      </c>
      <c r="IJ25" s="139">
        <v>66533082</v>
      </c>
      <c r="IK25" s="232">
        <v>0</v>
      </c>
      <c r="IL25" s="236">
        <v>0</v>
      </c>
      <c r="IM25" s="237">
        <v>0</v>
      </c>
      <c r="IN25" s="140"/>
      <c r="IO25" s="119">
        <v>86634</v>
      </c>
      <c r="IP25" s="119">
        <v>0</v>
      </c>
      <c r="IQ25" s="119">
        <v>0</v>
      </c>
      <c r="IR25" s="119">
        <v>0</v>
      </c>
      <c r="IS25" s="119">
        <v>0</v>
      </c>
      <c r="IT25" s="141">
        <v>86634</v>
      </c>
      <c r="IU25" s="321">
        <v>86634</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8179872</v>
      </c>
      <c r="JL25" s="119">
        <v>4875653</v>
      </c>
      <c r="JM25" s="119">
        <v>4589181</v>
      </c>
      <c r="JN25" s="119">
        <v>3583775</v>
      </c>
      <c r="JO25" s="119">
        <v>686085</v>
      </c>
      <c r="JP25" s="120">
        <v>21914566</v>
      </c>
      <c r="JQ25" s="321">
        <v>21914566</v>
      </c>
      <c r="JR25" s="142">
        <v>0</v>
      </c>
      <c r="JS25" s="119">
        <v>0</v>
      </c>
      <c r="JT25" s="141">
        <v>0</v>
      </c>
      <c r="JU25" s="118">
        <v>0</v>
      </c>
      <c r="JV25" s="119">
        <v>72716</v>
      </c>
      <c r="JW25" s="119">
        <v>314929</v>
      </c>
      <c r="JX25" s="119">
        <v>641697</v>
      </c>
      <c r="JY25" s="119">
        <v>366226</v>
      </c>
      <c r="JZ25" s="119">
        <v>390456</v>
      </c>
      <c r="KA25" s="120">
        <v>1786024</v>
      </c>
      <c r="KB25" s="321">
        <v>1786024</v>
      </c>
      <c r="KC25" s="234">
        <v>41234</v>
      </c>
      <c r="KD25" s="230">
        <v>82488</v>
      </c>
      <c r="KE25" s="120">
        <v>123722</v>
      </c>
      <c r="KF25" s="118">
        <v>0</v>
      </c>
      <c r="KG25" s="119">
        <v>1814313</v>
      </c>
      <c r="KH25" s="119">
        <v>2038702</v>
      </c>
      <c r="KI25" s="119">
        <v>1967979</v>
      </c>
      <c r="KJ25" s="119">
        <v>834691</v>
      </c>
      <c r="KK25" s="119">
        <v>331201</v>
      </c>
      <c r="KL25" s="120">
        <v>6986886</v>
      </c>
      <c r="KM25" s="143">
        <v>7110608</v>
      </c>
      <c r="KN25" s="232">
        <v>0</v>
      </c>
      <c r="KO25" s="236">
        <v>0</v>
      </c>
      <c r="KP25" s="237">
        <v>0</v>
      </c>
      <c r="KQ25" s="140"/>
      <c r="KR25" s="119">
        <v>6842399</v>
      </c>
      <c r="KS25" s="119">
        <v>6043760</v>
      </c>
      <c r="KT25" s="119">
        <v>12339830</v>
      </c>
      <c r="KU25" s="119">
        <v>7332556</v>
      </c>
      <c r="KV25" s="119">
        <v>3076705</v>
      </c>
      <c r="KW25" s="120">
        <v>35635250</v>
      </c>
      <c r="KX25" s="321">
        <v>35635250</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1">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6923540</v>
      </c>
      <c r="MK25" s="119">
        <v>16321594</v>
      </c>
      <c r="ML25" s="119">
        <v>54879822</v>
      </c>
      <c r="MM25" s="119">
        <v>69017474</v>
      </c>
      <c r="MN25" s="119">
        <v>42079631</v>
      </c>
      <c r="MO25" s="120">
        <v>189222061</v>
      </c>
      <c r="MP25" s="143">
        <v>189222061</v>
      </c>
      <c r="MQ25" s="142">
        <v>0</v>
      </c>
      <c r="MR25" s="119">
        <v>0</v>
      </c>
      <c r="MS25" s="120">
        <v>0</v>
      </c>
      <c r="MT25" s="145"/>
      <c r="MU25" s="119">
        <v>1086205</v>
      </c>
      <c r="MV25" s="119">
        <v>5783119</v>
      </c>
      <c r="MW25" s="119">
        <v>39717011</v>
      </c>
      <c r="MX25" s="119">
        <v>53291034</v>
      </c>
      <c r="MY25" s="119">
        <v>32912052</v>
      </c>
      <c r="MZ25" s="120">
        <v>132789421</v>
      </c>
      <c r="NA25" s="143">
        <v>132789421</v>
      </c>
      <c r="NB25" s="142">
        <v>0</v>
      </c>
      <c r="NC25" s="119">
        <v>0</v>
      </c>
      <c r="ND25" s="120">
        <v>0</v>
      </c>
      <c r="NE25" s="145"/>
      <c r="NF25" s="119">
        <v>5837335</v>
      </c>
      <c r="NG25" s="119">
        <v>10538475</v>
      </c>
      <c r="NH25" s="119">
        <v>14791212</v>
      </c>
      <c r="NI25" s="119">
        <v>15501042</v>
      </c>
      <c r="NJ25" s="119">
        <v>6370330</v>
      </c>
      <c r="NK25" s="120">
        <v>53038394</v>
      </c>
      <c r="NL25" s="321">
        <v>53038394</v>
      </c>
      <c r="NM25" s="142">
        <v>0</v>
      </c>
      <c r="NN25" s="119">
        <v>0</v>
      </c>
      <c r="NO25" s="120">
        <v>0</v>
      </c>
      <c r="NP25" s="145"/>
      <c r="NQ25" s="119">
        <v>0</v>
      </c>
      <c r="NR25" s="119">
        <v>0</v>
      </c>
      <c r="NS25" s="119">
        <v>0</v>
      </c>
      <c r="NT25" s="119">
        <v>0</v>
      </c>
      <c r="NU25" s="119">
        <v>425910</v>
      </c>
      <c r="NV25" s="120">
        <v>425910</v>
      </c>
      <c r="NW25" s="121">
        <v>425910</v>
      </c>
      <c r="NX25" s="142">
        <v>0</v>
      </c>
      <c r="NY25" s="119">
        <v>0</v>
      </c>
      <c r="NZ25" s="120">
        <v>0</v>
      </c>
      <c r="OA25" s="145"/>
      <c r="OB25" s="119">
        <v>0</v>
      </c>
      <c r="OC25" s="119">
        <v>0</v>
      </c>
      <c r="OD25" s="119">
        <v>371599</v>
      </c>
      <c r="OE25" s="119">
        <v>225398</v>
      </c>
      <c r="OF25" s="119">
        <v>2371339</v>
      </c>
      <c r="OG25" s="120">
        <v>2968336</v>
      </c>
      <c r="OH25" s="121">
        <v>2968336</v>
      </c>
      <c r="OI25" s="142">
        <v>4684648</v>
      </c>
      <c r="OJ25" s="119">
        <v>12564416</v>
      </c>
      <c r="OK25" s="141">
        <v>17249064</v>
      </c>
      <c r="OL25" s="118">
        <v>0</v>
      </c>
      <c r="OM25" s="119">
        <v>106481844</v>
      </c>
      <c r="ON25" s="119">
        <v>104259263</v>
      </c>
      <c r="OO25" s="119">
        <v>147367250</v>
      </c>
      <c r="OP25" s="119">
        <v>147645746</v>
      </c>
      <c r="OQ25" s="119">
        <v>86199835</v>
      </c>
      <c r="OR25" s="120">
        <v>591953938</v>
      </c>
      <c r="OS25" s="143">
        <v>609203002</v>
      </c>
    </row>
    <row r="26" spans="2:409" ht="18.75" customHeight="1" x14ac:dyDescent="0.2">
      <c r="B26" s="62" t="s">
        <v>21</v>
      </c>
      <c r="C26" s="110">
        <v>5832214</v>
      </c>
      <c r="D26" s="114">
        <v>11704637</v>
      </c>
      <c r="E26" s="113">
        <v>17536851</v>
      </c>
      <c r="F26" s="109">
        <v>0</v>
      </c>
      <c r="G26" s="114">
        <v>67456692</v>
      </c>
      <c r="H26" s="114">
        <v>107410797</v>
      </c>
      <c r="I26" s="114">
        <v>88411792</v>
      </c>
      <c r="J26" s="114">
        <v>70849950</v>
      </c>
      <c r="K26" s="114">
        <v>55556985</v>
      </c>
      <c r="L26" s="173">
        <v>389686216</v>
      </c>
      <c r="M26" s="116">
        <v>407223067</v>
      </c>
      <c r="N26" s="110">
        <v>2022418</v>
      </c>
      <c r="O26" s="114">
        <v>4040232</v>
      </c>
      <c r="P26" s="113">
        <v>6062650</v>
      </c>
      <c r="Q26" s="110">
        <v>0</v>
      </c>
      <c r="R26" s="114">
        <v>20689919</v>
      </c>
      <c r="S26" s="114">
        <v>37259334</v>
      </c>
      <c r="T26" s="114">
        <v>28650868</v>
      </c>
      <c r="U26" s="114">
        <v>32140169</v>
      </c>
      <c r="V26" s="114">
        <v>26246569</v>
      </c>
      <c r="W26" s="113">
        <v>144986859</v>
      </c>
      <c r="X26" s="116">
        <v>151049509</v>
      </c>
      <c r="Y26" s="110">
        <v>0</v>
      </c>
      <c r="Z26" s="114">
        <v>0</v>
      </c>
      <c r="AA26" s="113">
        <v>0</v>
      </c>
      <c r="AB26" s="110">
        <v>0</v>
      </c>
      <c r="AC26" s="114">
        <v>9176611</v>
      </c>
      <c r="AD26" s="114">
        <v>18764096</v>
      </c>
      <c r="AE26" s="114">
        <v>16689768</v>
      </c>
      <c r="AF26" s="114">
        <v>20464157</v>
      </c>
      <c r="AG26" s="114">
        <v>16069534</v>
      </c>
      <c r="AH26" s="113">
        <v>81164166</v>
      </c>
      <c r="AI26" s="116">
        <v>81164166</v>
      </c>
      <c r="AJ26" s="110">
        <v>0</v>
      </c>
      <c r="AK26" s="114">
        <v>0</v>
      </c>
      <c r="AL26" s="113">
        <v>0</v>
      </c>
      <c r="AM26" s="110">
        <v>0</v>
      </c>
      <c r="AN26" s="114">
        <v>40551</v>
      </c>
      <c r="AO26" s="114">
        <v>205860</v>
      </c>
      <c r="AP26" s="114">
        <v>1113057</v>
      </c>
      <c r="AQ26" s="114">
        <v>1562322</v>
      </c>
      <c r="AR26" s="114">
        <v>3108487</v>
      </c>
      <c r="AS26" s="113">
        <v>6030277</v>
      </c>
      <c r="AT26" s="116">
        <v>6030277</v>
      </c>
      <c r="AU26" s="110">
        <v>1192797</v>
      </c>
      <c r="AV26" s="114">
        <v>2607022</v>
      </c>
      <c r="AW26" s="113">
        <v>3799819</v>
      </c>
      <c r="AX26" s="110">
        <v>0</v>
      </c>
      <c r="AY26" s="114">
        <v>7664596</v>
      </c>
      <c r="AZ26" s="114">
        <v>12150216</v>
      </c>
      <c r="BA26" s="114">
        <v>6584296</v>
      </c>
      <c r="BB26" s="114">
        <v>6268970</v>
      </c>
      <c r="BC26" s="114">
        <v>4054878</v>
      </c>
      <c r="BD26" s="113">
        <v>36722956</v>
      </c>
      <c r="BE26" s="116">
        <v>40522775</v>
      </c>
      <c r="BF26" s="110">
        <v>289466</v>
      </c>
      <c r="BG26" s="114">
        <v>873716</v>
      </c>
      <c r="BH26" s="112">
        <v>1163182</v>
      </c>
      <c r="BI26" s="111">
        <v>0</v>
      </c>
      <c r="BJ26" s="114">
        <v>631883</v>
      </c>
      <c r="BK26" s="114">
        <v>1183747</v>
      </c>
      <c r="BL26" s="114">
        <v>568754</v>
      </c>
      <c r="BM26" s="114">
        <v>674191</v>
      </c>
      <c r="BN26" s="114">
        <v>129265</v>
      </c>
      <c r="BO26" s="113">
        <v>3187840</v>
      </c>
      <c r="BP26" s="116">
        <v>4351022</v>
      </c>
      <c r="BQ26" s="110">
        <v>540155</v>
      </c>
      <c r="BR26" s="114">
        <v>559494</v>
      </c>
      <c r="BS26" s="113">
        <v>1099649</v>
      </c>
      <c r="BT26" s="110">
        <v>0</v>
      </c>
      <c r="BU26" s="114">
        <v>3176278</v>
      </c>
      <c r="BV26" s="114">
        <v>4955415</v>
      </c>
      <c r="BW26" s="114">
        <v>3694993</v>
      </c>
      <c r="BX26" s="114">
        <v>3170529</v>
      </c>
      <c r="BY26" s="114">
        <v>2884405</v>
      </c>
      <c r="BZ26" s="113">
        <v>17881620</v>
      </c>
      <c r="CA26" s="116">
        <v>18981269</v>
      </c>
      <c r="CB26" s="110">
        <v>553002</v>
      </c>
      <c r="CC26" s="114">
        <v>1885590</v>
      </c>
      <c r="CD26" s="113">
        <v>2438592</v>
      </c>
      <c r="CE26" s="110">
        <v>0</v>
      </c>
      <c r="CF26" s="114">
        <v>19643771</v>
      </c>
      <c r="CG26" s="114">
        <v>28902013</v>
      </c>
      <c r="CH26" s="114">
        <v>20439371</v>
      </c>
      <c r="CI26" s="114">
        <v>12145983</v>
      </c>
      <c r="CJ26" s="114">
        <v>4938261</v>
      </c>
      <c r="CK26" s="113">
        <v>86069399</v>
      </c>
      <c r="CL26" s="116">
        <v>88507991</v>
      </c>
      <c r="CM26" s="110">
        <v>0</v>
      </c>
      <c r="CN26" s="114">
        <v>0</v>
      </c>
      <c r="CO26" s="113">
        <v>0</v>
      </c>
      <c r="CP26" s="111">
        <v>0</v>
      </c>
      <c r="CQ26" s="114">
        <v>17140519</v>
      </c>
      <c r="CR26" s="114">
        <v>24863419</v>
      </c>
      <c r="CS26" s="114">
        <v>17335349</v>
      </c>
      <c r="CT26" s="114">
        <v>11409646</v>
      </c>
      <c r="CU26" s="114">
        <v>3625647</v>
      </c>
      <c r="CV26" s="113">
        <v>74374580</v>
      </c>
      <c r="CW26" s="116">
        <v>74374580</v>
      </c>
      <c r="CX26" s="110">
        <v>553002</v>
      </c>
      <c r="CY26" s="114">
        <v>1885590</v>
      </c>
      <c r="CZ26" s="113">
        <v>2438592</v>
      </c>
      <c r="DA26" s="110">
        <v>0</v>
      </c>
      <c r="DB26" s="114">
        <v>2503252</v>
      </c>
      <c r="DC26" s="114">
        <v>4038594</v>
      </c>
      <c r="DD26" s="114">
        <v>3104022</v>
      </c>
      <c r="DE26" s="114">
        <v>736337</v>
      </c>
      <c r="DF26" s="114">
        <v>1312614</v>
      </c>
      <c r="DG26" s="113">
        <v>11694819</v>
      </c>
      <c r="DH26" s="116">
        <v>14133411</v>
      </c>
      <c r="DI26" s="110">
        <v>28210</v>
      </c>
      <c r="DJ26" s="114">
        <v>86830</v>
      </c>
      <c r="DK26" s="112">
        <v>115040</v>
      </c>
      <c r="DL26" s="111">
        <v>0</v>
      </c>
      <c r="DM26" s="114">
        <v>2131211</v>
      </c>
      <c r="DN26" s="114">
        <v>4314242</v>
      </c>
      <c r="DO26" s="114">
        <v>12150502</v>
      </c>
      <c r="DP26" s="114">
        <v>7005209</v>
      </c>
      <c r="DQ26" s="114">
        <v>5564750</v>
      </c>
      <c r="DR26" s="113">
        <v>31165914</v>
      </c>
      <c r="DS26" s="116">
        <v>31280954</v>
      </c>
      <c r="DT26" s="110">
        <v>28210</v>
      </c>
      <c r="DU26" s="114">
        <v>86830</v>
      </c>
      <c r="DV26" s="113">
        <v>115040</v>
      </c>
      <c r="DW26" s="110">
        <v>0</v>
      </c>
      <c r="DX26" s="114">
        <v>1917391</v>
      </c>
      <c r="DY26" s="114">
        <v>4106185</v>
      </c>
      <c r="DZ26" s="114">
        <v>11767184</v>
      </c>
      <c r="EA26" s="114">
        <v>6955081</v>
      </c>
      <c r="EB26" s="114">
        <v>5195120</v>
      </c>
      <c r="EC26" s="113">
        <v>29940961</v>
      </c>
      <c r="ED26" s="116">
        <v>30056001</v>
      </c>
      <c r="EE26" s="110">
        <v>0</v>
      </c>
      <c r="EF26" s="112">
        <v>0</v>
      </c>
      <c r="EG26" s="113">
        <v>0</v>
      </c>
      <c r="EH26" s="110">
        <v>0</v>
      </c>
      <c r="EI26" s="114">
        <v>213820</v>
      </c>
      <c r="EJ26" s="114">
        <v>208057</v>
      </c>
      <c r="EK26" s="114">
        <v>383318</v>
      </c>
      <c r="EL26" s="114">
        <v>50128</v>
      </c>
      <c r="EM26" s="114">
        <v>369630</v>
      </c>
      <c r="EN26" s="112">
        <v>1224953</v>
      </c>
      <c r="EO26" s="116">
        <v>1224953</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8"/>
      <c r="FE26" s="114">
        <v>0</v>
      </c>
      <c r="FF26" s="114">
        <v>0</v>
      </c>
      <c r="FG26" s="114">
        <v>0</v>
      </c>
      <c r="FH26" s="114">
        <v>0</v>
      </c>
      <c r="FI26" s="114">
        <v>0</v>
      </c>
      <c r="FJ26" s="113">
        <v>0</v>
      </c>
      <c r="FK26" s="116">
        <v>0</v>
      </c>
      <c r="FL26" s="110">
        <v>945743</v>
      </c>
      <c r="FM26" s="114">
        <v>2409032</v>
      </c>
      <c r="FN26" s="113">
        <v>3354775</v>
      </c>
      <c r="FO26" s="110">
        <v>0</v>
      </c>
      <c r="FP26" s="114">
        <v>3352122</v>
      </c>
      <c r="FQ26" s="114">
        <v>9609207</v>
      </c>
      <c r="FR26" s="114">
        <v>5795462</v>
      </c>
      <c r="FS26" s="114">
        <v>6010257</v>
      </c>
      <c r="FT26" s="114">
        <v>3465173</v>
      </c>
      <c r="FU26" s="113">
        <v>28232221</v>
      </c>
      <c r="FV26" s="116">
        <v>31586996</v>
      </c>
      <c r="FW26" s="115">
        <v>721949</v>
      </c>
      <c r="FX26" s="114">
        <v>2235467</v>
      </c>
      <c r="FY26" s="112">
        <v>2957416</v>
      </c>
      <c r="FZ26" s="111">
        <v>0</v>
      </c>
      <c r="GA26" s="114">
        <v>2675888</v>
      </c>
      <c r="GB26" s="114">
        <v>9019222</v>
      </c>
      <c r="GC26" s="114">
        <v>5568442</v>
      </c>
      <c r="GD26" s="114">
        <v>5494097</v>
      </c>
      <c r="GE26" s="114">
        <v>3465173</v>
      </c>
      <c r="GF26" s="113">
        <v>26222822</v>
      </c>
      <c r="GG26" s="319">
        <v>29180238</v>
      </c>
      <c r="GH26" s="115">
        <v>77094</v>
      </c>
      <c r="GI26" s="114">
        <v>56475</v>
      </c>
      <c r="GJ26" s="112">
        <v>133569</v>
      </c>
      <c r="GK26" s="111">
        <v>0</v>
      </c>
      <c r="GL26" s="114">
        <v>130674</v>
      </c>
      <c r="GM26" s="114">
        <v>201365</v>
      </c>
      <c r="GN26" s="114">
        <v>48600</v>
      </c>
      <c r="GO26" s="114">
        <v>239020</v>
      </c>
      <c r="GP26" s="114">
        <v>0</v>
      </c>
      <c r="GQ26" s="113">
        <v>619659</v>
      </c>
      <c r="GR26" s="116">
        <v>753228</v>
      </c>
      <c r="GS26" s="110">
        <v>146700</v>
      </c>
      <c r="GT26" s="114">
        <v>117090</v>
      </c>
      <c r="GU26" s="113">
        <v>263790</v>
      </c>
      <c r="GV26" s="110">
        <v>0</v>
      </c>
      <c r="GW26" s="114">
        <v>545560</v>
      </c>
      <c r="GX26" s="114">
        <v>388620</v>
      </c>
      <c r="GY26" s="114">
        <v>178420</v>
      </c>
      <c r="GZ26" s="114">
        <v>277140</v>
      </c>
      <c r="HA26" s="114">
        <v>0</v>
      </c>
      <c r="HB26" s="112">
        <v>1389740</v>
      </c>
      <c r="HC26" s="116">
        <v>1653530</v>
      </c>
      <c r="HD26" s="110">
        <v>1128175</v>
      </c>
      <c r="HE26" s="114">
        <v>1405460</v>
      </c>
      <c r="HF26" s="112">
        <v>2533635</v>
      </c>
      <c r="HG26" s="111">
        <v>0</v>
      </c>
      <c r="HH26" s="114">
        <v>10470491</v>
      </c>
      <c r="HI26" s="114">
        <v>14154786</v>
      </c>
      <c r="HJ26" s="114">
        <v>13420906</v>
      </c>
      <c r="HK26" s="114">
        <v>8162508</v>
      </c>
      <c r="HL26" s="114">
        <v>12542696</v>
      </c>
      <c r="HM26" s="113">
        <v>58751387</v>
      </c>
      <c r="HN26" s="109">
        <v>61285022</v>
      </c>
      <c r="HO26" s="115">
        <v>1154666</v>
      </c>
      <c r="HP26" s="114">
        <v>1877493</v>
      </c>
      <c r="HQ26" s="113">
        <v>3032159</v>
      </c>
      <c r="HR26" s="110">
        <v>0</v>
      </c>
      <c r="HS26" s="114">
        <v>11169178</v>
      </c>
      <c r="HT26" s="114">
        <v>13171215</v>
      </c>
      <c r="HU26" s="114">
        <v>7954683</v>
      </c>
      <c r="HV26" s="114">
        <v>5385824</v>
      </c>
      <c r="HW26" s="114">
        <v>2799536</v>
      </c>
      <c r="HX26" s="112">
        <v>40480436</v>
      </c>
      <c r="HY26" s="116">
        <v>43512595</v>
      </c>
      <c r="HZ26" s="150">
        <v>46943</v>
      </c>
      <c r="IA26" s="135">
        <v>93438</v>
      </c>
      <c r="IB26" s="150">
        <v>140381</v>
      </c>
      <c r="IC26" s="134">
        <v>0</v>
      </c>
      <c r="ID26" s="135">
        <v>13954122</v>
      </c>
      <c r="IE26" s="136">
        <v>23332828</v>
      </c>
      <c r="IF26" s="137">
        <v>19544597</v>
      </c>
      <c r="IG26" s="135">
        <v>11147751</v>
      </c>
      <c r="IH26" s="137">
        <v>9077306</v>
      </c>
      <c r="II26" s="138">
        <v>77056604</v>
      </c>
      <c r="IJ26" s="150">
        <v>77196985</v>
      </c>
      <c r="IK26" s="232">
        <v>0</v>
      </c>
      <c r="IL26" s="236">
        <v>0</v>
      </c>
      <c r="IM26" s="237">
        <v>0</v>
      </c>
      <c r="IN26" s="140"/>
      <c r="IO26" s="119">
        <v>76905</v>
      </c>
      <c r="IP26" s="119">
        <v>514833</v>
      </c>
      <c r="IQ26" s="119">
        <v>214055</v>
      </c>
      <c r="IR26" s="119">
        <v>477126</v>
      </c>
      <c r="IS26" s="119">
        <v>317433</v>
      </c>
      <c r="IT26" s="141">
        <v>1600352</v>
      </c>
      <c r="IU26" s="321">
        <v>1600352</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7766007</v>
      </c>
      <c r="JL26" s="119">
        <v>11673479</v>
      </c>
      <c r="JM26" s="119">
        <v>6119065</v>
      </c>
      <c r="JN26" s="119">
        <v>2917292</v>
      </c>
      <c r="JO26" s="119">
        <v>2115710</v>
      </c>
      <c r="JP26" s="120">
        <v>30591553</v>
      </c>
      <c r="JQ26" s="321">
        <v>30591553</v>
      </c>
      <c r="JR26" s="142">
        <v>0</v>
      </c>
      <c r="JS26" s="119">
        <v>9370</v>
      </c>
      <c r="JT26" s="141">
        <v>9370</v>
      </c>
      <c r="JU26" s="118">
        <v>0</v>
      </c>
      <c r="JV26" s="119">
        <v>0</v>
      </c>
      <c r="JW26" s="119">
        <v>0</v>
      </c>
      <c r="JX26" s="119">
        <v>0</v>
      </c>
      <c r="JY26" s="119">
        <v>0</v>
      </c>
      <c r="JZ26" s="119">
        <v>0</v>
      </c>
      <c r="KA26" s="120">
        <v>0</v>
      </c>
      <c r="KB26" s="321">
        <v>9370</v>
      </c>
      <c r="KC26" s="234">
        <v>46943</v>
      </c>
      <c r="KD26" s="230">
        <v>84068</v>
      </c>
      <c r="KE26" s="120">
        <v>131011</v>
      </c>
      <c r="KF26" s="118">
        <v>0</v>
      </c>
      <c r="KG26" s="119">
        <v>836612</v>
      </c>
      <c r="KH26" s="119">
        <v>1122366</v>
      </c>
      <c r="KI26" s="119">
        <v>4757242</v>
      </c>
      <c r="KJ26" s="119">
        <v>3505358</v>
      </c>
      <c r="KK26" s="119">
        <v>1560688</v>
      </c>
      <c r="KL26" s="120">
        <v>11782266</v>
      </c>
      <c r="KM26" s="143">
        <v>11913277</v>
      </c>
      <c r="KN26" s="232">
        <v>0</v>
      </c>
      <c r="KO26" s="236">
        <v>0</v>
      </c>
      <c r="KP26" s="237">
        <v>0</v>
      </c>
      <c r="KQ26" s="140"/>
      <c r="KR26" s="119">
        <v>5018880</v>
      </c>
      <c r="KS26" s="119">
        <v>9241854</v>
      </c>
      <c r="KT26" s="119">
        <v>7910676</v>
      </c>
      <c r="KU26" s="119">
        <v>3943490</v>
      </c>
      <c r="KV26" s="119">
        <v>3192713</v>
      </c>
      <c r="KW26" s="120">
        <v>29307613</v>
      </c>
      <c r="KX26" s="321">
        <v>29307613</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1">
        <v>0</v>
      </c>
      <c r="LU26" s="142">
        <v>0</v>
      </c>
      <c r="LV26" s="119">
        <v>0</v>
      </c>
      <c r="LW26" s="120">
        <v>0</v>
      </c>
      <c r="LX26" s="145"/>
      <c r="LY26" s="119">
        <v>255718</v>
      </c>
      <c r="LZ26" s="119">
        <v>780296</v>
      </c>
      <c r="MA26" s="119">
        <v>543559</v>
      </c>
      <c r="MB26" s="119">
        <v>304485</v>
      </c>
      <c r="MC26" s="119">
        <v>1890762</v>
      </c>
      <c r="MD26" s="120">
        <v>3774820</v>
      </c>
      <c r="ME26" s="121">
        <v>3774820</v>
      </c>
      <c r="MF26" s="142">
        <v>0</v>
      </c>
      <c r="MG26" s="119">
        <v>0</v>
      </c>
      <c r="MH26" s="120">
        <v>0</v>
      </c>
      <c r="MI26" s="145"/>
      <c r="MJ26" s="119">
        <v>5106769</v>
      </c>
      <c r="MK26" s="119">
        <v>11268474</v>
      </c>
      <c r="ML26" s="119">
        <v>56347501</v>
      </c>
      <c r="MM26" s="119">
        <v>66469148</v>
      </c>
      <c r="MN26" s="119">
        <v>53517867</v>
      </c>
      <c r="MO26" s="120">
        <v>192709759</v>
      </c>
      <c r="MP26" s="143">
        <v>192709759</v>
      </c>
      <c r="MQ26" s="142">
        <v>0</v>
      </c>
      <c r="MR26" s="119">
        <v>0</v>
      </c>
      <c r="MS26" s="120">
        <v>0</v>
      </c>
      <c r="MT26" s="145"/>
      <c r="MU26" s="119">
        <v>702001</v>
      </c>
      <c r="MV26" s="119">
        <v>3273122</v>
      </c>
      <c r="MW26" s="119">
        <v>45371937</v>
      </c>
      <c r="MX26" s="119">
        <v>49620149</v>
      </c>
      <c r="MY26" s="119">
        <v>39705130</v>
      </c>
      <c r="MZ26" s="120">
        <v>138672339</v>
      </c>
      <c r="NA26" s="143">
        <v>138672339</v>
      </c>
      <c r="NB26" s="142">
        <v>0</v>
      </c>
      <c r="NC26" s="119">
        <v>0</v>
      </c>
      <c r="ND26" s="120">
        <v>0</v>
      </c>
      <c r="NE26" s="145"/>
      <c r="NF26" s="119">
        <v>4404768</v>
      </c>
      <c r="NG26" s="119">
        <v>7995352</v>
      </c>
      <c r="NH26" s="119">
        <v>10222458</v>
      </c>
      <c r="NI26" s="119">
        <v>12948324</v>
      </c>
      <c r="NJ26" s="119">
        <v>8664103</v>
      </c>
      <c r="NK26" s="120">
        <v>44235005</v>
      </c>
      <c r="NL26" s="321">
        <v>44235005</v>
      </c>
      <c r="NM26" s="142">
        <v>0</v>
      </c>
      <c r="NN26" s="119">
        <v>0</v>
      </c>
      <c r="NO26" s="120">
        <v>0</v>
      </c>
      <c r="NP26" s="145"/>
      <c r="NQ26" s="119">
        <v>0</v>
      </c>
      <c r="NR26" s="119">
        <v>0</v>
      </c>
      <c r="NS26" s="119">
        <v>362074</v>
      </c>
      <c r="NT26" s="119">
        <v>341100</v>
      </c>
      <c r="NU26" s="119">
        <v>715978</v>
      </c>
      <c r="NV26" s="120">
        <v>1419152</v>
      </c>
      <c r="NW26" s="121">
        <v>1419152</v>
      </c>
      <c r="NX26" s="142">
        <v>0</v>
      </c>
      <c r="NY26" s="119">
        <v>0</v>
      </c>
      <c r="NZ26" s="120">
        <v>0</v>
      </c>
      <c r="OA26" s="145"/>
      <c r="OB26" s="119">
        <v>0</v>
      </c>
      <c r="OC26" s="119">
        <v>0</v>
      </c>
      <c r="OD26" s="119">
        <v>391032</v>
      </c>
      <c r="OE26" s="119">
        <v>3559575</v>
      </c>
      <c r="OF26" s="119">
        <v>4432656</v>
      </c>
      <c r="OG26" s="120">
        <v>8383263</v>
      </c>
      <c r="OH26" s="121">
        <v>8383263</v>
      </c>
      <c r="OI26" s="142">
        <v>5879157</v>
      </c>
      <c r="OJ26" s="119">
        <v>11798075</v>
      </c>
      <c r="OK26" s="141">
        <v>17677232</v>
      </c>
      <c r="OL26" s="118">
        <v>0</v>
      </c>
      <c r="OM26" s="119">
        <v>86517583</v>
      </c>
      <c r="ON26" s="119">
        <v>142012099</v>
      </c>
      <c r="OO26" s="119">
        <v>164303890</v>
      </c>
      <c r="OP26" s="119">
        <v>148466849</v>
      </c>
      <c r="OQ26" s="119">
        <v>118152158</v>
      </c>
      <c r="OR26" s="120">
        <v>659452579</v>
      </c>
      <c r="OS26" s="143">
        <v>677129811</v>
      </c>
    </row>
    <row r="27" spans="2:409" ht="18.75" customHeight="1" x14ac:dyDescent="0.2">
      <c r="B27" s="62" t="s">
        <v>22</v>
      </c>
      <c r="C27" s="110">
        <v>916105</v>
      </c>
      <c r="D27" s="114">
        <v>2847555</v>
      </c>
      <c r="E27" s="113">
        <v>3763660</v>
      </c>
      <c r="F27" s="109">
        <v>0</v>
      </c>
      <c r="G27" s="114">
        <v>27686425</v>
      </c>
      <c r="H27" s="114">
        <v>32485696</v>
      </c>
      <c r="I27" s="114">
        <v>25133757</v>
      </c>
      <c r="J27" s="114">
        <v>23656517</v>
      </c>
      <c r="K27" s="114">
        <v>17214655</v>
      </c>
      <c r="L27" s="173">
        <v>126177050</v>
      </c>
      <c r="M27" s="116">
        <v>129940710</v>
      </c>
      <c r="N27" s="110">
        <v>113213</v>
      </c>
      <c r="O27" s="114">
        <v>453644</v>
      </c>
      <c r="P27" s="113">
        <v>566857</v>
      </c>
      <c r="Q27" s="110">
        <v>0</v>
      </c>
      <c r="R27" s="114">
        <v>5073466</v>
      </c>
      <c r="S27" s="114">
        <v>8086032</v>
      </c>
      <c r="T27" s="114">
        <v>4567554</v>
      </c>
      <c r="U27" s="114">
        <v>8379249</v>
      </c>
      <c r="V27" s="114">
        <v>8397300</v>
      </c>
      <c r="W27" s="113">
        <v>34503601</v>
      </c>
      <c r="X27" s="116">
        <v>35070458</v>
      </c>
      <c r="Y27" s="110">
        <v>0</v>
      </c>
      <c r="Z27" s="114">
        <v>0</v>
      </c>
      <c r="AA27" s="113">
        <v>0</v>
      </c>
      <c r="AB27" s="110">
        <v>0</v>
      </c>
      <c r="AC27" s="114">
        <v>2345126</v>
      </c>
      <c r="AD27" s="114">
        <v>3331615</v>
      </c>
      <c r="AE27" s="114">
        <v>2287032</v>
      </c>
      <c r="AF27" s="114">
        <v>5233077</v>
      </c>
      <c r="AG27" s="114">
        <v>5110156</v>
      </c>
      <c r="AH27" s="113">
        <v>18307006</v>
      </c>
      <c r="AI27" s="116">
        <v>18307006</v>
      </c>
      <c r="AJ27" s="110">
        <v>0</v>
      </c>
      <c r="AK27" s="114">
        <v>0</v>
      </c>
      <c r="AL27" s="113">
        <v>0</v>
      </c>
      <c r="AM27" s="110">
        <v>0</v>
      </c>
      <c r="AN27" s="114">
        <v>0</v>
      </c>
      <c r="AO27" s="114">
        <v>49383</v>
      </c>
      <c r="AP27" s="114">
        <v>321869</v>
      </c>
      <c r="AQ27" s="114">
        <v>746435</v>
      </c>
      <c r="AR27" s="114">
        <v>1276071</v>
      </c>
      <c r="AS27" s="113">
        <v>2393758</v>
      </c>
      <c r="AT27" s="116">
        <v>2393758</v>
      </c>
      <c r="AU27" s="110">
        <v>65927</v>
      </c>
      <c r="AV27" s="114">
        <v>251289</v>
      </c>
      <c r="AW27" s="113">
        <v>317216</v>
      </c>
      <c r="AX27" s="110">
        <v>0</v>
      </c>
      <c r="AY27" s="114">
        <v>1554460</v>
      </c>
      <c r="AZ27" s="114">
        <v>2848695</v>
      </c>
      <c r="BA27" s="114">
        <v>825828</v>
      </c>
      <c r="BB27" s="114">
        <v>1451498</v>
      </c>
      <c r="BC27" s="114">
        <v>1445599</v>
      </c>
      <c r="BD27" s="113">
        <v>8126080</v>
      </c>
      <c r="BE27" s="116">
        <v>8443296</v>
      </c>
      <c r="BF27" s="110">
        <v>0</v>
      </c>
      <c r="BG27" s="114">
        <v>101160</v>
      </c>
      <c r="BH27" s="112">
        <v>101160</v>
      </c>
      <c r="BI27" s="111">
        <v>0</v>
      </c>
      <c r="BJ27" s="114">
        <v>343436</v>
      </c>
      <c r="BK27" s="114">
        <v>818115</v>
      </c>
      <c r="BL27" s="114">
        <v>353528</v>
      </c>
      <c r="BM27" s="114">
        <v>225232</v>
      </c>
      <c r="BN27" s="114">
        <v>156197</v>
      </c>
      <c r="BO27" s="113">
        <v>1896508</v>
      </c>
      <c r="BP27" s="116">
        <v>1997668</v>
      </c>
      <c r="BQ27" s="110">
        <v>47286</v>
      </c>
      <c r="BR27" s="114">
        <v>101195</v>
      </c>
      <c r="BS27" s="113">
        <v>148481</v>
      </c>
      <c r="BT27" s="110">
        <v>0</v>
      </c>
      <c r="BU27" s="114">
        <v>830444</v>
      </c>
      <c r="BV27" s="114">
        <v>1038224</v>
      </c>
      <c r="BW27" s="114">
        <v>779297</v>
      </c>
      <c r="BX27" s="114">
        <v>723007</v>
      </c>
      <c r="BY27" s="114">
        <v>409277</v>
      </c>
      <c r="BZ27" s="113">
        <v>3780249</v>
      </c>
      <c r="CA27" s="116">
        <v>3928730</v>
      </c>
      <c r="CB27" s="110">
        <v>0</v>
      </c>
      <c r="CC27" s="114">
        <v>345264</v>
      </c>
      <c r="CD27" s="113">
        <v>345264</v>
      </c>
      <c r="CE27" s="110">
        <v>0</v>
      </c>
      <c r="CF27" s="114">
        <v>9348416</v>
      </c>
      <c r="CG27" s="114">
        <v>9523304</v>
      </c>
      <c r="CH27" s="114">
        <v>6347011</v>
      </c>
      <c r="CI27" s="114">
        <v>4509615</v>
      </c>
      <c r="CJ27" s="114">
        <v>2414148</v>
      </c>
      <c r="CK27" s="113">
        <v>32142494</v>
      </c>
      <c r="CL27" s="116">
        <v>32487758</v>
      </c>
      <c r="CM27" s="110">
        <v>0</v>
      </c>
      <c r="CN27" s="114">
        <v>0</v>
      </c>
      <c r="CO27" s="113">
        <v>0</v>
      </c>
      <c r="CP27" s="111">
        <v>0</v>
      </c>
      <c r="CQ27" s="114">
        <v>8253936</v>
      </c>
      <c r="CR27" s="114">
        <v>8095762</v>
      </c>
      <c r="CS27" s="114">
        <v>4347227</v>
      </c>
      <c r="CT27" s="114">
        <v>3239730</v>
      </c>
      <c r="CU27" s="114">
        <v>1927389</v>
      </c>
      <c r="CV27" s="113">
        <v>25864044</v>
      </c>
      <c r="CW27" s="116">
        <v>25864044</v>
      </c>
      <c r="CX27" s="110">
        <v>0</v>
      </c>
      <c r="CY27" s="114">
        <v>345264</v>
      </c>
      <c r="CZ27" s="113">
        <v>345264</v>
      </c>
      <c r="DA27" s="110">
        <v>0</v>
      </c>
      <c r="DB27" s="114">
        <v>1094480</v>
      </c>
      <c r="DC27" s="114">
        <v>1427542</v>
      </c>
      <c r="DD27" s="114">
        <v>1999784</v>
      </c>
      <c r="DE27" s="114">
        <v>1269885</v>
      </c>
      <c r="DF27" s="114">
        <v>486759</v>
      </c>
      <c r="DG27" s="113">
        <v>6278450</v>
      </c>
      <c r="DH27" s="116">
        <v>6623714</v>
      </c>
      <c r="DI27" s="110">
        <v>0</v>
      </c>
      <c r="DJ27" s="114">
        <v>0</v>
      </c>
      <c r="DK27" s="112">
        <v>0</v>
      </c>
      <c r="DL27" s="111">
        <v>0</v>
      </c>
      <c r="DM27" s="114">
        <v>564715</v>
      </c>
      <c r="DN27" s="114">
        <v>1380270</v>
      </c>
      <c r="DO27" s="114">
        <v>4974835</v>
      </c>
      <c r="DP27" s="114">
        <v>1760012</v>
      </c>
      <c r="DQ27" s="114">
        <v>887673</v>
      </c>
      <c r="DR27" s="113">
        <v>9567505</v>
      </c>
      <c r="DS27" s="116">
        <v>9567505</v>
      </c>
      <c r="DT27" s="110">
        <v>0</v>
      </c>
      <c r="DU27" s="114">
        <v>0</v>
      </c>
      <c r="DV27" s="113">
        <v>0</v>
      </c>
      <c r="DW27" s="110">
        <v>0</v>
      </c>
      <c r="DX27" s="114">
        <v>564715</v>
      </c>
      <c r="DY27" s="114">
        <v>1347024</v>
      </c>
      <c r="DZ27" s="114">
        <v>4505581</v>
      </c>
      <c r="EA27" s="114">
        <v>1615150</v>
      </c>
      <c r="EB27" s="114">
        <v>697984</v>
      </c>
      <c r="EC27" s="113">
        <v>8730454</v>
      </c>
      <c r="ED27" s="116">
        <v>8730454</v>
      </c>
      <c r="EE27" s="110">
        <v>0</v>
      </c>
      <c r="EF27" s="112">
        <v>0</v>
      </c>
      <c r="EG27" s="113">
        <v>0</v>
      </c>
      <c r="EH27" s="110">
        <v>0</v>
      </c>
      <c r="EI27" s="114">
        <v>0</v>
      </c>
      <c r="EJ27" s="114">
        <v>33246</v>
      </c>
      <c r="EK27" s="114">
        <v>469254</v>
      </c>
      <c r="EL27" s="114">
        <v>144862</v>
      </c>
      <c r="EM27" s="114">
        <v>189689</v>
      </c>
      <c r="EN27" s="112">
        <v>837051</v>
      </c>
      <c r="EO27" s="116">
        <v>837051</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8"/>
      <c r="FE27" s="114">
        <v>0</v>
      </c>
      <c r="FF27" s="114">
        <v>0</v>
      </c>
      <c r="FG27" s="114">
        <v>0</v>
      </c>
      <c r="FH27" s="114">
        <v>0</v>
      </c>
      <c r="FI27" s="114">
        <v>0</v>
      </c>
      <c r="FJ27" s="113">
        <v>0</v>
      </c>
      <c r="FK27" s="116">
        <v>0</v>
      </c>
      <c r="FL27" s="110">
        <v>235797</v>
      </c>
      <c r="FM27" s="114">
        <v>883529</v>
      </c>
      <c r="FN27" s="113">
        <v>1119326</v>
      </c>
      <c r="FO27" s="110">
        <v>0</v>
      </c>
      <c r="FP27" s="114">
        <v>1671824</v>
      </c>
      <c r="FQ27" s="114">
        <v>3208972</v>
      </c>
      <c r="FR27" s="114">
        <v>2108066</v>
      </c>
      <c r="FS27" s="114">
        <v>1815188</v>
      </c>
      <c r="FT27" s="114">
        <v>1476344</v>
      </c>
      <c r="FU27" s="113">
        <v>10280394</v>
      </c>
      <c r="FV27" s="116">
        <v>11399720</v>
      </c>
      <c r="FW27" s="115">
        <v>194397</v>
      </c>
      <c r="FX27" s="114">
        <v>804365</v>
      </c>
      <c r="FY27" s="112">
        <v>998762</v>
      </c>
      <c r="FZ27" s="111">
        <v>0</v>
      </c>
      <c r="GA27" s="114">
        <v>1564452</v>
      </c>
      <c r="GB27" s="114">
        <v>2737960</v>
      </c>
      <c r="GC27" s="114">
        <v>2001682</v>
      </c>
      <c r="GD27" s="114">
        <v>1770980</v>
      </c>
      <c r="GE27" s="114">
        <v>1476344</v>
      </c>
      <c r="GF27" s="113">
        <v>9551418</v>
      </c>
      <c r="GG27" s="319">
        <v>10550180</v>
      </c>
      <c r="GH27" s="115">
        <v>0</v>
      </c>
      <c r="GI27" s="114">
        <v>21384</v>
      </c>
      <c r="GJ27" s="112">
        <v>21384</v>
      </c>
      <c r="GK27" s="111">
        <v>0</v>
      </c>
      <c r="GL27" s="114">
        <v>80372</v>
      </c>
      <c r="GM27" s="114">
        <v>125232</v>
      </c>
      <c r="GN27" s="114">
        <v>79024</v>
      </c>
      <c r="GO27" s="114">
        <v>44208</v>
      </c>
      <c r="GP27" s="114">
        <v>0</v>
      </c>
      <c r="GQ27" s="113">
        <v>328836</v>
      </c>
      <c r="GR27" s="116">
        <v>350220</v>
      </c>
      <c r="GS27" s="110">
        <v>41400</v>
      </c>
      <c r="GT27" s="114">
        <v>57780</v>
      </c>
      <c r="GU27" s="113">
        <v>99180</v>
      </c>
      <c r="GV27" s="110">
        <v>0</v>
      </c>
      <c r="GW27" s="114">
        <v>27000</v>
      </c>
      <c r="GX27" s="114">
        <v>345780</v>
      </c>
      <c r="GY27" s="114">
        <v>27360</v>
      </c>
      <c r="GZ27" s="114">
        <v>0</v>
      </c>
      <c r="HA27" s="114">
        <v>0</v>
      </c>
      <c r="HB27" s="112">
        <v>400140</v>
      </c>
      <c r="HC27" s="116">
        <v>499320</v>
      </c>
      <c r="HD27" s="110">
        <v>349235</v>
      </c>
      <c r="HE27" s="114">
        <v>465527</v>
      </c>
      <c r="HF27" s="112">
        <v>814762</v>
      </c>
      <c r="HG27" s="111">
        <v>0</v>
      </c>
      <c r="HH27" s="114">
        <v>5174626</v>
      </c>
      <c r="HI27" s="114">
        <v>5210342</v>
      </c>
      <c r="HJ27" s="114">
        <v>4318263</v>
      </c>
      <c r="HK27" s="114">
        <v>5114254</v>
      </c>
      <c r="HL27" s="114">
        <v>2924722</v>
      </c>
      <c r="HM27" s="113">
        <v>22742207</v>
      </c>
      <c r="HN27" s="109">
        <v>23556969</v>
      </c>
      <c r="HO27" s="115">
        <v>217860</v>
      </c>
      <c r="HP27" s="114">
        <v>699591</v>
      </c>
      <c r="HQ27" s="113">
        <v>917451</v>
      </c>
      <c r="HR27" s="110">
        <v>0</v>
      </c>
      <c r="HS27" s="114">
        <v>5853378</v>
      </c>
      <c r="HT27" s="114">
        <v>5076776</v>
      </c>
      <c r="HU27" s="114">
        <v>2818028</v>
      </c>
      <c r="HV27" s="114">
        <v>2078199</v>
      </c>
      <c r="HW27" s="114">
        <v>1114468</v>
      </c>
      <c r="HX27" s="112">
        <v>16940849</v>
      </c>
      <c r="HY27" s="116">
        <v>17858300</v>
      </c>
      <c r="HZ27" s="131">
        <v>113421</v>
      </c>
      <c r="IA27" s="132">
        <v>160614</v>
      </c>
      <c r="IB27" s="133">
        <v>274035</v>
      </c>
      <c r="IC27" s="146">
        <v>0</v>
      </c>
      <c r="ID27" s="132">
        <v>12811306</v>
      </c>
      <c r="IE27" s="147">
        <v>14706954</v>
      </c>
      <c r="IF27" s="133">
        <v>11659471</v>
      </c>
      <c r="IG27" s="132">
        <v>12547279</v>
      </c>
      <c r="IH27" s="133">
        <v>4782996</v>
      </c>
      <c r="II27" s="148">
        <v>56508006</v>
      </c>
      <c r="IJ27" s="139">
        <v>56782041</v>
      </c>
      <c r="IK27" s="232">
        <v>0</v>
      </c>
      <c r="IL27" s="236">
        <v>0</v>
      </c>
      <c r="IM27" s="237">
        <v>0</v>
      </c>
      <c r="IN27" s="140"/>
      <c r="IO27" s="119">
        <v>220519</v>
      </c>
      <c r="IP27" s="119">
        <v>596594</v>
      </c>
      <c r="IQ27" s="119">
        <v>778905</v>
      </c>
      <c r="IR27" s="119">
        <v>219240</v>
      </c>
      <c r="IS27" s="119">
        <v>0</v>
      </c>
      <c r="IT27" s="141">
        <v>1815258</v>
      </c>
      <c r="IU27" s="321">
        <v>1815258</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7273544</v>
      </c>
      <c r="JL27" s="119">
        <v>6722539</v>
      </c>
      <c r="JM27" s="119">
        <v>4259952</v>
      </c>
      <c r="JN27" s="119">
        <v>2777119</v>
      </c>
      <c r="JO27" s="119">
        <v>967482</v>
      </c>
      <c r="JP27" s="120">
        <v>22000636</v>
      </c>
      <c r="JQ27" s="321">
        <v>22000636</v>
      </c>
      <c r="JR27" s="142">
        <v>0</v>
      </c>
      <c r="JS27" s="119">
        <v>0</v>
      </c>
      <c r="JT27" s="141">
        <v>0</v>
      </c>
      <c r="JU27" s="118">
        <v>0</v>
      </c>
      <c r="JV27" s="119">
        <v>522965</v>
      </c>
      <c r="JW27" s="119">
        <v>501723</v>
      </c>
      <c r="JX27" s="119">
        <v>928852</v>
      </c>
      <c r="JY27" s="119">
        <v>285182</v>
      </c>
      <c r="JZ27" s="119">
        <v>209394</v>
      </c>
      <c r="KA27" s="120">
        <v>2448116</v>
      </c>
      <c r="KB27" s="321">
        <v>2448116</v>
      </c>
      <c r="KC27" s="234">
        <v>113421</v>
      </c>
      <c r="KD27" s="230">
        <v>160614</v>
      </c>
      <c r="KE27" s="120">
        <v>274035</v>
      </c>
      <c r="KF27" s="118">
        <v>0</v>
      </c>
      <c r="KG27" s="119">
        <v>1753872</v>
      </c>
      <c r="KH27" s="119">
        <v>2181212</v>
      </c>
      <c r="KI27" s="119">
        <v>1814337</v>
      </c>
      <c r="KJ27" s="119">
        <v>1537074</v>
      </c>
      <c r="KK27" s="119">
        <v>846909</v>
      </c>
      <c r="KL27" s="120">
        <v>8133404</v>
      </c>
      <c r="KM27" s="143">
        <v>8407439</v>
      </c>
      <c r="KN27" s="232">
        <v>0</v>
      </c>
      <c r="KO27" s="236">
        <v>0</v>
      </c>
      <c r="KP27" s="237">
        <v>0</v>
      </c>
      <c r="KQ27" s="140"/>
      <c r="KR27" s="119">
        <v>3040406</v>
      </c>
      <c r="KS27" s="119">
        <v>4704886</v>
      </c>
      <c r="KT27" s="119">
        <v>3111453</v>
      </c>
      <c r="KU27" s="119">
        <v>1950151</v>
      </c>
      <c r="KV27" s="119">
        <v>564228</v>
      </c>
      <c r="KW27" s="120">
        <v>13371124</v>
      </c>
      <c r="KX27" s="321">
        <v>13371124</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765972</v>
      </c>
      <c r="LQ27" s="119">
        <v>5778513</v>
      </c>
      <c r="LR27" s="119">
        <v>2194983</v>
      </c>
      <c r="LS27" s="120">
        <v>8739468</v>
      </c>
      <c r="LT27" s="321">
        <v>8739468</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2651193</v>
      </c>
      <c r="MK27" s="119">
        <v>7544815</v>
      </c>
      <c r="ML27" s="119">
        <v>20117848</v>
      </c>
      <c r="MM27" s="119">
        <v>28462449</v>
      </c>
      <c r="MN27" s="119">
        <v>17743301</v>
      </c>
      <c r="MO27" s="120">
        <v>76519606</v>
      </c>
      <c r="MP27" s="143">
        <v>76519606</v>
      </c>
      <c r="MQ27" s="142">
        <v>0</v>
      </c>
      <c r="MR27" s="119">
        <v>0</v>
      </c>
      <c r="MS27" s="120">
        <v>0</v>
      </c>
      <c r="MT27" s="145"/>
      <c r="MU27" s="119">
        <v>471848</v>
      </c>
      <c r="MV27" s="119">
        <v>774774</v>
      </c>
      <c r="MW27" s="119">
        <v>11105661</v>
      </c>
      <c r="MX27" s="119">
        <v>16550507</v>
      </c>
      <c r="MY27" s="119">
        <v>9187401</v>
      </c>
      <c r="MZ27" s="120">
        <v>38090191</v>
      </c>
      <c r="NA27" s="143">
        <v>38090191</v>
      </c>
      <c r="NB27" s="142">
        <v>0</v>
      </c>
      <c r="NC27" s="119">
        <v>0</v>
      </c>
      <c r="ND27" s="120">
        <v>0</v>
      </c>
      <c r="NE27" s="145"/>
      <c r="NF27" s="119">
        <v>2179345</v>
      </c>
      <c r="NG27" s="119">
        <v>6770041</v>
      </c>
      <c r="NH27" s="119">
        <v>8704396</v>
      </c>
      <c r="NI27" s="119">
        <v>11155901</v>
      </c>
      <c r="NJ27" s="119">
        <v>5764117</v>
      </c>
      <c r="NK27" s="120">
        <v>34573800</v>
      </c>
      <c r="NL27" s="321">
        <v>34573800</v>
      </c>
      <c r="NM27" s="142">
        <v>0</v>
      </c>
      <c r="NN27" s="119">
        <v>0</v>
      </c>
      <c r="NO27" s="120">
        <v>0</v>
      </c>
      <c r="NP27" s="145"/>
      <c r="NQ27" s="119">
        <v>0</v>
      </c>
      <c r="NR27" s="119">
        <v>0</v>
      </c>
      <c r="NS27" s="119">
        <v>0</v>
      </c>
      <c r="NT27" s="119">
        <v>0</v>
      </c>
      <c r="NU27" s="119">
        <v>1551456</v>
      </c>
      <c r="NV27" s="120">
        <v>1551456</v>
      </c>
      <c r="NW27" s="121">
        <v>1551456</v>
      </c>
      <c r="NX27" s="142">
        <v>0</v>
      </c>
      <c r="NY27" s="119">
        <v>0</v>
      </c>
      <c r="NZ27" s="120">
        <v>0</v>
      </c>
      <c r="OA27" s="145"/>
      <c r="OB27" s="119">
        <v>0</v>
      </c>
      <c r="OC27" s="119">
        <v>0</v>
      </c>
      <c r="OD27" s="119">
        <v>307791</v>
      </c>
      <c r="OE27" s="119">
        <v>756041</v>
      </c>
      <c r="OF27" s="119">
        <v>1240327</v>
      </c>
      <c r="OG27" s="120">
        <v>2304159</v>
      </c>
      <c r="OH27" s="121">
        <v>2304159</v>
      </c>
      <c r="OI27" s="142">
        <v>1029526</v>
      </c>
      <c r="OJ27" s="119">
        <v>3008169</v>
      </c>
      <c r="OK27" s="141">
        <v>4037695</v>
      </c>
      <c r="OL27" s="118">
        <v>0</v>
      </c>
      <c r="OM27" s="119">
        <v>43148924</v>
      </c>
      <c r="ON27" s="119">
        <v>54737465</v>
      </c>
      <c r="OO27" s="119">
        <v>56911076</v>
      </c>
      <c r="OP27" s="119">
        <v>64666245</v>
      </c>
      <c r="OQ27" s="119">
        <v>39740952</v>
      </c>
      <c r="OR27" s="120">
        <v>259204662</v>
      </c>
      <c r="OS27" s="143">
        <v>263242357</v>
      </c>
    </row>
    <row r="28" spans="2:409" ht="18.75" customHeight="1" x14ac:dyDescent="0.2">
      <c r="B28" s="62" t="s">
        <v>23</v>
      </c>
      <c r="C28" s="110">
        <v>2643599</v>
      </c>
      <c r="D28" s="114">
        <v>6005016</v>
      </c>
      <c r="E28" s="113">
        <v>8648615</v>
      </c>
      <c r="F28" s="109">
        <v>0</v>
      </c>
      <c r="G28" s="114">
        <v>50072665</v>
      </c>
      <c r="H28" s="114">
        <v>63073997</v>
      </c>
      <c r="I28" s="114">
        <v>47286625</v>
      </c>
      <c r="J28" s="114">
        <v>50503000</v>
      </c>
      <c r="K28" s="114">
        <v>31571329</v>
      </c>
      <c r="L28" s="173">
        <v>242507616</v>
      </c>
      <c r="M28" s="116">
        <v>251156231</v>
      </c>
      <c r="N28" s="110">
        <v>767318</v>
      </c>
      <c r="O28" s="114">
        <v>1864166</v>
      </c>
      <c r="P28" s="113">
        <v>2631484</v>
      </c>
      <c r="Q28" s="110">
        <v>0</v>
      </c>
      <c r="R28" s="114">
        <v>12002303</v>
      </c>
      <c r="S28" s="114">
        <v>16414648</v>
      </c>
      <c r="T28" s="114">
        <v>12658300</v>
      </c>
      <c r="U28" s="114">
        <v>14743946</v>
      </c>
      <c r="V28" s="114">
        <v>12139828</v>
      </c>
      <c r="W28" s="113">
        <v>67959025</v>
      </c>
      <c r="X28" s="116">
        <v>70590509</v>
      </c>
      <c r="Y28" s="110">
        <v>0</v>
      </c>
      <c r="Z28" s="114">
        <v>0</v>
      </c>
      <c r="AA28" s="113">
        <v>0</v>
      </c>
      <c r="AB28" s="110">
        <v>0</v>
      </c>
      <c r="AC28" s="114">
        <v>5324286</v>
      </c>
      <c r="AD28" s="114">
        <v>7563956</v>
      </c>
      <c r="AE28" s="114">
        <v>7216098</v>
      </c>
      <c r="AF28" s="114">
        <v>7745015</v>
      </c>
      <c r="AG28" s="114">
        <v>6661792</v>
      </c>
      <c r="AH28" s="113">
        <v>34511147</v>
      </c>
      <c r="AI28" s="116">
        <v>34511147</v>
      </c>
      <c r="AJ28" s="110">
        <v>0</v>
      </c>
      <c r="AK28" s="114">
        <v>0</v>
      </c>
      <c r="AL28" s="113">
        <v>0</v>
      </c>
      <c r="AM28" s="110">
        <v>0</v>
      </c>
      <c r="AN28" s="114">
        <v>15089</v>
      </c>
      <c r="AO28" s="114">
        <v>214602</v>
      </c>
      <c r="AP28" s="114">
        <v>422657</v>
      </c>
      <c r="AQ28" s="114">
        <v>916788</v>
      </c>
      <c r="AR28" s="114">
        <v>1148158</v>
      </c>
      <c r="AS28" s="113">
        <v>2717294</v>
      </c>
      <c r="AT28" s="116">
        <v>2717294</v>
      </c>
      <c r="AU28" s="110">
        <v>595136</v>
      </c>
      <c r="AV28" s="114">
        <v>1376030</v>
      </c>
      <c r="AW28" s="113">
        <v>1971166</v>
      </c>
      <c r="AX28" s="110">
        <v>0</v>
      </c>
      <c r="AY28" s="114">
        <v>3992320</v>
      </c>
      <c r="AZ28" s="114">
        <v>5888456</v>
      </c>
      <c r="BA28" s="114">
        <v>2927205</v>
      </c>
      <c r="BB28" s="114">
        <v>3712734</v>
      </c>
      <c r="BC28" s="114">
        <v>2806757</v>
      </c>
      <c r="BD28" s="113">
        <v>19327472</v>
      </c>
      <c r="BE28" s="116">
        <v>21298638</v>
      </c>
      <c r="BF28" s="110">
        <v>53859</v>
      </c>
      <c r="BG28" s="114">
        <v>363170</v>
      </c>
      <c r="BH28" s="112">
        <v>417029</v>
      </c>
      <c r="BI28" s="111">
        <v>0</v>
      </c>
      <c r="BJ28" s="114">
        <v>284450</v>
      </c>
      <c r="BK28" s="114">
        <v>611443</v>
      </c>
      <c r="BL28" s="114">
        <v>322306</v>
      </c>
      <c r="BM28" s="114">
        <v>262785</v>
      </c>
      <c r="BN28" s="114">
        <v>110866</v>
      </c>
      <c r="BO28" s="113">
        <v>1591850</v>
      </c>
      <c r="BP28" s="116">
        <v>2008879</v>
      </c>
      <c r="BQ28" s="110">
        <v>118323</v>
      </c>
      <c r="BR28" s="114">
        <v>124966</v>
      </c>
      <c r="BS28" s="113">
        <v>243289</v>
      </c>
      <c r="BT28" s="110">
        <v>0</v>
      </c>
      <c r="BU28" s="114">
        <v>2386158</v>
      </c>
      <c r="BV28" s="114">
        <v>2136191</v>
      </c>
      <c r="BW28" s="114">
        <v>1770034</v>
      </c>
      <c r="BX28" s="114">
        <v>2106624</v>
      </c>
      <c r="BY28" s="114">
        <v>1412255</v>
      </c>
      <c r="BZ28" s="113">
        <v>9811262</v>
      </c>
      <c r="CA28" s="116">
        <v>10054551</v>
      </c>
      <c r="CB28" s="110">
        <v>118386</v>
      </c>
      <c r="CC28" s="114">
        <v>440370</v>
      </c>
      <c r="CD28" s="113">
        <v>558756</v>
      </c>
      <c r="CE28" s="110">
        <v>0</v>
      </c>
      <c r="CF28" s="114">
        <v>17403668</v>
      </c>
      <c r="CG28" s="114">
        <v>21858551</v>
      </c>
      <c r="CH28" s="114">
        <v>14589662</v>
      </c>
      <c r="CI28" s="114">
        <v>11632774</v>
      </c>
      <c r="CJ28" s="114">
        <v>4539659</v>
      </c>
      <c r="CK28" s="113">
        <v>70024314</v>
      </c>
      <c r="CL28" s="116">
        <v>70583070</v>
      </c>
      <c r="CM28" s="110">
        <v>0</v>
      </c>
      <c r="CN28" s="114">
        <v>0</v>
      </c>
      <c r="CO28" s="113">
        <v>0</v>
      </c>
      <c r="CP28" s="111">
        <v>0</v>
      </c>
      <c r="CQ28" s="114">
        <v>15055847</v>
      </c>
      <c r="CR28" s="114">
        <v>17646215</v>
      </c>
      <c r="CS28" s="114">
        <v>11884485</v>
      </c>
      <c r="CT28" s="114">
        <v>9419267</v>
      </c>
      <c r="CU28" s="114">
        <v>4250967</v>
      </c>
      <c r="CV28" s="113">
        <v>58256781</v>
      </c>
      <c r="CW28" s="116">
        <v>58256781</v>
      </c>
      <c r="CX28" s="110">
        <v>118386</v>
      </c>
      <c r="CY28" s="114">
        <v>440370</v>
      </c>
      <c r="CZ28" s="113">
        <v>558756</v>
      </c>
      <c r="DA28" s="110">
        <v>0</v>
      </c>
      <c r="DB28" s="114">
        <v>2347821</v>
      </c>
      <c r="DC28" s="114">
        <v>4212336</v>
      </c>
      <c r="DD28" s="114">
        <v>2705177</v>
      </c>
      <c r="DE28" s="114">
        <v>2213507</v>
      </c>
      <c r="DF28" s="114">
        <v>288692</v>
      </c>
      <c r="DG28" s="113">
        <v>11767533</v>
      </c>
      <c r="DH28" s="116">
        <v>12326289</v>
      </c>
      <c r="DI28" s="110">
        <v>33327</v>
      </c>
      <c r="DJ28" s="114">
        <v>72568</v>
      </c>
      <c r="DK28" s="112">
        <v>105895</v>
      </c>
      <c r="DL28" s="111">
        <v>0</v>
      </c>
      <c r="DM28" s="114">
        <v>1390176</v>
      </c>
      <c r="DN28" s="114">
        <v>3501978</v>
      </c>
      <c r="DO28" s="114">
        <v>4070250</v>
      </c>
      <c r="DP28" s="114">
        <v>5464235</v>
      </c>
      <c r="DQ28" s="114">
        <v>3086571</v>
      </c>
      <c r="DR28" s="113">
        <v>17513210</v>
      </c>
      <c r="DS28" s="116">
        <v>17619105</v>
      </c>
      <c r="DT28" s="110">
        <v>33327</v>
      </c>
      <c r="DU28" s="114">
        <v>72568</v>
      </c>
      <c r="DV28" s="113">
        <v>105895</v>
      </c>
      <c r="DW28" s="110">
        <v>0</v>
      </c>
      <c r="DX28" s="114">
        <v>1335427</v>
      </c>
      <c r="DY28" s="114">
        <v>3293669</v>
      </c>
      <c r="DZ28" s="114">
        <v>4070250</v>
      </c>
      <c r="EA28" s="114">
        <v>5254013</v>
      </c>
      <c r="EB28" s="114">
        <v>2576692</v>
      </c>
      <c r="EC28" s="113">
        <v>16530051</v>
      </c>
      <c r="ED28" s="116">
        <v>16635946</v>
      </c>
      <c r="EE28" s="110">
        <v>0</v>
      </c>
      <c r="EF28" s="112">
        <v>0</v>
      </c>
      <c r="EG28" s="113">
        <v>0</v>
      </c>
      <c r="EH28" s="110">
        <v>0</v>
      </c>
      <c r="EI28" s="114">
        <v>54749</v>
      </c>
      <c r="EJ28" s="114">
        <v>208309</v>
      </c>
      <c r="EK28" s="114">
        <v>0</v>
      </c>
      <c r="EL28" s="114">
        <v>210222</v>
      </c>
      <c r="EM28" s="114">
        <v>509879</v>
      </c>
      <c r="EN28" s="112">
        <v>983159</v>
      </c>
      <c r="EO28" s="116">
        <v>983159</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8"/>
      <c r="FE28" s="114">
        <v>0</v>
      </c>
      <c r="FF28" s="114">
        <v>0</v>
      </c>
      <c r="FG28" s="114">
        <v>0</v>
      </c>
      <c r="FH28" s="114">
        <v>0</v>
      </c>
      <c r="FI28" s="114">
        <v>0</v>
      </c>
      <c r="FJ28" s="113">
        <v>0</v>
      </c>
      <c r="FK28" s="116">
        <v>0</v>
      </c>
      <c r="FL28" s="110">
        <v>877693</v>
      </c>
      <c r="FM28" s="114">
        <v>2053026</v>
      </c>
      <c r="FN28" s="113">
        <v>2930719</v>
      </c>
      <c r="FO28" s="110">
        <v>0</v>
      </c>
      <c r="FP28" s="114">
        <v>2955358</v>
      </c>
      <c r="FQ28" s="114">
        <v>5990946</v>
      </c>
      <c r="FR28" s="114">
        <v>3659657</v>
      </c>
      <c r="FS28" s="114">
        <v>3709744</v>
      </c>
      <c r="FT28" s="114">
        <v>1813353</v>
      </c>
      <c r="FU28" s="113">
        <v>18129058</v>
      </c>
      <c r="FV28" s="116">
        <v>21059777</v>
      </c>
      <c r="FW28" s="115">
        <v>495643</v>
      </c>
      <c r="FX28" s="114">
        <v>1399932</v>
      </c>
      <c r="FY28" s="112">
        <v>1895575</v>
      </c>
      <c r="FZ28" s="111">
        <v>0</v>
      </c>
      <c r="GA28" s="114">
        <v>2167948</v>
      </c>
      <c r="GB28" s="114">
        <v>5352998</v>
      </c>
      <c r="GC28" s="114">
        <v>3289757</v>
      </c>
      <c r="GD28" s="114">
        <v>3387104</v>
      </c>
      <c r="GE28" s="114">
        <v>1771377</v>
      </c>
      <c r="GF28" s="113">
        <v>15969184</v>
      </c>
      <c r="GG28" s="319">
        <v>17864759</v>
      </c>
      <c r="GH28" s="115">
        <v>0</v>
      </c>
      <c r="GI28" s="114">
        <v>81954</v>
      </c>
      <c r="GJ28" s="112">
        <v>81954</v>
      </c>
      <c r="GK28" s="111">
        <v>0</v>
      </c>
      <c r="GL28" s="114">
        <v>112050</v>
      </c>
      <c r="GM28" s="114">
        <v>84762</v>
      </c>
      <c r="GN28" s="114">
        <v>0</v>
      </c>
      <c r="GO28" s="114">
        <v>197000</v>
      </c>
      <c r="GP28" s="114">
        <v>41976</v>
      </c>
      <c r="GQ28" s="113">
        <v>435788</v>
      </c>
      <c r="GR28" s="116">
        <v>517742</v>
      </c>
      <c r="GS28" s="110">
        <v>382050</v>
      </c>
      <c r="GT28" s="114">
        <v>571140</v>
      </c>
      <c r="GU28" s="113">
        <v>953190</v>
      </c>
      <c r="GV28" s="110">
        <v>0</v>
      </c>
      <c r="GW28" s="114">
        <v>675360</v>
      </c>
      <c r="GX28" s="114">
        <v>553186</v>
      </c>
      <c r="GY28" s="114">
        <v>369900</v>
      </c>
      <c r="GZ28" s="114">
        <v>125640</v>
      </c>
      <c r="HA28" s="114">
        <v>0</v>
      </c>
      <c r="HB28" s="112">
        <v>1724086</v>
      </c>
      <c r="HC28" s="116">
        <v>2677276</v>
      </c>
      <c r="HD28" s="110">
        <v>301565</v>
      </c>
      <c r="HE28" s="114">
        <v>393448</v>
      </c>
      <c r="HF28" s="112">
        <v>695013</v>
      </c>
      <c r="HG28" s="111">
        <v>0</v>
      </c>
      <c r="HH28" s="114">
        <v>8380855</v>
      </c>
      <c r="HI28" s="114">
        <v>7534592</v>
      </c>
      <c r="HJ28" s="114">
        <v>7648313</v>
      </c>
      <c r="HK28" s="114">
        <v>11324188</v>
      </c>
      <c r="HL28" s="114">
        <v>8312154</v>
      </c>
      <c r="HM28" s="113">
        <v>43200102</v>
      </c>
      <c r="HN28" s="109">
        <v>43895115</v>
      </c>
      <c r="HO28" s="115">
        <v>545310</v>
      </c>
      <c r="HP28" s="114">
        <v>1181438</v>
      </c>
      <c r="HQ28" s="113">
        <v>1726748</v>
      </c>
      <c r="HR28" s="110">
        <v>0</v>
      </c>
      <c r="HS28" s="114">
        <v>7940305</v>
      </c>
      <c r="HT28" s="114">
        <v>7773282</v>
      </c>
      <c r="HU28" s="114">
        <v>4660443</v>
      </c>
      <c r="HV28" s="114">
        <v>3628113</v>
      </c>
      <c r="HW28" s="114">
        <v>1679764</v>
      </c>
      <c r="HX28" s="112">
        <v>25681907</v>
      </c>
      <c r="HY28" s="116">
        <v>27408655</v>
      </c>
      <c r="HZ28" s="150">
        <v>0</v>
      </c>
      <c r="IA28" s="135">
        <v>250031</v>
      </c>
      <c r="IB28" s="150">
        <v>250031</v>
      </c>
      <c r="IC28" s="134">
        <v>0</v>
      </c>
      <c r="ID28" s="135">
        <v>10601271</v>
      </c>
      <c r="IE28" s="136">
        <v>7995633</v>
      </c>
      <c r="IF28" s="137">
        <v>8558344</v>
      </c>
      <c r="IG28" s="135">
        <v>5805757</v>
      </c>
      <c r="IH28" s="137">
        <v>2703819</v>
      </c>
      <c r="II28" s="138">
        <v>35664824</v>
      </c>
      <c r="IJ28" s="150">
        <v>35914855</v>
      </c>
      <c r="IK28" s="232">
        <v>0</v>
      </c>
      <c r="IL28" s="236">
        <v>0</v>
      </c>
      <c r="IM28" s="237">
        <v>0</v>
      </c>
      <c r="IN28" s="140"/>
      <c r="IO28" s="119">
        <v>97650</v>
      </c>
      <c r="IP28" s="119">
        <v>105389</v>
      </c>
      <c r="IQ28" s="119">
        <v>0</v>
      </c>
      <c r="IR28" s="119">
        <v>0</v>
      </c>
      <c r="IS28" s="119">
        <v>267732</v>
      </c>
      <c r="IT28" s="141">
        <v>470771</v>
      </c>
      <c r="IU28" s="321">
        <v>470771</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773185</v>
      </c>
      <c r="JL28" s="119">
        <v>2807816</v>
      </c>
      <c r="JM28" s="119">
        <v>1491842</v>
      </c>
      <c r="JN28" s="119">
        <v>1363197</v>
      </c>
      <c r="JO28" s="119">
        <v>347395</v>
      </c>
      <c r="JP28" s="120">
        <v>8783435</v>
      </c>
      <c r="JQ28" s="321">
        <v>8783435</v>
      </c>
      <c r="JR28" s="142">
        <v>0</v>
      </c>
      <c r="JS28" s="119">
        <v>0</v>
      </c>
      <c r="JT28" s="141">
        <v>0</v>
      </c>
      <c r="JU28" s="118">
        <v>0</v>
      </c>
      <c r="JV28" s="119">
        <v>0</v>
      </c>
      <c r="JW28" s="119">
        <v>45158</v>
      </c>
      <c r="JX28" s="119">
        <v>86911</v>
      </c>
      <c r="JY28" s="119">
        <v>254634</v>
      </c>
      <c r="JZ28" s="119">
        <v>0</v>
      </c>
      <c r="KA28" s="120">
        <v>386703</v>
      </c>
      <c r="KB28" s="321">
        <v>386703</v>
      </c>
      <c r="KC28" s="234">
        <v>0</v>
      </c>
      <c r="KD28" s="230">
        <v>0</v>
      </c>
      <c r="KE28" s="120">
        <v>0</v>
      </c>
      <c r="KF28" s="118">
        <v>0</v>
      </c>
      <c r="KG28" s="119">
        <v>846845</v>
      </c>
      <c r="KH28" s="119">
        <v>373494</v>
      </c>
      <c r="KI28" s="119">
        <v>1751220</v>
      </c>
      <c r="KJ28" s="119">
        <v>280163</v>
      </c>
      <c r="KK28" s="119">
        <v>0</v>
      </c>
      <c r="KL28" s="120">
        <v>3251722</v>
      </c>
      <c r="KM28" s="143">
        <v>3251722</v>
      </c>
      <c r="KN28" s="232">
        <v>0</v>
      </c>
      <c r="KO28" s="236">
        <v>250031</v>
      </c>
      <c r="KP28" s="237">
        <v>250031</v>
      </c>
      <c r="KQ28" s="140"/>
      <c r="KR28" s="119">
        <v>6883591</v>
      </c>
      <c r="KS28" s="119">
        <v>4663776</v>
      </c>
      <c r="KT28" s="119">
        <v>5121334</v>
      </c>
      <c r="KU28" s="119">
        <v>3603278</v>
      </c>
      <c r="KV28" s="119">
        <v>2088692</v>
      </c>
      <c r="KW28" s="120">
        <v>22360671</v>
      </c>
      <c r="KX28" s="321">
        <v>22610702</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1">
        <v>0</v>
      </c>
      <c r="LU28" s="142">
        <v>0</v>
      </c>
      <c r="LV28" s="119">
        <v>0</v>
      </c>
      <c r="LW28" s="120">
        <v>0</v>
      </c>
      <c r="LX28" s="145"/>
      <c r="LY28" s="119">
        <v>0</v>
      </c>
      <c r="LZ28" s="119">
        <v>0</v>
      </c>
      <c r="MA28" s="119">
        <v>107037</v>
      </c>
      <c r="MB28" s="119">
        <v>304485</v>
      </c>
      <c r="MC28" s="119">
        <v>0</v>
      </c>
      <c r="MD28" s="120">
        <v>411522</v>
      </c>
      <c r="ME28" s="121">
        <v>411522</v>
      </c>
      <c r="MF28" s="142">
        <v>0</v>
      </c>
      <c r="MG28" s="119">
        <v>0</v>
      </c>
      <c r="MH28" s="120">
        <v>0</v>
      </c>
      <c r="MI28" s="145"/>
      <c r="MJ28" s="119">
        <v>6192659</v>
      </c>
      <c r="MK28" s="119">
        <v>12994460</v>
      </c>
      <c r="ML28" s="119">
        <v>32597444</v>
      </c>
      <c r="MM28" s="119">
        <v>55269221</v>
      </c>
      <c r="MN28" s="119">
        <v>41767698</v>
      </c>
      <c r="MO28" s="120">
        <v>148821482</v>
      </c>
      <c r="MP28" s="143">
        <v>148821482</v>
      </c>
      <c r="MQ28" s="142">
        <v>0</v>
      </c>
      <c r="MR28" s="119">
        <v>0</v>
      </c>
      <c r="MS28" s="120">
        <v>0</v>
      </c>
      <c r="MT28" s="145"/>
      <c r="MU28" s="119">
        <v>894801</v>
      </c>
      <c r="MV28" s="119">
        <v>3714632</v>
      </c>
      <c r="MW28" s="119">
        <v>21120014</v>
      </c>
      <c r="MX28" s="119">
        <v>37220839</v>
      </c>
      <c r="MY28" s="119">
        <v>29700233</v>
      </c>
      <c r="MZ28" s="120">
        <v>92650519</v>
      </c>
      <c r="NA28" s="143">
        <v>92650519</v>
      </c>
      <c r="NB28" s="142">
        <v>0</v>
      </c>
      <c r="NC28" s="119">
        <v>0</v>
      </c>
      <c r="ND28" s="120">
        <v>0</v>
      </c>
      <c r="NE28" s="145"/>
      <c r="NF28" s="119">
        <v>5297858</v>
      </c>
      <c r="NG28" s="119">
        <v>9279828</v>
      </c>
      <c r="NH28" s="119">
        <v>11095578</v>
      </c>
      <c r="NI28" s="119">
        <v>16565947</v>
      </c>
      <c r="NJ28" s="119">
        <v>10091184</v>
      </c>
      <c r="NK28" s="120">
        <v>52330395</v>
      </c>
      <c r="NL28" s="321">
        <v>52330395</v>
      </c>
      <c r="NM28" s="142">
        <v>0</v>
      </c>
      <c r="NN28" s="119">
        <v>0</v>
      </c>
      <c r="NO28" s="120">
        <v>0</v>
      </c>
      <c r="NP28" s="145"/>
      <c r="NQ28" s="119">
        <v>0</v>
      </c>
      <c r="NR28" s="119">
        <v>0</v>
      </c>
      <c r="NS28" s="119">
        <v>0</v>
      </c>
      <c r="NT28" s="119">
        <v>713090</v>
      </c>
      <c r="NU28" s="119">
        <v>350051</v>
      </c>
      <c r="NV28" s="120">
        <v>1063141</v>
      </c>
      <c r="NW28" s="121">
        <v>1063141</v>
      </c>
      <c r="NX28" s="142">
        <v>0</v>
      </c>
      <c r="NY28" s="119">
        <v>0</v>
      </c>
      <c r="NZ28" s="120">
        <v>0</v>
      </c>
      <c r="OA28" s="145"/>
      <c r="OB28" s="119">
        <v>0</v>
      </c>
      <c r="OC28" s="119">
        <v>0</v>
      </c>
      <c r="OD28" s="119">
        <v>381852</v>
      </c>
      <c r="OE28" s="119">
        <v>769345</v>
      </c>
      <c r="OF28" s="119">
        <v>1626230</v>
      </c>
      <c r="OG28" s="120">
        <v>2777427</v>
      </c>
      <c r="OH28" s="121">
        <v>2777427</v>
      </c>
      <c r="OI28" s="142">
        <v>2643599</v>
      </c>
      <c r="OJ28" s="119">
        <v>6255047</v>
      </c>
      <c r="OK28" s="141">
        <v>8898646</v>
      </c>
      <c r="OL28" s="118">
        <v>0</v>
      </c>
      <c r="OM28" s="119">
        <v>66866595</v>
      </c>
      <c r="ON28" s="119">
        <v>84064090</v>
      </c>
      <c r="OO28" s="119">
        <v>88442413</v>
      </c>
      <c r="OP28" s="119">
        <v>111577978</v>
      </c>
      <c r="OQ28" s="119">
        <v>76042846</v>
      </c>
      <c r="OR28" s="120">
        <v>426993922</v>
      </c>
      <c r="OS28" s="143">
        <v>435892568</v>
      </c>
    </row>
    <row r="29" spans="2:409" ht="18.75" customHeight="1" x14ac:dyDescent="0.2">
      <c r="B29" s="62" t="s">
        <v>24</v>
      </c>
      <c r="C29" s="110">
        <v>2238405</v>
      </c>
      <c r="D29" s="114">
        <v>3249558</v>
      </c>
      <c r="E29" s="113">
        <v>5487963</v>
      </c>
      <c r="F29" s="109">
        <v>0</v>
      </c>
      <c r="G29" s="114">
        <v>27545963</v>
      </c>
      <c r="H29" s="114">
        <v>25166685</v>
      </c>
      <c r="I29" s="114">
        <v>23207398</v>
      </c>
      <c r="J29" s="114">
        <v>24779720</v>
      </c>
      <c r="K29" s="114">
        <v>23008808</v>
      </c>
      <c r="L29" s="173">
        <v>123708574</v>
      </c>
      <c r="M29" s="116">
        <v>129196537</v>
      </c>
      <c r="N29" s="110">
        <v>406694</v>
      </c>
      <c r="O29" s="114">
        <v>745688</v>
      </c>
      <c r="P29" s="113">
        <v>1152382</v>
      </c>
      <c r="Q29" s="110">
        <v>0</v>
      </c>
      <c r="R29" s="114">
        <v>6447962</v>
      </c>
      <c r="S29" s="114">
        <v>6080078</v>
      </c>
      <c r="T29" s="114">
        <v>6136856</v>
      </c>
      <c r="U29" s="114">
        <v>8324374</v>
      </c>
      <c r="V29" s="114">
        <v>9999463</v>
      </c>
      <c r="W29" s="113">
        <v>36988733</v>
      </c>
      <c r="X29" s="116">
        <v>38141115</v>
      </c>
      <c r="Y29" s="110">
        <v>0</v>
      </c>
      <c r="Z29" s="114">
        <v>0</v>
      </c>
      <c r="AA29" s="113">
        <v>0</v>
      </c>
      <c r="AB29" s="110">
        <v>0</v>
      </c>
      <c r="AC29" s="114">
        <v>2443840</v>
      </c>
      <c r="AD29" s="114">
        <v>2800651</v>
      </c>
      <c r="AE29" s="114">
        <v>2923226</v>
      </c>
      <c r="AF29" s="114">
        <v>4565601</v>
      </c>
      <c r="AG29" s="114">
        <v>5345051</v>
      </c>
      <c r="AH29" s="113">
        <v>18078369</v>
      </c>
      <c r="AI29" s="116">
        <v>18078369</v>
      </c>
      <c r="AJ29" s="110">
        <v>0</v>
      </c>
      <c r="AK29" s="114">
        <v>0</v>
      </c>
      <c r="AL29" s="113">
        <v>0</v>
      </c>
      <c r="AM29" s="110">
        <v>0</v>
      </c>
      <c r="AN29" s="114">
        <v>52018</v>
      </c>
      <c r="AO29" s="114">
        <v>120431</v>
      </c>
      <c r="AP29" s="114">
        <v>236358</v>
      </c>
      <c r="AQ29" s="114">
        <v>519895</v>
      </c>
      <c r="AR29" s="114">
        <v>1503601</v>
      </c>
      <c r="AS29" s="113">
        <v>2432303</v>
      </c>
      <c r="AT29" s="116">
        <v>2432303</v>
      </c>
      <c r="AU29" s="110">
        <v>180759</v>
      </c>
      <c r="AV29" s="114">
        <v>479166</v>
      </c>
      <c r="AW29" s="113">
        <v>659925</v>
      </c>
      <c r="AX29" s="110">
        <v>0</v>
      </c>
      <c r="AY29" s="114">
        <v>2654897</v>
      </c>
      <c r="AZ29" s="114">
        <v>2084852</v>
      </c>
      <c r="BA29" s="114">
        <v>1929458</v>
      </c>
      <c r="BB29" s="114">
        <v>1686664</v>
      </c>
      <c r="BC29" s="114">
        <v>1926906</v>
      </c>
      <c r="BD29" s="113">
        <v>10282777</v>
      </c>
      <c r="BE29" s="116">
        <v>10942702</v>
      </c>
      <c r="BF29" s="110">
        <v>30904</v>
      </c>
      <c r="BG29" s="114">
        <v>70186</v>
      </c>
      <c r="BH29" s="112">
        <v>101090</v>
      </c>
      <c r="BI29" s="111">
        <v>0</v>
      </c>
      <c r="BJ29" s="114">
        <v>162911</v>
      </c>
      <c r="BK29" s="114">
        <v>126393</v>
      </c>
      <c r="BL29" s="114">
        <v>36630</v>
      </c>
      <c r="BM29" s="114">
        <v>447031</v>
      </c>
      <c r="BN29" s="114">
        <v>238323</v>
      </c>
      <c r="BO29" s="113">
        <v>1011288</v>
      </c>
      <c r="BP29" s="116">
        <v>1112378</v>
      </c>
      <c r="BQ29" s="110">
        <v>195031</v>
      </c>
      <c r="BR29" s="114">
        <v>196336</v>
      </c>
      <c r="BS29" s="113">
        <v>391367</v>
      </c>
      <c r="BT29" s="110">
        <v>0</v>
      </c>
      <c r="BU29" s="114">
        <v>1134296</v>
      </c>
      <c r="BV29" s="114">
        <v>947751</v>
      </c>
      <c r="BW29" s="114">
        <v>1011184</v>
      </c>
      <c r="BX29" s="114">
        <v>1105183</v>
      </c>
      <c r="BY29" s="114">
        <v>985582</v>
      </c>
      <c r="BZ29" s="113">
        <v>5183996</v>
      </c>
      <c r="CA29" s="116">
        <v>5575363</v>
      </c>
      <c r="CB29" s="110">
        <v>263167</v>
      </c>
      <c r="CC29" s="114">
        <v>572777</v>
      </c>
      <c r="CD29" s="113">
        <v>835944</v>
      </c>
      <c r="CE29" s="110">
        <v>0</v>
      </c>
      <c r="CF29" s="114">
        <v>8748442</v>
      </c>
      <c r="CG29" s="114">
        <v>7928649</v>
      </c>
      <c r="CH29" s="114">
        <v>5606970</v>
      </c>
      <c r="CI29" s="114">
        <v>3372685</v>
      </c>
      <c r="CJ29" s="114">
        <v>2693727</v>
      </c>
      <c r="CK29" s="113">
        <v>28350473</v>
      </c>
      <c r="CL29" s="116">
        <v>29186417</v>
      </c>
      <c r="CM29" s="110">
        <v>0</v>
      </c>
      <c r="CN29" s="114">
        <v>0</v>
      </c>
      <c r="CO29" s="113">
        <v>0</v>
      </c>
      <c r="CP29" s="111">
        <v>0</v>
      </c>
      <c r="CQ29" s="114">
        <v>6327816</v>
      </c>
      <c r="CR29" s="114">
        <v>5415445</v>
      </c>
      <c r="CS29" s="114">
        <v>4084015</v>
      </c>
      <c r="CT29" s="114">
        <v>2474822</v>
      </c>
      <c r="CU29" s="114">
        <v>1078675</v>
      </c>
      <c r="CV29" s="113">
        <v>19380773</v>
      </c>
      <c r="CW29" s="116">
        <v>19380773</v>
      </c>
      <c r="CX29" s="110">
        <v>263167</v>
      </c>
      <c r="CY29" s="114">
        <v>572777</v>
      </c>
      <c r="CZ29" s="113">
        <v>835944</v>
      </c>
      <c r="DA29" s="110">
        <v>0</v>
      </c>
      <c r="DB29" s="114">
        <v>2420626</v>
      </c>
      <c r="DC29" s="114">
        <v>2513204</v>
      </c>
      <c r="DD29" s="114">
        <v>1522955</v>
      </c>
      <c r="DE29" s="114">
        <v>897863</v>
      </c>
      <c r="DF29" s="114">
        <v>1615052</v>
      </c>
      <c r="DG29" s="113">
        <v>8969700</v>
      </c>
      <c r="DH29" s="116">
        <v>9805644</v>
      </c>
      <c r="DI29" s="110">
        <v>14661</v>
      </c>
      <c r="DJ29" s="114">
        <v>43072</v>
      </c>
      <c r="DK29" s="112">
        <v>57733</v>
      </c>
      <c r="DL29" s="111">
        <v>0</v>
      </c>
      <c r="DM29" s="114">
        <v>1199107</v>
      </c>
      <c r="DN29" s="114">
        <v>1653074</v>
      </c>
      <c r="DO29" s="114">
        <v>2096056</v>
      </c>
      <c r="DP29" s="114">
        <v>3645669</v>
      </c>
      <c r="DQ29" s="114">
        <v>1588227</v>
      </c>
      <c r="DR29" s="113">
        <v>10182133</v>
      </c>
      <c r="DS29" s="116">
        <v>10239866</v>
      </c>
      <c r="DT29" s="110">
        <v>14661</v>
      </c>
      <c r="DU29" s="114">
        <v>43072</v>
      </c>
      <c r="DV29" s="113">
        <v>57733</v>
      </c>
      <c r="DW29" s="110">
        <v>0</v>
      </c>
      <c r="DX29" s="114">
        <v>1150340</v>
      </c>
      <c r="DY29" s="114">
        <v>1556830</v>
      </c>
      <c r="DZ29" s="114">
        <v>1898327</v>
      </c>
      <c r="EA29" s="114">
        <v>3059619</v>
      </c>
      <c r="EB29" s="114">
        <v>1446393</v>
      </c>
      <c r="EC29" s="113">
        <v>9111509</v>
      </c>
      <c r="ED29" s="116">
        <v>9169242</v>
      </c>
      <c r="EE29" s="110">
        <v>0</v>
      </c>
      <c r="EF29" s="112">
        <v>0</v>
      </c>
      <c r="EG29" s="113">
        <v>0</v>
      </c>
      <c r="EH29" s="110">
        <v>0</v>
      </c>
      <c r="EI29" s="114">
        <v>48767</v>
      </c>
      <c r="EJ29" s="114">
        <v>96244</v>
      </c>
      <c r="EK29" s="114">
        <v>197729</v>
      </c>
      <c r="EL29" s="114">
        <v>586050</v>
      </c>
      <c r="EM29" s="114">
        <v>141834</v>
      </c>
      <c r="EN29" s="112">
        <v>1070624</v>
      </c>
      <c r="EO29" s="116">
        <v>1070624</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8"/>
      <c r="FE29" s="114">
        <v>0</v>
      </c>
      <c r="FF29" s="114">
        <v>0</v>
      </c>
      <c r="FG29" s="114">
        <v>0</v>
      </c>
      <c r="FH29" s="114">
        <v>0</v>
      </c>
      <c r="FI29" s="114">
        <v>0</v>
      </c>
      <c r="FJ29" s="113">
        <v>0</v>
      </c>
      <c r="FK29" s="116">
        <v>0</v>
      </c>
      <c r="FL29" s="110">
        <v>481710</v>
      </c>
      <c r="FM29" s="114">
        <v>685862</v>
      </c>
      <c r="FN29" s="113">
        <v>1167572</v>
      </c>
      <c r="FO29" s="110">
        <v>0</v>
      </c>
      <c r="FP29" s="114">
        <v>1382353</v>
      </c>
      <c r="FQ29" s="114">
        <v>2130957</v>
      </c>
      <c r="FR29" s="114">
        <v>1645221</v>
      </c>
      <c r="FS29" s="114">
        <v>1425567</v>
      </c>
      <c r="FT29" s="114">
        <v>1836421</v>
      </c>
      <c r="FU29" s="113">
        <v>8420519</v>
      </c>
      <c r="FV29" s="116">
        <v>9588091</v>
      </c>
      <c r="FW29" s="115">
        <v>320250</v>
      </c>
      <c r="FX29" s="114">
        <v>357398</v>
      </c>
      <c r="FY29" s="112">
        <v>677648</v>
      </c>
      <c r="FZ29" s="111">
        <v>0</v>
      </c>
      <c r="GA29" s="114">
        <v>1071248</v>
      </c>
      <c r="GB29" s="114">
        <v>2095201</v>
      </c>
      <c r="GC29" s="114">
        <v>1483737</v>
      </c>
      <c r="GD29" s="114">
        <v>1425567</v>
      </c>
      <c r="GE29" s="114">
        <v>1704121</v>
      </c>
      <c r="GF29" s="113">
        <v>7779874</v>
      </c>
      <c r="GG29" s="319">
        <v>8457522</v>
      </c>
      <c r="GH29" s="115">
        <v>0</v>
      </c>
      <c r="GI29" s="114">
        <v>13464</v>
      </c>
      <c r="GJ29" s="112">
        <v>13464</v>
      </c>
      <c r="GK29" s="111">
        <v>0</v>
      </c>
      <c r="GL29" s="114">
        <v>49203</v>
      </c>
      <c r="GM29" s="114">
        <v>18656</v>
      </c>
      <c r="GN29" s="114">
        <v>0</v>
      </c>
      <c r="GO29" s="114">
        <v>0</v>
      </c>
      <c r="GP29" s="114">
        <v>0</v>
      </c>
      <c r="GQ29" s="113">
        <v>67859</v>
      </c>
      <c r="GR29" s="116">
        <v>81323</v>
      </c>
      <c r="GS29" s="110">
        <v>161460</v>
      </c>
      <c r="GT29" s="114">
        <v>315000</v>
      </c>
      <c r="GU29" s="113">
        <v>476460</v>
      </c>
      <c r="GV29" s="110">
        <v>0</v>
      </c>
      <c r="GW29" s="114">
        <v>261902</v>
      </c>
      <c r="GX29" s="114">
        <v>17100</v>
      </c>
      <c r="GY29" s="114">
        <v>161484</v>
      </c>
      <c r="GZ29" s="114">
        <v>0</v>
      </c>
      <c r="HA29" s="114">
        <v>132300</v>
      </c>
      <c r="HB29" s="112">
        <v>572786</v>
      </c>
      <c r="HC29" s="116">
        <v>1049246</v>
      </c>
      <c r="HD29" s="110">
        <v>612243</v>
      </c>
      <c r="HE29" s="114">
        <v>760297</v>
      </c>
      <c r="HF29" s="112">
        <v>1372540</v>
      </c>
      <c r="HG29" s="111">
        <v>0</v>
      </c>
      <c r="HH29" s="114">
        <v>5642906</v>
      </c>
      <c r="HI29" s="114">
        <v>4742583</v>
      </c>
      <c r="HJ29" s="114">
        <v>5587440</v>
      </c>
      <c r="HK29" s="114">
        <v>6449683</v>
      </c>
      <c r="HL29" s="114">
        <v>5823860</v>
      </c>
      <c r="HM29" s="113">
        <v>28246472</v>
      </c>
      <c r="HN29" s="109">
        <v>29619012</v>
      </c>
      <c r="HO29" s="115">
        <v>459930</v>
      </c>
      <c r="HP29" s="114">
        <v>441862</v>
      </c>
      <c r="HQ29" s="113">
        <v>901792</v>
      </c>
      <c r="HR29" s="110">
        <v>0</v>
      </c>
      <c r="HS29" s="114">
        <v>4125193</v>
      </c>
      <c r="HT29" s="114">
        <v>2631344</v>
      </c>
      <c r="HU29" s="114">
        <v>2134855</v>
      </c>
      <c r="HV29" s="114">
        <v>1561742</v>
      </c>
      <c r="HW29" s="114">
        <v>1067110</v>
      </c>
      <c r="HX29" s="112">
        <v>11520244</v>
      </c>
      <c r="HY29" s="116">
        <v>12422036</v>
      </c>
      <c r="HZ29" s="131">
        <v>269570</v>
      </c>
      <c r="IA29" s="132">
        <v>308361</v>
      </c>
      <c r="IB29" s="133">
        <v>577931</v>
      </c>
      <c r="IC29" s="146">
        <v>0</v>
      </c>
      <c r="ID29" s="132">
        <v>5011161</v>
      </c>
      <c r="IE29" s="147">
        <v>4633670</v>
      </c>
      <c r="IF29" s="133">
        <v>5649028</v>
      </c>
      <c r="IG29" s="132">
        <v>3471257</v>
      </c>
      <c r="IH29" s="133">
        <v>2595948</v>
      </c>
      <c r="II29" s="148">
        <v>21361064</v>
      </c>
      <c r="IJ29" s="139">
        <v>21938995</v>
      </c>
      <c r="IK29" s="232">
        <v>0</v>
      </c>
      <c r="IL29" s="236">
        <v>0</v>
      </c>
      <c r="IM29" s="237">
        <v>0</v>
      </c>
      <c r="IN29" s="140"/>
      <c r="IO29" s="119">
        <v>221019</v>
      </c>
      <c r="IP29" s="119">
        <v>216856</v>
      </c>
      <c r="IQ29" s="119">
        <v>346692</v>
      </c>
      <c r="IR29" s="119">
        <v>789476</v>
      </c>
      <c r="IS29" s="119">
        <v>329893</v>
      </c>
      <c r="IT29" s="141">
        <v>1903936</v>
      </c>
      <c r="IU29" s="321">
        <v>1903936</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2161742</v>
      </c>
      <c r="JL29" s="119">
        <v>976092</v>
      </c>
      <c r="JM29" s="119">
        <v>995115</v>
      </c>
      <c r="JN29" s="119">
        <v>253843</v>
      </c>
      <c r="JO29" s="119">
        <v>147018</v>
      </c>
      <c r="JP29" s="120">
        <v>4533810</v>
      </c>
      <c r="JQ29" s="321">
        <v>4533810</v>
      </c>
      <c r="JR29" s="142">
        <v>0</v>
      </c>
      <c r="JS29" s="119">
        <v>0</v>
      </c>
      <c r="JT29" s="141">
        <v>0</v>
      </c>
      <c r="JU29" s="118">
        <v>0</v>
      </c>
      <c r="JV29" s="119">
        <v>838721</v>
      </c>
      <c r="JW29" s="119">
        <v>729700</v>
      </c>
      <c r="JX29" s="119">
        <v>492592</v>
      </c>
      <c r="JY29" s="119">
        <v>281715</v>
      </c>
      <c r="JZ29" s="119">
        <v>252889</v>
      </c>
      <c r="KA29" s="120">
        <v>2595617</v>
      </c>
      <c r="KB29" s="321">
        <v>2595617</v>
      </c>
      <c r="KC29" s="234">
        <v>269570</v>
      </c>
      <c r="KD29" s="230">
        <v>308361</v>
      </c>
      <c r="KE29" s="120">
        <v>577931</v>
      </c>
      <c r="KF29" s="118">
        <v>0</v>
      </c>
      <c r="KG29" s="119">
        <v>1539167</v>
      </c>
      <c r="KH29" s="119">
        <v>1411701</v>
      </c>
      <c r="KI29" s="119">
        <v>718163</v>
      </c>
      <c r="KJ29" s="119">
        <v>844389</v>
      </c>
      <c r="KK29" s="119">
        <v>848710</v>
      </c>
      <c r="KL29" s="120">
        <v>5362130</v>
      </c>
      <c r="KM29" s="143">
        <v>5940061</v>
      </c>
      <c r="KN29" s="232">
        <v>0</v>
      </c>
      <c r="KO29" s="236">
        <v>0</v>
      </c>
      <c r="KP29" s="237">
        <v>0</v>
      </c>
      <c r="KQ29" s="140"/>
      <c r="KR29" s="119">
        <v>250512</v>
      </c>
      <c r="KS29" s="119">
        <v>1299321</v>
      </c>
      <c r="KT29" s="119">
        <v>3096466</v>
      </c>
      <c r="KU29" s="119">
        <v>1301834</v>
      </c>
      <c r="KV29" s="119">
        <v>1017438</v>
      </c>
      <c r="KW29" s="120">
        <v>6965571</v>
      </c>
      <c r="KX29" s="321">
        <v>6965571</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1">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2487693</v>
      </c>
      <c r="MK29" s="119">
        <v>4049709</v>
      </c>
      <c r="ML29" s="119">
        <v>15196499</v>
      </c>
      <c r="MM29" s="119">
        <v>29559152</v>
      </c>
      <c r="MN29" s="119">
        <v>19716903</v>
      </c>
      <c r="MO29" s="120">
        <v>71009956</v>
      </c>
      <c r="MP29" s="143">
        <v>71009956</v>
      </c>
      <c r="MQ29" s="142">
        <v>0</v>
      </c>
      <c r="MR29" s="119">
        <v>0</v>
      </c>
      <c r="MS29" s="120">
        <v>0</v>
      </c>
      <c r="MT29" s="145"/>
      <c r="MU29" s="119">
        <v>0</v>
      </c>
      <c r="MV29" s="119">
        <v>0</v>
      </c>
      <c r="MW29" s="119">
        <v>8392162</v>
      </c>
      <c r="MX29" s="119">
        <v>19571605</v>
      </c>
      <c r="MY29" s="119">
        <v>17163950</v>
      </c>
      <c r="MZ29" s="120">
        <v>45127717</v>
      </c>
      <c r="NA29" s="143">
        <v>45127717</v>
      </c>
      <c r="NB29" s="142">
        <v>0</v>
      </c>
      <c r="NC29" s="119">
        <v>0</v>
      </c>
      <c r="ND29" s="120">
        <v>0</v>
      </c>
      <c r="NE29" s="145"/>
      <c r="NF29" s="119">
        <v>2487693</v>
      </c>
      <c r="NG29" s="119">
        <v>4049709</v>
      </c>
      <c r="NH29" s="119">
        <v>6804337</v>
      </c>
      <c r="NI29" s="119">
        <v>9987547</v>
      </c>
      <c r="NJ29" s="119">
        <v>2552953</v>
      </c>
      <c r="NK29" s="120">
        <v>25882239</v>
      </c>
      <c r="NL29" s="321">
        <v>25882239</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507975</v>
      </c>
      <c r="OJ29" s="119">
        <v>3557919</v>
      </c>
      <c r="OK29" s="141">
        <v>6065894</v>
      </c>
      <c r="OL29" s="118">
        <v>0</v>
      </c>
      <c r="OM29" s="119">
        <v>35044817</v>
      </c>
      <c r="ON29" s="119">
        <v>33850064</v>
      </c>
      <c r="OO29" s="119">
        <v>44052925</v>
      </c>
      <c r="OP29" s="119">
        <v>57810129</v>
      </c>
      <c r="OQ29" s="119">
        <v>45321659</v>
      </c>
      <c r="OR29" s="120">
        <v>216079594</v>
      </c>
      <c r="OS29" s="143">
        <v>222145488</v>
      </c>
    </row>
    <row r="30" spans="2:409" ht="18.75" customHeight="1" x14ac:dyDescent="0.2">
      <c r="B30" s="62" t="s">
        <v>25</v>
      </c>
      <c r="C30" s="110">
        <v>2059872</v>
      </c>
      <c r="D30" s="114">
        <v>4344030</v>
      </c>
      <c r="E30" s="113">
        <v>6403902</v>
      </c>
      <c r="F30" s="109">
        <v>0</v>
      </c>
      <c r="G30" s="114">
        <v>29504328</v>
      </c>
      <c r="H30" s="114">
        <v>30130426</v>
      </c>
      <c r="I30" s="114">
        <v>18872655</v>
      </c>
      <c r="J30" s="114">
        <v>28519509</v>
      </c>
      <c r="K30" s="114">
        <v>19427709</v>
      </c>
      <c r="L30" s="173">
        <v>126454627</v>
      </c>
      <c r="M30" s="116">
        <v>132858529</v>
      </c>
      <c r="N30" s="110">
        <v>439139</v>
      </c>
      <c r="O30" s="114">
        <v>1346854</v>
      </c>
      <c r="P30" s="113">
        <v>1785993</v>
      </c>
      <c r="Q30" s="110">
        <v>0</v>
      </c>
      <c r="R30" s="114">
        <v>7549053</v>
      </c>
      <c r="S30" s="114">
        <v>8037776</v>
      </c>
      <c r="T30" s="114">
        <v>7230201</v>
      </c>
      <c r="U30" s="114">
        <v>10120066</v>
      </c>
      <c r="V30" s="114">
        <v>11204014</v>
      </c>
      <c r="W30" s="113">
        <v>44141110</v>
      </c>
      <c r="X30" s="116">
        <v>45927103</v>
      </c>
      <c r="Y30" s="110">
        <v>0</v>
      </c>
      <c r="Z30" s="114">
        <v>0</v>
      </c>
      <c r="AA30" s="113">
        <v>0</v>
      </c>
      <c r="AB30" s="110">
        <v>0</v>
      </c>
      <c r="AC30" s="114">
        <v>3700270</v>
      </c>
      <c r="AD30" s="114">
        <v>4163684</v>
      </c>
      <c r="AE30" s="114">
        <v>4569925</v>
      </c>
      <c r="AF30" s="114">
        <v>5989952</v>
      </c>
      <c r="AG30" s="114">
        <v>7484302</v>
      </c>
      <c r="AH30" s="113">
        <v>25908133</v>
      </c>
      <c r="AI30" s="116">
        <v>25908133</v>
      </c>
      <c r="AJ30" s="110">
        <v>0</v>
      </c>
      <c r="AK30" s="114">
        <v>0</v>
      </c>
      <c r="AL30" s="113">
        <v>0</v>
      </c>
      <c r="AM30" s="110">
        <v>0</v>
      </c>
      <c r="AN30" s="114">
        <v>167618</v>
      </c>
      <c r="AO30" s="114">
        <v>452287</v>
      </c>
      <c r="AP30" s="114">
        <v>293686</v>
      </c>
      <c r="AQ30" s="114">
        <v>1550388</v>
      </c>
      <c r="AR30" s="114">
        <v>1090160</v>
      </c>
      <c r="AS30" s="113">
        <v>3554139</v>
      </c>
      <c r="AT30" s="116">
        <v>3554139</v>
      </c>
      <c r="AU30" s="110">
        <v>340845</v>
      </c>
      <c r="AV30" s="114">
        <v>984644</v>
      </c>
      <c r="AW30" s="113">
        <v>1325489</v>
      </c>
      <c r="AX30" s="110">
        <v>0</v>
      </c>
      <c r="AY30" s="114">
        <v>2755501</v>
      </c>
      <c r="AZ30" s="114">
        <v>2202623</v>
      </c>
      <c r="BA30" s="114">
        <v>1466902</v>
      </c>
      <c r="BB30" s="114">
        <v>1421020</v>
      </c>
      <c r="BC30" s="114">
        <v>1774601</v>
      </c>
      <c r="BD30" s="113">
        <v>9620647</v>
      </c>
      <c r="BE30" s="116">
        <v>10946136</v>
      </c>
      <c r="BF30" s="110">
        <v>40941</v>
      </c>
      <c r="BG30" s="114">
        <v>187150</v>
      </c>
      <c r="BH30" s="112">
        <v>228091</v>
      </c>
      <c r="BI30" s="111">
        <v>0</v>
      </c>
      <c r="BJ30" s="114">
        <v>67156</v>
      </c>
      <c r="BK30" s="114">
        <v>339958</v>
      </c>
      <c r="BL30" s="114">
        <v>253211</v>
      </c>
      <c r="BM30" s="114">
        <v>115513</v>
      </c>
      <c r="BN30" s="114">
        <v>238299</v>
      </c>
      <c r="BO30" s="113">
        <v>1014137</v>
      </c>
      <c r="BP30" s="116">
        <v>1242228</v>
      </c>
      <c r="BQ30" s="110">
        <v>57353</v>
      </c>
      <c r="BR30" s="114">
        <v>175060</v>
      </c>
      <c r="BS30" s="113">
        <v>232413</v>
      </c>
      <c r="BT30" s="110">
        <v>0</v>
      </c>
      <c r="BU30" s="114">
        <v>858508</v>
      </c>
      <c r="BV30" s="114">
        <v>879224</v>
      </c>
      <c r="BW30" s="114">
        <v>646477</v>
      </c>
      <c r="BX30" s="114">
        <v>1043193</v>
      </c>
      <c r="BY30" s="114">
        <v>616652</v>
      </c>
      <c r="BZ30" s="113">
        <v>4044054</v>
      </c>
      <c r="CA30" s="116">
        <v>4276467</v>
      </c>
      <c r="CB30" s="110">
        <v>155652</v>
      </c>
      <c r="CC30" s="114">
        <v>662745</v>
      </c>
      <c r="CD30" s="113">
        <v>818397</v>
      </c>
      <c r="CE30" s="110">
        <v>0</v>
      </c>
      <c r="CF30" s="114">
        <v>10686397</v>
      </c>
      <c r="CG30" s="114">
        <v>10230364</v>
      </c>
      <c r="CH30" s="114">
        <v>4672982</v>
      </c>
      <c r="CI30" s="114">
        <v>7215306</v>
      </c>
      <c r="CJ30" s="114">
        <v>1722460</v>
      </c>
      <c r="CK30" s="113">
        <v>34527509</v>
      </c>
      <c r="CL30" s="116">
        <v>35345906</v>
      </c>
      <c r="CM30" s="110">
        <v>0</v>
      </c>
      <c r="CN30" s="114">
        <v>0</v>
      </c>
      <c r="CO30" s="113">
        <v>0</v>
      </c>
      <c r="CP30" s="111">
        <v>0</v>
      </c>
      <c r="CQ30" s="114">
        <v>8354005</v>
      </c>
      <c r="CR30" s="114">
        <v>6174525</v>
      </c>
      <c r="CS30" s="114">
        <v>3140619</v>
      </c>
      <c r="CT30" s="114">
        <v>6007873</v>
      </c>
      <c r="CU30" s="114">
        <v>1076358</v>
      </c>
      <c r="CV30" s="113">
        <v>24753380</v>
      </c>
      <c r="CW30" s="116">
        <v>24753380</v>
      </c>
      <c r="CX30" s="110">
        <v>155652</v>
      </c>
      <c r="CY30" s="114">
        <v>662745</v>
      </c>
      <c r="CZ30" s="113">
        <v>818397</v>
      </c>
      <c r="DA30" s="110">
        <v>0</v>
      </c>
      <c r="DB30" s="114">
        <v>2332392</v>
      </c>
      <c r="DC30" s="114">
        <v>4055839</v>
      </c>
      <c r="DD30" s="114">
        <v>1532363</v>
      </c>
      <c r="DE30" s="114">
        <v>1207433</v>
      </c>
      <c r="DF30" s="114">
        <v>646102</v>
      </c>
      <c r="DG30" s="113">
        <v>9774129</v>
      </c>
      <c r="DH30" s="116">
        <v>10592526</v>
      </c>
      <c r="DI30" s="110">
        <v>16672</v>
      </c>
      <c r="DJ30" s="114">
        <v>210962</v>
      </c>
      <c r="DK30" s="112">
        <v>227634</v>
      </c>
      <c r="DL30" s="111">
        <v>0</v>
      </c>
      <c r="DM30" s="114">
        <v>835140</v>
      </c>
      <c r="DN30" s="114">
        <v>1790039</v>
      </c>
      <c r="DO30" s="114">
        <v>1432273</v>
      </c>
      <c r="DP30" s="114">
        <v>1388741</v>
      </c>
      <c r="DQ30" s="114">
        <v>766468</v>
      </c>
      <c r="DR30" s="113">
        <v>6212661</v>
      </c>
      <c r="DS30" s="116">
        <v>6440295</v>
      </c>
      <c r="DT30" s="110">
        <v>16672</v>
      </c>
      <c r="DU30" s="114">
        <v>210962</v>
      </c>
      <c r="DV30" s="113">
        <v>227634</v>
      </c>
      <c r="DW30" s="110">
        <v>0</v>
      </c>
      <c r="DX30" s="114">
        <v>746763</v>
      </c>
      <c r="DY30" s="114">
        <v>1640277</v>
      </c>
      <c r="DZ30" s="114">
        <v>1253780</v>
      </c>
      <c r="EA30" s="114">
        <v>1165700</v>
      </c>
      <c r="EB30" s="114">
        <v>580579</v>
      </c>
      <c r="EC30" s="113">
        <v>5387099</v>
      </c>
      <c r="ED30" s="116">
        <v>5614733</v>
      </c>
      <c r="EE30" s="110">
        <v>0</v>
      </c>
      <c r="EF30" s="112">
        <v>0</v>
      </c>
      <c r="EG30" s="113">
        <v>0</v>
      </c>
      <c r="EH30" s="110">
        <v>0</v>
      </c>
      <c r="EI30" s="114">
        <v>88377</v>
      </c>
      <c r="EJ30" s="114">
        <v>149762</v>
      </c>
      <c r="EK30" s="114">
        <v>178493</v>
      </c>
      <c r="EL30" s="114">
        <v>223041</v>
      </c>
      <c r="EM30" s="114">
        <v>185889</v>
      </c>
      <c r="EN30" s="112">
        <v>825562</v>
      </c>
      <c r="EO30" s="116">
        <v>825562</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8"/>
      <c r="FE30" s="114">
        <v>0</v>
      </c>
      <c r="FF30" s="114">
        <v>0</v>
      </c>
      <c r="FG30" s="114">
        <v>0</v>
      </c>
      <c r="FH30" s="114">
        <v>0</v>
      </c>
      <c r="FI30" s="114">
        <v>0</v>
      </c>
      <c r="FJ30" s="113">
        <v>0</v>
      </c>
      <c r="FK30" s="116">
        <v>0</v>
      </c>
      <c r="FL30" s="110">
        <v>913985</v>
      </c>
      <c r="FM30" s="114">
        <v>1138551</v>
      </c>
      <c r="FN30" s="113">
        <v>2052536</v>
      </c>
      <c r="FO30" s="110">
        <v>0</v>
      </c>
      <c r="FP30" s="114">
        <v>1452626</v>
      </c>
      <c r="FQ30" s="114">
        <v>2993598</v>
      </c>
      <c r="FR30" s="114">
        <v>1875062</v>
      </c>
      <c r="FS30" s="114">
        <v>2223917</v>
      </c>
      <c r="FT30" s="114">
        <v>1522646</v>
      </c>
      <c r="FU30" s="113">
        <v>10067849</v>
      </c>
      <c r="FV30" s="116">
        <v>12120385</v>
      </c>
      <c r="FW30" s="115">
        <v>375350</v>
      </c>
      <c r="FX30" s="114">
        <v>741906</v>
      </c>
      <c r="FY30" s="112">
        <v>1117256</v>
      </c>
      <c r="FZ30" s="111">
        <v>0</v>
      </c>
      <c r="GA30" s="114">
        <v>980486</v>
      </c>
      <c r="GB30" s="114">
        <v>2410146</v>
      </c>
      <c r="GC30" s="114">
        <v>1626428</v>
      </c>
      <c r="GD30" s="114">
        <v>2112234</v>
      </c>
      <c r="GE30" s="114">
        <v>1357406</v>
      </c>
      <c r="GF30" s="113">
        <v>8486700</v>
      </c>
      <c r="GG30" s="319">
        <v>9603956</v>
      </c>
      <c r="GH30" s="115">
        <v>85035</v>
      </c>
      <c r="GI30" s="114">
        <v>88165</v>
      </c>
      <c r="GJ30" s="112">
        <v>173200</v>
      </c>
      <c r="GK30" s="111">
        <v>0</v>
      </c>
      <c r="GL30" s="114">
        <v>89100</v>
      </c>
      <c r="GM30" s="114">
        <v>24552</v>
      </c>
      <c r="GN30" s="114">
        <v>95634</v>
      </c>
      <c r="GO30" s="114">
        <v>111683</v>
      </c>
      <c r="GP30" s="114">
        <v>90000</v>
      </c>
      <c r="GQ30" s="113">
        <v>410969</v>
      </c>
      <c r="GR30" s="116">
        <v>584169</v>
      </c>
      <c r="GS30" s="110">
        <v>453600</v>
      </c>
      <c r="GT30" s="114">
        <v>308480</v>
      </c>
      <c r="GU30" s="113">
        <v>762080</v>
      </c>
      <c r="GV30" s="110">
        <v>0</v>
      </c>
      <c r="GW30" s="114">
        <v>383040</v>
      </c>
      <c r="GX30" s="114">
        <v>558900</v>
      </c>
      <c r="GY30" s="114">
        <v>153000</v>
      </c>
      <c r="GZ30" s="114">
        <v>0</v>
      </c>
      <c r="HA30" s="114">
        <v>75240</v>
      </c>
      <c r="HB30" s="112">
        <v>1170180</v>
      </c>
      <c r="HC30" s="116">
        <v>1932260</v>
      </c>
      <c r="HD30" s="110">
        <v>124492</v>
      </c>
      <c r="HE30" s="114">
        <v>294353</v>
      </c>
      <c r="HF30" s="112">
        <v>418845</v>
      </c>
      <c r="HG30" s="111">
        <v>0</v>
      </c>
      <c r="HH30" s="114">
        <v>3479680</v>
      </c>
      <c r="HI30" s="114">
        <v>3305709</v>
      </c>
      <c r="HJ30" s="114">
        <v>1426326</v>
      </c>
      <c r="HK30" s="114">
        <v>5065963</v>
      </c>
      <c r="HL30" s="114">
        <v>3101980</v>
      </c>
      <c r="HM30" s="113">
        <v>16379658</v>
      </c>
      <c r="HN30" s="109">
        <v>16798503</v>
      </c>
      <c r="HO30" s="115">
        <v>409932</v>
      </c>
      <c r="HP30" s="114">
        <v>690565</v>
      </c>
      <c r="HQ30" s="113">
        <v>1100497</v>
      </c>
      <c r="HR30" s="110">
        <v>0</v>
      </c>
      <c r="HS30" s="114">
        <v>5501432</v>
      </c>
      <c r="HT30" s="114">
        <v>3772940</v>
      </c>
      <c r="HU30" s="114">
        <v>2235811</v>
      </c>
      <c r="HV30" s="114">
        <v>2505516</v>
      </c>
      <c r="HW30" s="114">
        <v>1110141</v>
      </c>
      <c r="HX30" s="112">
        <v>15125840</v>
      </c>
      <c r="HY30" s="116">
        <v>16226337</v>
      </c>
      <c r="HZ30" s="150">
        <v>0</v>
      </c>
      <c r="IA30" s="135">
        <v>0</v>
      </c>
      <c r="IB30" s="150">
        <v>0</v>
      </c>
      <c r="IC30" s="134">
        <v>0</v>
      </c>
      <c r="ID30" s="135">
        <v>8747352</v>
      </c>
      <c r="IE30" s="136">
        <v>5193190</v>
      </c>
      <c r="IF30" s="137">
        <v>4229489</v>
      </c>
      <c r="IG30" s="135">
        <v>2214379</v>
      </c>
      <c r="IH30" s="137">
        <v>445702</v>
      </c>
      <c r="II30" s="138">
        <v>20830112</v>
      </c>
      <c r="IJ30" s="150">
        <v>20830112</v>
      </c>
      <c r="IK30" s="232">
        <v>0</v>
      </c>
      <c r="IL30" s="236">
        <v>0</v>
      </c>
      <c r="IM30" s="237">
        <v>0</v>
      </c>
      <c r="IN30" s="140"/>
      <c r="IO30" s="119">
        <v>0</v>
      </c>
      <c r="IP30" s="119">
        <v>0</v>
      </c>
      <c r="IQ30" s="119">
        <v>0</v>
      </c>
      <c r="IR30" s="119">
        <v>0</v>
      </c>
      <c r="IS30" s="119">
        <v>0</v>
      </c>
      <c r="IT30" s="141">
        <v>0</v>
      </c>
      <c r="IU30" s="321">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4492832</v>
      </c>
      <c r="JL30" s="119">
        <v>2139779</v>
      </c>
      <c r="JM30" s="119">
        <v>1282806</v>
      </c>
      <c r="JN30" s="119">
        <v>599179</v>
      </c>
      <c r="JO30" s="119">
        <v>247979</v>
      </c>
      <c r="JP30" s="120">
        <v>8762575</v>
      </c>
      <c r="JQ30" s="321">
        <v>8762575</v>
      </c>
      <c r="JR30" s="142">
        <v>0</v>
      </c>
      <c r="JS30" s="119">
        <v>0</v>
      </c>
      <c r="JT30" s="141">
        <v>0</v>
      </c>
      <c r="JU30" s="118">
        <v>0</v>
      </c>
      <c r="JV30" s="119">
        <v>594277</v>
      </c>
      <c r="JW30" s="119">
        <v>333757</v>
      </c>
      <c r="JX30" s="119">
        <v>142375</v>
      </c>
      <c r="JY30" s="119">
        <v>0</v>
      </c>
      <c r="JZ30" s="119">
        <v>197723</v>
      </c>
      <c r="KA30" s="120">
        <v>1268132</v>
      </c>
      <c r="KB30" s="321">
        <v>1268132</v>
      </c>
      <c r="KC30" s="234">
        <v>0</v>
      </c>
      <c r="KD30" s="230">
        <v>0</v>
      </c>
      <c r="KE30" s="120">
        <v>0</v>
      </c>
      <c r="KF30" s="118">
        <v>0</v>
      </c>
      <c r="KG30" s="119">
        <v>656972</v>
      </c>
      <c r="KH30" s="119">
        <v>1096423</v>
      </c>
      <c r="KI30" s="119">
        <v>999582</v>
      </c>
      <c r="KJ30" s="119">
        <v>0</v>
      </c>
      <c r="KK30" s="119">
        <v>0</v>
      </c>
      <c r="KL30" s="120">
        <v>2752977</v>
      </c>
      <c r="KM30" s="143">
        <v>2752977</v>
      </c>
      <c r="KN30" s="232">
        <v>0</v>
      </c>
      <c r="KO30" s="236">
        <v>0</v>
      </c>
      <c r="KP30" s="237">
        <v>0</v>
      </c>
      <c r="KQ30" s="140"/>
      <c r="KR30" s="119">
        <v>3003271</v>
      </c>
      <c r="KS30" s="119">
        <v>1623231</v>
      </c>
      <c r="KT30" s="119">
        <v>1804726</v>
      </c>
      <c r="KU30" s="119">
        <v>1615200</v>
      </c>
      <c r="KV30" s="119">
        <v>0</v>
      </c>
      <c r="KW30" s="120">
        <v>8046428</v>
      </c>
      <c r="KX30" s="321">
        <v>8046428</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1">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3907269</v>
      </c>
      <c r="MK30" s="119">
        <v>7882421</v>
      </c>
      <c r="ML30" s="119">
        <v>23517784</v>
      </c>
      <c r="MM30" s="119">
        <v>36832697</v>
      </c>
      <c r="MN30" s="119">
        <v>21560355</v>
      </c>
      <c r="MO30" s="120">
        <v>93700526</v>
      </c>
      <c r="MP30" s="143">
        <v>93700526</v>
      </c>
      <c r="MQ30" s="142">
        <v>0</v>
      </c>
      <c r="MR30" s="119">
        <v>0</v>
      </c>
      <c r="MS30" s="120">
        <v>0</v>
      </c>
      <c r="MT30" s="145"/>
      <c r="MU30" s="119">
        <v>701191</v>
      </c>
      <c r="MV30" s="119">
        <v>2444025</v>
      </c>
      <c r="MW30" s="119">
        <v>15915909</v>
      </c>
      <c r="MX30" s="119">
        <v>20310753</v>
      </c>
      <c r="MY30" s="119">
        <v>15565844</v>
      </c>
      <c r="MZ30" s="120">
        <v>54937722</v>
      </c>
      <c r="NA30" s="143">
        <v>54937722</v>
      </c>
      <c r="NB30" s="142">
        <v>0</v>
      </c>
      <c r="NC30" s="119">
        <v>0</v>
      </c>
      <c r="ND30" s="120">
        <v>0</v>
      </c>
      <c r="NE30" s="145"/>
      <c r="NF30" s="119">
        <v>3206078</v>
      </c>
      <c r="NG30" s="119">
        <v>5438396</v>
      </c>
      <c r="NH30" s="119">
        <v>7601875</v>
      </c>
      <c r="NI30" s="119">
        <v>16124618</v>
      </c>
      <c r="NJ30" s="119">
        <v>5582349</v>
      </c>
      <c r="NK30" s="120">
        <v>37953316</v>
      </c>
      <c r="NL30" s="321">
        <v>37953316</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397326</v>
      </c>
      <c r="OF30" s="119">
        <v>412162</v>
      </c>
      <c r="OG30" s="120">
        <v>809488</v>
      </c>
      <c r="OH30" s="121">
        <v>809488</v>
      </c>
      <c r="OI30" s="142">
        <v>2059872</v>
      </c>
      <c r="OJ30" s="119">
        <v>4344030</v>
      </c>
      <c r="OK30" s="141">
        <v>6403902</v>
      </c>
      <c r="OL30" s="118">
        <v>0</v>
      </c>
      <c r="OM30" s="119">
        <v>42158949</v>
      </c>
      <c r="ON30" s="119">
        <v>43206037</v>
      </c>
      <c r="OO30" s="119">
        <v>46619928</v>
      </c>
      <c r="OP30" s="119">
        <v>67566585</v>
      </c>
      <c r="OQ30" s="119">
        <v>41433766</v>
      </c>
      <c r="OR30" s="120">
        <v>240985265</v>
      </c>
      <c r="OS30" s="143">
        <v>247389167</v>
      </c>
    </row>
    <row r="31" spans="2:409" ht="18.75" customHeight="1" x14ac:dyDescent="0.2">
      <c r="B31" s="62" t="s">
        <v>26</v>
      </c>
      <c r="C31" s="110">
        <v>1857043</v>
      </c>
      <c r="D31" s="114">
        <v>2059261</v>
      </c>
      <c r="E31" s="113">
        <v>3916304</v>
      </c>
      <c r="F31" s="109">
        <v>0</v>
      </c>
      <c r="G31" s="114">
        <v>24700304</v>
      </c>
      <c r="H31" s="114">
        <v>25293036</v>
      </c>
      <c r="I31" s="114">
        <v>21713228</v>
      </c>
      <c r="J31" s="114">
        <v>22522799</v>
      </c>
      <c r="K31" s="114">
        <v>20521550</v>
      </c>
      <c r="L31" s="173">
        <v>114750917</v>
      </c>
      <c r="M31" s="116">
        <v>118667221</v>
      </c>
      <c r="N31" s="110">
        <v>545453</v>
      </c>
      <c r="O31" s="114">
        <v>496317</v>
      </c>
      <c r="P31" s="113">
        <v>1041770</v>
      </c>
      <c r="Q31" s="110">
        <v>0</v>
      </c>
      <c r="R31" s="114">
        <v>6374191</v>
      </c>
      <c r="S31" s="114">
        <v>7009873</v>
      </c>
      <c r="T31" s="114">
        <v>5870301</v>
      </c>
      <c r="U31" s="114">
        <v>8105585</v>
      </c>
      <c r="V31" s="114">
        <v>11527186</v>
      </c>
      <c r="W31" s="113">
        <v>38887136</v>
      </c>
      <c r="X31" s="116">
        <v>39928906</v>
      </c>
      <c r="Y31" s="110">
        <v>0</v>
      </c>
      <c r="Z31" s="114">
        <v>0</v>
      </c>
      <c r="AA31" s="113">
        <v>0</v>
      </c>
      <c r="AB31" s="110">
        <v>0</v>
      </c>
      <c r="AC31" s="114">
        <v>2860387</v>
      </c>
      <c r="AD31" s="114">
        <v>3935590</v>
      </c>
      <c r="AE31" s="114">
        <v>2943519</v>
      </c>
      <c r="AF31" s="114">
        <v>4842862</v>
      </c>
      <c r="AG31" s="114">
        <v>7329155</v>
      </c>
      <c r="AH31" s="113">
        <v>21911513</v>
      </c>
      <c r="AI31" s="116">
        <v>21911513</v>
      </c>
      <c r="AJ31" s="110">
        <v>0</v>
      </c>
      <c r="AK31" s="114">
        <v>0</v>
      </c>
      <c r="AL31" s="113">
        <v>0</v>
      </c>
      <c r="AM31" s="110">
        <v>0</v>
      </c>
      <c r="AN31" s="114">
        <v>0</v>
      </c>
      <c r="AO31" s="114">
        <v>91137</v>
      </c>
      <c r="AP31" s="114">
        <v>268059</v>
      </c>
      <c r="AQ31" s="114">
        <v>661023</v>
      </c>
      <c r="AR31" s="114">
        <v>1134745</v>
      </c>
      <c r="AS31" s="113">
        <v>2154964</v>
      </c>
      <c r="AT31" s="116">
        <v>2154964</v>
      </c>
      <c r="AU31" s="110">
        <v>397073</v>
      </c>
      <c r="AV31" s="114">
        <v>437700</v>
      </c>
      <c r="AW31" s="113">
        <v>834773</v>
      </c>
      <c r="AX31" s="110">
        <v>0</v>
      </c>
      <c r="AY31" s="114">
        <v>2496428</v>
      </c>
      <c r="AZ31" s="114">
        <v>2132530</v>
      </c>
      <c r="BA31" s="114">
        <v>1660605</v>
      </c>
      <c r="BB31" s="114">
        <v>1758775</v>
      </c>
      <c r="BC31" s="114">
        <v>2322837</v>
      </c>
      <c r="BD31" s="113">
        <v>10371175</v>
      </c>
      <c r="BE31" s="116">
        <v>11205948</v>
      </c>
      <c r="BF31" s="110">
        <v>0</v>
      </c>
      <c r="BG31" s="114">
        <v>0</v>
      </c>
      <c r="BH31" s="112">
        <v>0</v>
      </c>
      <c r="BI31" s="111">
        <v>0</v>
      </c>
      <c r="BJ31" s="114">
        <v>275308</v>
      </c>
      <c r="BK31" s="114">
        <v>155941</v>
      </c>
      <c r="BL31" s="114">
        <v>141760</v>
      </c>
      <c r="BM31" s="114">
        <v>5977</v>
      </c>
      <c r="BN31" s="114">
        <v>78978</v>
      </c>
      <c r="BO31" s="113">
        <v>657964</v>
      </c>
      <c r="BP31" s="116">
        <v>657964</v>
      </c>
      <c r="BQ31" s="110">
        <v>148380</v>
      </c>
      <c r="BR31" s="114">
        <v>58617</v>
      </c>
      <c r="BS31" s="113">
        <v>206997</v>
      </c>
      <c r="BT31" s="110">
        <v>0</v>
      </c>
      <c r="BU31" s="114">
        <v>742068</v>
      </c>
      <c r="BV31" s="114">
        <v>694675</v>
      </c>
      <c r="BW31" s="114">
        <v>856358</v>
      </c>
      <c r="BX31" s="114">
        <v>836948</v>
      </c>
      <c r="BY31" s="114">
        <v>661471</v>
      </c>
      <c r="BZ31" s="113">
        <v>3791520</v>
      </c>
      <c r="CA31" s="116">
        <v>3998517</v>
      </c>
      <c r="CB31" s="110">
        <v>66146</v>
      </c>
      <c r="CC31" s="114">
        <v>195716</v>
      </c>
      <c r="CD31" s="113">
        <v>261862</v>
      </c>
      <c r="CE31" s="110">
        <v>0</v>
      </c>
      <c r="CF31" s="114">
        <v>8126568</v>
      </c>
      <c r="CG31" s="114">
        <v>7937736</v>
      </c>
      <c r="CH31" s="114">
        <v>5779117</v>
      </c>
      <c r="CI31" s="114">
        <v>3663365</v>
      </c>
      <c r="CJ31" s="114">
        <v>2607448</v>
      </c>
      <c r="CK31" s="113">
        <v>28114234</v>
      </c>
      <c r="CL31" s="116">
        <v>28376096</v>
      </c>
      <c r="CM31" s="110">
        <v>0</v>
      </c>
      <c r="CN31" s="114">
        <v>0</v>
      </c>
      <c r="CO31" s="113">
        <v>0</v>
      </c>
      <c r="CP31" s="111">
        <v>0</v>
      </c>
      <c r="CQ31" s="114">
        <v>6859637</v>
      </c>
      <c r="CR31" s="114">
        <v>6153850</v>
      </c>
      <c r="CS31" s="114">
        <v>4429063</v>
      </c>
      <c r="CT31" s="114">
        <v>2932168</v>
      </c>
      <c r="CU31" s="114">
        <v>1861437</v>
      </c>
      <c r="CV31" s="113">
        <v>22236155</v>
      </c>
      <c r="CW31" s="116">
        <v>22236155</v>
      </c>
      <c r="CX31" s="110">
        <v>66146</v>
      </c>
      <c r="CY31" s="114">
        <v>195716</v>
      </c>
      <c r="CZ31" s="113">
        <v>261862</v>
      </c>
      <c r="DA31" s="110">
        <v>0</v>
      </c>
      <c r="DB31" s="114">
        <v>1266931</v>
      </c>
      <c r="DC31" s="114">
        <v>1783886</v>
      </c>
      <c r="DD31" s="114">
        <v>1350054</v>
      </c>
      <c r="DE31" s="114">
        <v>731197</v>
      </c>
      <c r="DF31" s="114">
        <v>746011</v>
      </c>
      <c r="DG31" s="113">
        <v>5878079</v>
      </c>
      <c r="DH31" s="116">
        <v>6139941</v>
      </c>
      <c r="DI31" s="110">
        <v>0</v>
      </c>
      <c r="DJ31" s="114">
        <v>102953</v>
      </c>
      <c r="DK31" s="112">
        <v>102953</v>
      </c>
      <c r="DL31" s="111">
        <v>0</v>
      </c>
      <c r="DM31" s="114">
        <v>546834</v>
      </c>
      <c r="DN31" s="114">
        <v>1050240</v>
      </c>
      <c r="DO31" s="114">
        <v>1577687</v>
      </c>
      <c r="DP31" s="114">
        <v>3056322</v>
      </c>
      <c r="DQ31" s="114">
        <v>783039</v>
      </c>
      <c r="DR31" s="113">
        <v>7014122</v>
      </c>
      <c r="DS31" s="116">
        <v>7117075</v>
      </c>
      <c r="DT31" s="110">
        <v>0</v>
      </c>
      <c r="DU31" s="114">
        <v>102953</v>
      </c>
      <c r="DV31" s="113">
        <v>102953</v>
      </c>
      <c r="DW31" s="110">
        <v>0</v>
      </c>
      <c r="DX31" s="114">
        <v>461365</v>
      </c>
      <c r="DY31" s="114">
        <v>911574</v>
      </c>
      <c r="DZ31" s="114">
        <v>1316316</v>
      </c>
      <c r="EA31" s="114">
        <v>2767663</v>
      </c>
      <c r="EB31" s="114">
        <v>529322</v>
      </c>
      <c r="EC31" s="113">
        <v>5986240</v>
      </c>
      <c r="ED31" s="116">
        <v>6089193</v>
      </c>
      <c r="EE31" s="110">
        <v>0</v>
      </c>
      <c r="EF31" s="112">
        <v>0</v>
      </c>
      <c r="EG31" s="113">
        <v>0</v>
      </c>
      <c r="EH31" s="110">
        <v>0</v>
      </c>
      <c r="EI31" s="114">
        <v>85469</v>
      </c>
      <c r="EJ31" s="114">
        <v>138666</v>
      </c>
      <c r="EK31" s="114">
        <v>261371</v>
      </c>
      <c r="EL31" s="114">
        <v>288659</v>
      </c>
      <c r="EM31" s="114">
        <v>253717</v>
      </c>
      <c r="EN31" s="112">
        <v>1027882</v>
      </c>
      <c r="EO31" s="116">
        <v>1027882</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8"/>
      <c r="FE31" s="114">
        <v>0</v>
      </c>
      <c r="FF31" s="114">
        <v>0</v>
      </c>
      <c r="FG31" s="114">
        <v>0</v>
      </c>
      <c r="FH31" s="114">
        <v>0</v>
      </c>
      <c r="FI31" s="114">
        <v>0</v>
      </c>
      <c r="FJ31" s="113">
        <v>0</v>
      </c>
      <c r="FK31" s="116">
        <v>0</v>
      </c>
      <c r="FL31" s="110">
        <v>308160</v>
      </c>
      <c r="FM31" s="114">
        <v>538298</v>
      </c>
      <c r="FN31" s="113">
        <v>846458</v>
      </c>
      <c r="FO31" s="110">
        <v>0</v>
      </c>
      <c r="FP31" s="114">
        <v>1541148</v>
      </c>
      <c r="FQ31" s="114">
        <v>2409530</v>
      </c>
      <c r="FR31" s="114">
        <v>2035555</v>
      </c>
      <c r="FS31" s="114">
        <v>1767674</v>
      </c>
      <c r="FT31" s="114">
        <v>1582615</v>
      </c>
      <c r="FU31" s="113">
        <v>9336522</v>
      </c>
      <c r="FV31" s="116">
        <v>10182980</v>
      </c>
      <c r="FW31" s="115">
        <v>221040</v>
      </c>
      <c r="FX31" s="114">
        <v>500048</v>
      </c>
      <c r="FY31" s="112">
        <v>721088</v>
      </c>
      <c r="FZ31" s="111">
        <v>0</v>
      </c>
      <c r="GA31" s="114">
        <v>1304286</v>
      </c>
      <c r="GB31" s="114">
        <v>2237045</v>
      </c>
      <c r="GC31" s="114">
        <v>1591941</v>
      </c>
      <c r="GD31" s="114">
        <v>1565174</v>
      </c>
      <c r="GE31" s="114">
        <v>1582615</v>
      </c>
      <c r="GF31" s="113">
        <v>8281061</v>
      </c>
      <c r="GG31" s="319">
        <v>9002149</v>
      </c>
      <c r="GH31" s="115">
        <v>0</v>
      </c>
      <c r="GI31" s="114">
        <v>0</v>
      </c>
      <c r="GJ31" s="112">
        <v>0</v>
      </c>
      <c r="GK31" s="111">
        <v>0</v>
      </c>
      <c r="GL31" s="114">
        <v>32472</v>
      </c>
      <c r="GM31" s="114">
        <v>117225</v>
      </c>
      <c r="GN31" s="114">
        <v>133372</v>
      </c>
      <c r="GO31" s="114">
        <v>0</v>
      </c>
      <c r="GP31" s="114">
        <v>0</v>
      </c>
      <c r="GQ31" s="113">
        <v>283069</v>
      </c>
      <c r="GR31" s="116">
        <v>283069</v>
      </c>
      <c r="GS31" s="110">
        <v>87120</v>
      </c>
      <c r="GT31" s="114">
        <v>38250</v>
      </c>
      <c r="GU31" s="113">
        <v>125370</v>
      </c>
      <c r="GV31" s="110">
        <v>0</v>
      </c>
      <c r="GW31" s="114">
        <v>204390</v>
      </c>
      <c r="GX31" s="114">
        <v>55260</v>
      </c>
      <c r="GY31" s="114">
        <v>310242</v>
      </c>
      <c r="GZ31" s="114">
        <v>202500</v>
      </c>
      <c r="HA31" s="114">
        <v>0</v>
      </c>
      <c r="HB31" s="112">
        <v>772392</v>
      </c>
      <c r="HC31" s="116">
        <v>897762</v>
      </c>
      <c r="HD31" s="110">
        <v>596233</v>
      </c>
      <c r="HE31" s="114">
        <v>243002</v>
      </c>
      <c r="HF31" s="112">
        <v>839235</v>
      </c>
      <c r="HG31" s="111">
        <v>0</v>
      </c>
      <c r="HH31" s="114">
        <v>3300862</v>
      </c>
      <c r="HI31" s="114">
        <v>3623504</v>
      </c>
      <c r="HJ31" s="114">
        <v>4202323</v>
      </c>
      <c r="HK31" s="114">
        <v>4178536</v>
      </c>
      <c r="HL31" s="114">
        <v>2704584</v>
      </c>
      <c r="HM31" s="113">
        <v>18009809</v>
      </c>
      <c r="HN31" s="109">
        <v>18849044</v>
      </c>
      <c r="HO31" s="115">
        <v>341051</v>
      </c>
      <c r="HP31" s="114">
        <v>482975</v>
      </c>
      <c r="HQ31" s="113">
        <v>824026</v>
      </c>
      <c r="HR31" s="110">
        <v>0</v>
      </c>
      <c r="HS31" s="114">
        <v>4810701</v>
      </c>
      <c r="HT31" s="114">
        <v>3262153</v>
      </c>
      <c r="HU31" s="114">
        <v>2248245</v>
      </c>
      <c r="HV31" s="114">
        <v>1751317</v>
      </c>
      <c r="HW31" s="114">
        <v>1316678</v>
      </c>
      <c r="HX31" s="112">
        <v>13389094</v>
      </c>
      <c r="HY31" s="116">
        <v>14213120</v>
      </c>
      <c r="HZ31" s="131">
        <v>53875</v>
      </c>
      <c r="IA31" s="132">
        <v>0</v>
      </c>
      <c r="IB31" s="133">
        <v>53875</v>
      </c>
      <c r="IC31" s="146">
        <v>0</v>
      </c>
      <c r="ID31" s="132">
        <v>6412453</v>
      </c>
      <c r="IE31" s="147">
        <v>7178393</v>
      </c>
      <c r="IF31" s="133">
        <v>9776373</v>
      </c>
      <c r="IG31" s="132">
        <v>5045459</v>
      </c>
      <c r="IH31" s="133">
        <v>4477932</v>
      </c>
      <c r="II31" s="148">
        <v>32890610</v>
      </c>
      <c r="IJ31" s="139">
        <v>32944485</v>
      </c>
      <c r="IK31" s="232">
        <v>0</v>
      </c>
      <c r="IL31" s="236">
        <v>0</v>
      </c>
      <c r="IM31" s="237">
        <v>0</v>
      </c>
      <c r="IN31" s="140"/>
      <c r="IO31" s="119">
        <v>0</v>
      </c>
      <c r="IP31" s="119">
        <v>0</v>
      </c>
      <c r="IQ31" s="119">
        <v>0</v>
      </c>
      <c r="IR31" s="119">
        <v>0</v>
      </c>
      <c r="IS31" s="119">
        <v>0</v>
      </c>
      <c r="IT31" s="141">
        <v>0</v>
      </c>
      <c r="IU31" s="321">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797223</v>
      </c>
      <c r="JL31" s="119">
        <v>3045266</v>
      </c>
      <c r="JM31" s="119">
        <v>2387558</v>
      </c>
      <c r="JN31" s="119">
        <v>1483594</v>
      </c>
      <c r="JO31" s="119">
        <v>1692891</v>
      </c>
      <c r="JP31" s="120">
        <v>11406532</v>
      </c>
      <c r="JQ31" s="321">
        <v>11406532</v>
      </c>
      <c r="JR31" s="142">
        <v>0</v>
      </c>
      <c r="JS31" s="119">
        <v>0</v>
      </c>
      <c r="JT31" s="141">
        <v>0</v>
      </c>
      <c r="JU31" s="118">
        <v>0</v>
      </c>
      <c r="JV31" s="119">
        <v>84611</v>
      </c>
      <c r="JW31" s="119">
        <v>232572</v>
      </c>
      <c r="JX31" s="119">
        <v>1199510</v>
      </c>
      <c r="JY31" s="119">
        <v>179682</v>
      </c>
      <c r="JZ31" s="119">
        <v>514334</v>
      </c>
      <c r="KA31" s="120">
        <v>2210709</v>
      </c>
      <c r="KB31" s="321">
        <v>2210709</v>
      </c>
      <c r="KC31" s="234">
        <v>53875</v>
      </c>
      <c r="KD31" s="230">
        <v>0</v>
      </c>
      <c r="KE31" s="120">
        <v>53875</v>
      </c>
      <c r="KF31" s="118">
        <v>0</v>
      </c>
      <c r="KG31" s="119">
        <v>947663</v>
      </c>
      <c r="KH31" s="119">
        <v>1155921</v>
      </c>
      <c r="KI31" s="119">
        <v>1293654</v>
      </c>
      <c r="KJ31" s="119">
        <v>925420</v>
      </c>
      <c r="KK31" s="119">
        <v>955404</v>
      </c>
      <c r="KL31" s="120">
        <v>5278062</v>
      </c>
      <c r="KM31" s="143">
        <v>5331937</v>
      </c>
      <c r="KN31" s="232">
        <v>0</v>
      </c>
      <c r="KO31" s="236">
        <v>0</v>
      </c>
      <c r="KP31" s="237">
        <v>0</v>
      </c>
      <c r="KQ31" s="140"/>
      <c r="KR31" s="119">
        <v>2582956</v>
      </c>
      <c r="KS31" s="119">
        <v>2513301</v>
      </c>
      <c r="KT31" s="119">
        <v>4895651</v>
      </c>
      <c r="KU31" s="119">
        <v>2456763</v>
      </c>
      <c r="KV31" s="119">
        <v>1315303</v>
      </c>
      <c r="KW31" s="120">
        <v>13763974</v>
      </c>
      <c r="KX31" s="321">
        <v>13763974</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231333</v>
      </c>
      <c r="LP31" s="119">
        <v>0</v>
      </c>
      <c r="LQ31" s="119">
        <v>0</v>
      </c>
      <c r="LR31" s="119">
        <v>0</v>
      </c>
      <c r="LS31" s="120">
        <v>231333</v>
      </c>
      <c r="LT31" s="321">
        <v>231333</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2307560</v>
      </c>
      <c r="MK31" s="119">
        <v>8392264</v>
      </c>
      <c r="ML31" s="119">
        <v>14584453</v>
      </c>
      <c r="MM31" s="119">
        <v>22694200</v>
      </c>
      <c r="MN31" s="119">
        <v>20394039</v>
      </c>
      <c r="MO31" s="120">
        <v>68372516</v>
      </c>
      <c r="MP31" s="143">
        <v>68372516</v>
      </c>
      <c r="MQ31" s="142">
        <v>0</v>
      </c>
      <c r="MR31" s="119">
        <v>0</v>
      </c>
      <c r="MS31" s="120">
        <v>0</v>
      </c>
      <c r="MT31" s="145"/>
      <c r="MU31" s="119">
        <v>0</v>
      </c>
      <c r="MV31" s="119">
        <v>1760408</v>
      </c>
      <c r="MW31" s="119">
        <v>7911798</v>
      </c>
      <c r="MX31" s="119">
        <v>17619215</v>
      </c>
      <c r="MY31" s="119">
        <v>15747751</v>
      </c>
      <c r="MZ31" s="120">
        <v>43039172</v>
      </c>
      <c r="NA31" s="143">
        <v>43039172</v>
      </c>
      <c r="NB31" s="142">
        <v>0</v>
      </c>
      <c r="NC31" s="119">
        <v>0</v>
      </c>
      <c r="ND31" s="120">
        <v>0</v>
      </c>
      <c r="NE31" s="145"/>
      <c r="NF31" s="119">
        <v>2307560</v>
      </c>
      <c r="NG31" s="119">
        <v>6631856</v>
      </c>
      <c r="NH31" s="119">
        <v>6672655</v>
      </c>
      <c r="NI31" s="119">
        <v>5076741</v>
      </c>
      <c r="NJ31" s="119">
        <v>3418166</v>
      </c>
      <c r="NK31" s="120">
        <v>24106978</v>
      </c>
      <c r="NL31" s="321">
        <v>24106978</v>
      </c>
      <c r="NM31" s="142">
        <v>0</v>
      </c>
      <c r="NN31" s="119">
        <v>0</v>
      </c>
      <c r="NO31" s="120">
        <v>0</v>
      </c>
      <c r="NP31" s="145"/>
      <c r="NQ31" s="119">
        <v>0</v>
      </c>
      <c r="NR31" s="119">
        <v>0</v>
      </c>
      <c r="NS31" s="119">
        <v>0</v>
      </c>
      <c r="NT31" s="119">
        <v>0</v>
      </c>
      <c r="NU31" s="119">
        <v>359356</v>
      </c>
      <c r="NV31" s="120">
        <v>359356</v>
      </c>
      <c r="NW31" s="121">
        <v>359356</v>
      </c>
      <c r="NX31" s="142">
        <v>0</v>
      </c>
      <c r="NY31" s="119">
        <v>0</v>
      </c>
      <c r="NZ31" s="120">
        <v>0</v>
      </c>
      <c r="OA31" s="145"/>
      <c r="OB31" s="119">
        <v>0</v>
      </c>
      <c r="OC31" s="119">
        <v>0</v>
      </c>
      <c r="OD31" s="119">
        <v>0</v>
      </c>
      <c r="OE31" s="119">
        <v>-1756</v>
      </c>
      <c r="OF31" s="119">
        <v>868766</v>
      </c>
      <c r="OG31" s="120">
        <v>867010</v>
      </c>
      <c r="OH31" s="121">
        <v>867010</v>
      </c>
      <c r="OI31" s="142">
        <v>1910918</v>
      </c>
      <c r="OJ31" s="119">
        <v>2059261</v>
      </c>
      <c r="OK31" s="141">
        <v>3970179</v>
      </c>
      <c r="OL31" s="118">
        <v>0</v>
      </c>
      <c r="OM31" s="119">
        <v>33420317</v>
      </c>
      <c r="ON31" s="119">
        <v>40863693</v>
      </c>
      <c r="OO31" s="119">
        <v>46074054</v>
      </c>
      <c r="OP31" s="119">
        <v>50262458</v>
      </c>
      <c r="OQ31" s="119">
        <v>45393521</v>
      </c>
      <c r="OR31" s="120">
        <v>216014043</v>
      </c>
      <c r="OS31" s="143">
        <v>219984222</v>
      </c>
    </row>
    <row r="32" spans="2:409" ht="18.75" customHeight="1" x14ac:dyDescent="0.2">
      <c r="B32" s="62" t="s">
        <v>27</v>
      </c>
      <c r="C32" s="110">
        <v>3051902</v>
      </c>
      <c r="D32" s="114">
        <v>5952049</v>
      </c>
      <c r="E32" s="113">
        <v>9003951</v>
      </c>
      <c r="F32" s="109">
        <v>0</v>
      </c>
      <c r="G32" s="114">
        <v>21320435</v>
      </c>
      <c r="H32" s="114">
        <v>25047828</v>
      </c>
      <c r="I32" s="114">
        <v>23218608</v>
      </c>
      <c r="J32" s="114">
        <v>24484102</v>
      </c>
      <c r="K32" s="114">
        <v>16257378</v>
      </c>
      <c r="L32" s="173">
        <v>110328351</v>
      </c>
      <c r="M32" s="116">
        <v>119332302</v>
      </c>
      <c r="N32" s="110">
        <v>720532</v>
      </c>
      <c r="O32" s="114">
        <v>1406464</v>
      </c>
      <c r="P32" s="113">
        <v>2126996</v>
      </c>
      <c r="Q32" s="110">
        <v>0</v>
      </c>
      <c r="R32" s="114">
        <v>4559328</v>
      </c>
      <c r="S32" s="114">
        <v>5392607</v>
      </c>
      <c r="T32" s="114">
        <v>6475666</v>
      </c>
      <c r="U32" s="114">
        <v>7832793</v>
      </c>
      <c r="V32" s="114">
        <v>7249699</v>
      </c>
      <c r="W32" s="113">
        <v>31510093</v>
      </c>
      <c r="X32" s="116">
        <v>33637089</v>
      </c>
      <c r="Y32" s="110">
        <v>0</v>
      </c>
      <c r="Z32" s="114">
        <v>0</v>
      </c>
      <c r="AA32" s="113">
        <v>0</v>
      </c>
      <c r="AB32" s="110">
        <v>0</v>
      </c>
      <c r="AC32" s="114">
        <v>2591504</v>
      </c>
      <c r="AD32" s="114">
        <v>3030730</v>
      </c>
      <c r="AE32" s="114">
        <v>3904656</v>
      </c>
      <c r="AF32" s="114">
        <v>4127039</v>
      </c>
      <c r="AG32" s="114">
        <v>3701485</v>
      </c>
      <c r="AH32" s="113">
        <v>17355414</v>
      </c>
      <c r="AI32" s="116">
        <v>17355414</v>
      </c>
      <c r="AJ32" s="110">
        <v>0</v>
      </c>
      <c r="AK32" s="114">
        <v>0</v>
      </c>
      <c r="AL32" s="113">
        <v>0</v>
      </c>
      <c r="AM32" s="110">
        <v>0</v>
      </c>
      <c r="AN32" s="114">
        <v>38510</v>
      </c>
      <c r="AO32" s="114">
        <v>114386</v>
      </c>
      <c r="AP32" s="114">
        <v>239339</v>
      </c>
      <c r="AQ32" s="114">
        <v>1008625</v>
      </c>
      <c r="AR32" s="114">
        <v>992183</v>
      </c>
      <c r="AS32" s="113">
        <v>2393043</v>
      </c>
      <c r="AT32" s="116">
        <v>2393043</v>
      </c>
      <c r="AU32" s="110">
        <v>586562</v>
      </c>
      <c r="AV32" s="114">
        <v>1134498</v>
      </c>
      <c r="AW32" s="113">
        <v>1721060</v>
      </c>
      <c r="AX32" s="110">
        <v>0</v>
      </c>
      <c r="AY32" s="114">
        <v>1127199</v>
      </c>
      <c r="AZ32" s="114">
        <v>1437977</v>
      </c>
      <c r="BA32" s="114">
        <v>1301080</v>
      </c>
      <c r="BB32" s="114">
        <v>1781670</v>
      </c>
      <c r="BC32" s="114">
        <v>2043852</v>
      </c>
      <c r="BD32" s="113">
        <v>7691778</v>
      </c>
      <c r="BE32" s="116">
        <v>9412838</v>
      </c>
      <c r="BF32" s="110">
        <v>0</v>
      </c>
      <c r="BG32" s="114">
        <v>92941</v>
      </c>
      <c r="BH32" s="112">
        <v>92941</v>
      </c>
      <c r="BI32" s="111">
        <v>0</v>
      </c>
      <c r="BJ32" s="114">
        <v>0</v>
      </c>
      <c r="BK32" s="114">
        <v>0</v>
      </c>
      <c r="BL32" s="114">
        <v>0</v>
      </c>
      <c r="BM32" s="114">
        <v>0</v>
      </c>
      <c r="BN32" s="114">
        <v>5634</v>
      </c>
      <c r="BO32" s="113">
        <v>5634</v>
      </c>
      <c r="BP32" s="116">
        <v>98575</v>
      </c>
      <c r="BQ32" s="110">
        <v>133970</v>
      </c>
      <c r="BR32" s="114">
        <v>179025</v>
      </c>
      <c r="BS32" s="113">
        <v>312995</v>
      </c>
      <c r="BT32" s="110">
        <v>0</v>
      </c>
      <c r="BU32" s="114">
        <v>802115</v>
      </c>
      <c r="BV32" s="114">
        <v>809514</v>
      </c>
      <c r="BW32" s="114">
        <v>1030591</v>
      </c>
      <c r="BX32" s="114">
        <v>915459</v>
      </c>
      <c r="BY32" s="114">
        <v>506545</v>
      </c>
      <c r="BZ32" s="113">
        <v>4064224</v>
      </c>
      <c r="CA32" s="116">
        <v>4377219</v>
      </c>
      <c r="CB32" s="110">
        <v>239461</v>
      </c>
      <c r="CC32" s="114">
        <v>1174712</v>
      </c>
      <c r="CD32" s="113">
        <v>1414173</v>
      </c>
      <c r="CE32" s="110">
        <v>0</v>
      </c>
      <c r="CF32" s="114">
        <v>6918577</v>
      </c>
      <c r="CG32" s="114">
        <v>7734762</v>
      </c>
      <c r="CH32" s="114">
        <v>4878189</v>
      </c>
      <c r="CI32" s="114">
        <v>3409568</v>
      </c>
      <c r="CJ32" s="114">
        <v>1905372</v>
      </c>
      <c r="CK32" s="113">
        <v>24846468</v>
      </c>
      <c r="CL32" s="116">
        <v>26260641</v>
      </c>
      <c r="CM32" s="110">
        <v>0</v>
      </c>
      <c r="CN32" s="114">
        <v>0</v>
      </c>
      <c r="CO32" s="113">
        <v>0</v>
      </c>
      <c r="CP32" s="111">
        <v>0</v>
      </c>
      <c r="CQ32" s="114">
        <v>5798241</v>
      </c>
      <c r="CR32" s="114">
        <v>5946139</v>
      </c>
      <c r="CS32" s="114">
        <v>3955168</v>
      </c>
      <c r="CT32" s="114">
        <v>3048825</v>
      </c>
      <c r="CU32" s="114">
        <v>1494788</v>
      </c>
      <c r="CV32" s="113">
        <v>20243161</v>
      </c>
      <c r="CW32" s="116">
        <v>20243161</v>
      </c>
      <c r="CX32" s="110">
        <v>239461</v>
      </c>
      <c r="CY32" s="114">
        <v>1174712</v>
      </c>
      <c r="CZ32" s="113">
        <v>1414173</v>
      </c>
      <c r="DA32" s="110">
        <v>0</v>
      </c>
      <c r="DB32" s="114">
        <v>1120336</v>
      </c>
      <c r="DC32" s="114">
        <v>1788623</v>
      </c>
      <c r="DD32" s="114">
        <v>923021</v>
      </c>
      <c r="DE32" s="114">
        <v>360743</v>
      </c>
      <c r="DF32" s="114">
        <v>410584</v>
      </c>
      <c r="DG32" s="113">
        <v>4603307</v>
      </c>
      <c r="DH32" s="116">
        <v>6017480</v>
      </c>
      <c r="DI32" s="110">
        <v>0</v>
      </c>
      <c r="DJ32" s="114">
        <v>35749</v>
      </c>
      <c r="DK32" s="112">
        <v>35749</v>
      </c>
      <c r="DL32" s="111">
        <v>0</v>
      </c>
      <c r="DM32" s="114">
        <v>797818</v>
      </c>
      <c r="DN32" s="114">
        <v>670140</v>
      </c>
      <c r="DO32" s="114">
        <v>951036</v>
      </c>
      <c r="DP32" s="114">
        <v>1597661</v>
      </c>
      <c r="DQ32" s="114">
        <v>879338</v>
      </c>
      <c r="DR32" s="113">
        <v>4895993</v>
      </c>
      <c r="DS32" s="116">
        <v>4931742</v>
      </c>
      <c r="DT32" s="110">
        <v>0</v>
      </c>
      <c r="DU32" s="114">
        <v>35749</v>
      </c>
      <c r="DV32" s="113">
        <v>35749</v>
      </c>
      <c r="DW32" s="110">
        <v>0</v>
      </c>
      <c r="DX32" s="114">
        <v>463275</v>
      </c>
      <c r="DY32" s="114">
        <v>608157</v>
      </c>
      <c r="DZ32" s="114">
        <v>863164</v>
      </c>
      <c r="EA32" s="114">
        <v>1347460</v>
      </c>
      <c r="EB32" s="114">
        <v>728134</v>
      </c>
      <c r="EC32" s="113">
        <v>4010190</v>
      </c>
      <c r="ED32" s="116">
        <v>4045939</v>
      </c>
      <c r="EE32" s="110">
        <v>0</v>
      </c>
      <c r="EF32" s="112">
        <v>0</v>
      </c>
      <c r="EG32" s="113">
        <v>0</v>
      </c>
      <c r="EH32" s="110">
        <v>0</v>
      </c>
      <c r="EI32" s="114">
        <v>334543</v>
      </c>
      <c r="EJ32" s="114">
        <v>61983</v>
      </c>
      <c r="EK32" s="114">
        <v>87872</v>
      </c>
      <c r="EL32" s="114">
        <v>250201</v>
      </c>
      <c r="EM32" s="114">
        <v>151204</v>
      </c>
      <c r="EN32" s="112">
        <v>885803</v>
      </c>
      <c r="EO32" s="116">
        <v>885803</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8"/>
      <c r="FE32" s="114">
        <v>0</v>
      </c>
      <c r="FF32" s="114">
        <v>0</v>
      </c>
      <c r="FG32" s="114">
        <v>0</v>
      </c>
      <c r="FH32" s="114">
        <v>0</v>
      </c>
      <c r="FI32" s="114">
        <v>0</v>
      </c>
      <c r="FJ32" s="113">
        <v>0</v>
      </c>
      <c r="FK32" s="116">
        <v>0</v>
      </c>
      <c r="FL32" s="110">
        <v>920810</v>
      </c>
      <c r="FM32" s="114">
        <v>1295182</v>
      </c>
      <c r="FN32" s="113">
        <v>2215992</v>
      </c>
      <c r="FO32" s="110">
        <v>0</v>
      </c>
      <c r="FP32" s="114">
        <v>728343</v>
      </c>
      <c r="FQ32" s="114">
        <v>2237282</v>
      </c>
      <c r="FR32" s="114">
        <v>1513833</v>
      </c>
      <c r="FS32" s="114">
        <v>1319129</v>
      </c>
      <c r="FT32" s="114">
        <v>1891868</v>
      </c>
      <c r="FU32" s="113">
        <v>7690455</v>
      </c>
      <c r="FV32" s="116">
        <v>9906447</v>
      </c>
      <c r="FW32" s="115">
        <v>382648</v>
      </c>
      <c r="FX32" s="114">
        <v>865850</v>
      </c>
      <c r="FY32" s="112">
        <v>1248498</v>
      </c>
      <c r="FZ32" s="111">
        <v>0</v>
      </c>
      <c r="GA32" s="114">
        <v>487953</v>
      </c>
      <c r="GB32" s="114">
        <v>2034562</v>
      </c>
      <c r="GC32" s="114">
        <v>1301541</v>
      </c>
      <c r="GD32" s="114">
        <v>1286459</v>
      </c>
      <c r="GE32" s="114">
        <v>1891868</v>
      </c>
      <c r="GF32" s="113">
        <v>7002383</v>
      </c>
      <c r="GG32" s="319">
        <v>8250881</v>
      </c>
      <c r="GH32" s="115">
        <v>68508</v>
      </c>
      <c r="GI32" s="114">
        <v>74992</v>
      </c>
      <c r="GJ32" s="112">
        <v>143500</v>
      </c>
      <c r="GK32" s="111">
        <v>0</v>
      </c>
      <c r="GL32" s="114">
        <v>13860</v>
      </c>
      <c r="GM32" s="114">
        <v>22720</v>
      </c>
      <c r="GN32" s="114">
        <v>60192</v>
      </c>
      <c r="GO32" s="114">
        <v>17820</v>
      </c>
      <c r="GP32" s="114">
        <v>0</v>
      </c>
      <c r="GQ32" s="113">
        <v>114592</v>
      </c>
      <c r="GR32" s="116">
        <v>258092</v>
      </c>
      <c r="GS32" s="110">
        <v>469654</v>
      </c>
      <c r="GT32" s="114">
        <v>354340</v>
      </c>
      <c r="GU32" s="113">
        <v>823994</v>
      </c>
      <c r="GV32" s="110">
        <v>0</v>
      </c>
      <c r="GW32" s="114">
        <v>226530</v>
      </c>
      <c r="GX32" s="114">
        <v>180000</v>
      </c>
      <c r="GY32" s="114">
        <v>152100</v>
      </c>
      <c r="GZ32" s="114">
        <v>14850</v>
      </c>
      <c r="HA32" s="114">
        <v>0</v>
      </c>
      <c r="HB32" s="112">
        <v>573480</v>
      </c>
      <c r="HC32" s="116">
        <v>1397474</v>
      </c>
      <c r="HD32" s="110">
        <v>688858</v>
      </c>
      <c r="HE32" s="114">
        <v>1301294</v>
      </c>
      <c r="HF32" s="112">
        <v>1990152</v>
      </c>
      <c r="HG32" s="111">
        <v>0</v>
      </c>
      <c r="HH32" s="114">
        <v>5418762</v>
      </c>
      <c r="HI32" s="114">
        <v>6247556</v>
      </c>
      <c r="HJ32" s="114">
        <v>7453999</v>
      </c>
      <c r="HK32" s="114">
        <v>9007387</v>
      </c>
      <c r="HL32" s="114">
        <v>3454138</v>
      </c>
      <c r="HM32" s="113">
        <v>31581842</v>
      </c>
      <c r="HN32" s="109">
        <v>33571994</v>
      </c>
      <c r="HO32" s="115">
        <v>482241</v>
      </c>
      <c r="HP32" s="114">
        <v>738648</v>
      </c>
      <c r="HQ32" s="113">
        <v>1220889</v>
      </c>
      <c r="HR32" s="110">
        <v>0</v>
      </c>
      <c r="HS32" s="114">
        <v>2897607</v>
      </c>
      <c r="HT32" s="114">
        <v>2765481</v>
      </c>
      <c r="HU32" s="114">
        <v>1945885</v>
      </c>
      <c r="HV32" s="114">
        <v>1317564</v>
      </c>
      <c r="HW32" s="114">
        <v>876963</v>
      </c>
      <c r="HX32" s="112">
        <v>9803500</v>
      </c>
      <c r="HY32" s="116">
        <v>11024389</v>
      </c>
      <c r="HZ32" s="150">
        <v>0</v>
      </c>
      <c r="IA32" s="135">
        <v>0</v>
      </c>
      <c r="IB32" s="150">
        <v>0</v>
      </c>
      <c r="IC32" s="134">
        <v>0</v>
      </c>
      <c r="ID32" s="135">
        <v>6354598</v>
      </c>
      <c r="IE32" s="136">
        <v>2944612</v>
      </c>
      <c r="IF32" s="137">
        <v>6203242</v>
      </c>
      <c r="IG32" s="135">
        <v>2672351</v>
      </c>
      <c r="IH32" s="137">
        <v>1998384</v>
      </c>
      <c r="II32" s="138">
        <v>20173187</v>
      </c>
      <c r="IJ32" s="150">
        <v>20173187</v>
      </c>
      <c r="IK32" s="232">
        <v>0</v>
      </c>
      <c r="IL32" s="236">
        <v>0</v>
      </c>
      <c r="IM32" s="237">
        <v>0</v>
      </c>
      <c r="IN32" s="140"/>
      <c r="IO32" s="119">
        <v>0</v>
      </c>
      <c r="IP32" s="119">
        <v>215448</v>
      </c>
      <c r="IQ32" s="119">
        <v>0</v>
      </c>
      <c r="IR32" s="119">
        <v>0</v>
      </c>
      <c r="IS32" s="119">
        <v>0</v>
      </c>
      <c r="IT32" s="141">
        <v>215448</v>
      </c>
      <c r="IU32" s="321">
        <v>215448</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770152</v>
      </c>
      <c r="JL32" s="119">
        <v>1086881</v>
      </c>
      <c r="JM32" s="119">
        <v>740415</v>
      </c>
      <c r="JN32" s="119">
        <v>67222</v>
      </c>
      <c r="JO32" s="119">
        <v>71715</v>
      </c>
      <c r="JP32" s="120">
        <v>3736385</v>
      </c>
      <c r="JQ32" s="321">
        <v>3736385</v>
      </c>
      <c r="JR32" s="142">
        <v>0</v>
      </c>
      <c r="JS32" s="119">
        <v>0</v>
      </c>
      <c r="JT32" s="141">
        <v>0</v>
      </c>
      <c r="JU32" s="118">
        <v>0</v>
      </c>
      <c r="JV32" s="119">
        <v>133984</v>
      </c>
      <c r="JW32" s="119">
        <v>157776</v>
      </c>
      <c r="JX32" s="119">
        <v>194607</v>
      </c>
      <c r="JY32" s="119">
        <v>276714</v>
      </c>
      <c r="JZ32" s="119">
        <v>15183</v>
      </c>
      <c r="KA32" s="120">
        <v>778264</v>
      </c>
      <c r="KB32" s="321">
        <v>778264</v>
      </c>
      <c r="KC32" s="234">
        <v>0</v>
      </c>
      <c r="KD32" s="230">
        <v>0</v>
      </c>
      <c r="KE32" s="120">
        <v>0</v>
      </c>
      <c r="KF32" s="118">
        <v>0</v>
      </c>
      <c r="KG32" s="119">
        <v>0</v>
      </c>
      <c r="KH32" s="119">
        <v>195943</v>
      </c>
      <c r="KI32" s="119">
        <v>0</v>
      </c>
      <c r="KJ32" s="119">
        <v>0</v>
      </c>
      <c r="KK32" s="119">
        <v>0</v>
      </c>
      <c r="KL32" s="120">
        <v>195943</v>
      </c>
      <c r="KM32" s="143">
        <v>195943</v>
      </c>
      <c r="KN32" s="232">
        <v>0</v>
      </c>
      <c r="KO32" s="236">
        <v>0</v>
      </c>
      <c r="KP32" s="237">
        <v>0</v>
      </c>
      <c r="KQ32" s="140"/>
      <c r="KR32" s="119">
        <v>4450462</v>
      </c>
      <c r="KS32" s="119">
        <v>1288564</v>
      </c>
      <c r="KT32" s="119">
        <v>2571573</v>
      </c>
      <c r="KU32" s="119">
        <v>0</v>
      </c>
      <c r="KV32" s="119">
        <v>1233389</v>
      </c>
      <c r="KW32" s="120">
        <v>9543988</v>
      </c>
      <c r="KX32" s="321">
        <v>9543988</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426961</v>
      </c>
      <c r="LQ32" s="119">
        <v>2328415</v>
      </c>
      <c r="LR32" s="119">
        <v>678097</v>
      </c>
      <c r="LS32" s="120">
        <v>5433473</v>
      </c>
      <c r="LT32" s="321">
        <v>5433473</v>
      </c>
      <c r="LU32" s="142">
        <v>0</v>
      </c>
      <c r="LV32" s="119">
        <v>0</v>
      </c>
      <c r="LW32" s="120">
        <v>0</v>
      </c>
      <c r="LX32" s="145"/>
      <c r="LY32" s="119">
        <v>0</v>
      </c>
      <c r="LZ32" s="119">
        <v>0</v>
      </c>
      <c r="MA32" s="119">
        <v>269686</v>
      </c>
      <c r="MB32" s="119">
        <v>0</v>
      </c>
      <c r="MC32" s="119">
        <v>0</v>
      </c>
      <c r="MD32" s="120">
        <v>269686</v>
      </c>
      <c r="ME32" s="121">
        <v>269686</v>
      </c>
      <c r="MF32" s="142">
        <v>0</v>
      </c>
      <c r="MG32" s="119">
        <v>0</v>
      </c>
      <c r="MH32" s="120">
        <v>0</v>
      </c>
      <c r="MI32" s="145"/>
      <c r="MJ32" s="119">
        <v>2551070</v>
      </c>
      <c r="MK32" s="119">
        <v>3848978</v>
      </c>
      <c r="ML32" s="119">
        <v>17498262</v>
      </c>
      <c r="MM32" s="119">
        <v>20869149</v>
      </c>
      <c r="MN32" s="119">
        <v>15588655</v>
      </c>
      <c r="MO32" s="120">
        <v>60356114</v>
      </c>
      <c r="MP32" s="143">
        <v>60356114</v>
      </c>
      <c r="MQ32" s="142">
        <v>0</v>
      </c>
      <c r="MR32" s="119">
        <v>0</v>
      </c>
      <c r="MS32" s="120">
        <v>0</v>
      </c>
      <c r="MT32" s="145"/>
      <c r="MU32" s="119">
        <v>414768</v>
      </c>
      <c r="MV32" s="119">
        <v>460300</v>
      </c>
      <c r="MW32" s="119">
        <v>9122898</v>
      </c>
      <c r="MX32" s="119">
        <v>14483607</v>
      </c>
      <c r="MY32" s="119">
        <v>11784999</v>
      </c>
      <c r="MZ32" s="120">
        <v>36266572</v>
      </c>
      <c r="NA32" s="143">
        <v>36266572</v>
      </c>
      <c r="NB32" s="142">
        <v>0</v>
      </c>
      <c r="NC32" s="119">
        <v>0</v>
      </c>
      <c r="ND32" s="120">
        <v>0</v>
      </c>
      <c r="NE32" s="145"/>
      <c r="NF32" s="119">
        <v>2136302</v>
      </c>
      <c r="NG32" s="119">
        <v>3388678</v>
      </c>
      <c r="NH32" s="119">
        <v>8375364</v>
      </c>
      <c r="NI32" s="119">
        <v>5343141</v>
      </c>
      <c r="NJ32" s="119">
        <v>3346292</v>
      </c>
      <c r="NK32" s="120">
        <v>22589777</v>
      </c>
      <c r="NL32" s="321">
        <v>22589777</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1042401</v>
      </c>
      <c r="OF32" s="119">
        <v>457364</v>
      </c>
      <c r="OG32" s="120">
        <v>1499765</v>
      </c>
      <c r="OH32" s="121">
        <v>1499765</v>
      </c>
      <c r="OI32" s="142">
        <v>3051902</v>
      </c>
      <c r="OJ32" s="119">
        <v>5952049</v>
      </c>
      <c r="OK32" s="141">
        <v>9003951</v>
      </c>
      <c r="OL32" s="118">
        <v>0</v>
      </c>
      <c r="OM32" s="119">
        <v>30226103</v>
      </c>
      <c r="ON32" s="119">
        <v>31841418</v>
      </c>
      <c r="OO32" s="119">
        <v>46920112</v>
      </c>
      <c r="OP32" s="119">
        <v>48025602</v>
      </c>
      <c r="OQ32" s="119">
        <v>33844417</v>
      </c>
      <c r="OR32" s="120">
        <v>190857652</v>
      </c>
      <c r="OS32" s="143">
        <v>199861603</v>
      </c>
    </row>
    <row r="33" spans="2:409" ht="18.75" customHeight="1" x14ac:dyDescent="0.2">
      <c r="B33" s="62" t="s">
        <v>28</v>
      </c>
      <c r="C33" s="110">
        <v>69938</v>
      </c>
      <c r="D33" s="114">
        <v>445232</v>
      </c>
      <c r="E33" s="113">
        <v>515170</v>
      </c>
      <c r="F33" s="109">
        <v>0</v>
      </c>
      <c r="G33" s="114">
        <v>5694088</v>
      </c>
      <c r="H33" s="114">
        <v>7797780</v>
      </c>
      <c r="I33" s="114">
        <v>6121328</v>
      </c>
      <c r="J33" s="114">
        <v>7017483</v>
      </c>
      <c r="K33" s="114">
        <v>5436428</v>
      </c>
      <c r="L33" s="173">
        <v>32067107</v>
      </c>
      <c r="M33" s="116">
        <v>32582277</v>
      </c>
      <c r="N33" s="110">
        <v>22698</v>
      </c>
      <c r="O33" s="114">
        <v>59292</v>
      </c>
      <c r="P33" s="113">
        <v>81990</v>
      </c>
      <c r="Q33" s="110">
        <v>0</v>
      </c>
      <c r="R33" s="114">
        <v>1110310</v>
      </c>
      <c r="S33" s="114">
        <v>1686257</v>
      </c>
      <c r="T33" s="114">
        <v>1051411</v>
      </c>
      <c r="U33" s="114">
        <v>1064137</v>
      </c>
      <c r="V33" s="114">
        <v>2301801</v>
      </c>
      <c r="W33" s="113">
        <v>7213916</v>
      </c>
      <c r="X33" s="116">
        <v>7295906</v>
      </c>
      <c r="Y33" s="110">
        <v>0</v>
      </c>
      <c r="Z33" s="114">
        <v>0</v>
      </c>
      <c r="AA33" s="113">
        <v>0</v>
      </c>
      <c r="AB33" s="110">
        <v>0</v>
      </c>
      <c r="AC33" s="114">
        <v>587414</v>
      </c>
      <c r="AD33" s="114">
        <v>754669</v>
      </c>
      <c r="AE33" s="114">
        <v>393130</v>
      </c>
      <c r="AF33" s="114">
        <v>217289</v>
      </c>
      <c r="AG33" s="114">
        <v>1112149</v>
      </c>
      <c r="AH33" s="113">
        <v>3064651</v>
      </c>
      <c r="AI33" s="116">
        <v>3064651</v>
      </c>
      <c r="AJ33" s="110">
        <v>0</v>
      </c>
      <c r="AK33" s="114">
        <v>0</v>
      </c>
      <c r="AL33" s="113">
        <v>0</v>
      </c>
      <c r="AM33" s="110">
        <v>0</v>
      </c>
      <c r="AN33" s="114">
        <v>0</v>
      </c>
      <c r="AO33" s="114">
        <v>0</v>
      </c>
      <c r="AP33" s="114">
        <v>63395</v>
      </c>
      <c r="AQ33" s="114">
        <v>142254</v>
      </c>
      <c r="AR33" s="114">
        <v>139467</v>
      </c>
      <c r="AS33" s="113">
        <v>345116</v>
      </c>
      <c r="AT33" s="116">
        <v>345116</v>
      </c>
      <c r="AU33" s="110">
        <v>20016</v>
      </c>
      <c r="AV33" s="114">
        <v>53928</v>
      </c>
      <c r="AW33" s="113">
        <v>73944</v>
      </c>
      <c r="AX33" s="110">
        <v>0</v>
      </c>
      <c r="AY33" s="114">
        <v>220844</v>
      </c>
      <c r="AZ33" s="114">
        <v>647346</v>
      </c>
      <c r="BA33" s="114">
        <v>365287</v>
      </c>
      <c r="BB33" s="114">
        <v>483230</v>
      </c>
      <c r="BC33" s="114">
        <v>818463</v>
      </c>
      <c r="BD33" s="113">
        <v>2535170</v>
      </c>
      <c r="BE33" s="116">
        <v>2609114</v>
      </c>
      <c r="BF33" s="110">
        <v>0</v>
      </c>
      <c r="BG33" s="114">
        <v>0</v>
      </c>
      <c r="BH33" s="112">
        <v>0</v>
      </c>
      <c r="BI33" s="111">
        <v>0</v>
      </c>
      <c r="BJ33" s="114">
        <v>143710</v>
      </c>
      <c r="BK33" s="114">
        <v>8887</v>
      </c>
      <c r="BL33" s="114">
        <v>0</v>
      </c>
      <c r="BM33" s="114">
        <v>0</v>
      </c>
      <c r="BN33" s="114">
        <v>35550</v>
      </c>
      <c r="BO33" s="113">
        <v>188147</v>
      </c>
      <c r="BP33" s="116">
        <v>188147</v>
      </c>
      <c r="BQ33" s="110">
        <v>2682</v>
      </c>
      <c r="BR33" s="114">
        <v>5364</v>
      </c>
      <c r="BS33" s="113">
        <v>8046</v>
      </c>
      <c r="BT33" s="110">
        <v>0</v>
      </c>
      <c r="BU33" s="114">
        <v>158342</v>
      </c>
      <c r="BV33" s="114">
        <v>275355</v>
      </c>
      <c r="BW33" s="114">
        <v>229599</v>
      </c>
      <c r="BX33" s="114">
        <v>221364</v>
      </c>
      <c r="BY33" s="114">
        <v>196172</v>
      </c>
      <c r="BZ33" s="113">
        <v>1080832</v>
      </c>
      <c r="CA33" s="116">
        <v>1088878</v>
      </c>
      <c r="CB33" s="110">
        <v>0</v>
      </c>
      <c r="CC33" s="114">
        <v>164185</v>
      </c>
      <c r="CD33" s="113">
        <v>164185</v>
      </c>
      <c r="CE33" s="110">
        <v>0</v>
      </c>
      <c r="CF33" s="114">
        <v>2274089</v>
      </c>
      <c r="CG33" s="114">
        <v>3050346</v>
      </c>
      <c r="CH33" s="114">
        <v>2140070</v>
      </c>
      <c r="CI33" s="114">
        <v>2684258</v>
      </c>
      <c r="CJ33" s="114">
        <v>1397091</v>
      </c>
      <c r="CK33" s="113">
        <v>11545854</v>
      </c>
      <c r="CL33" s="116">
        <v>11710039</v>
      </c>
      <c r="CM33" s="110">
        <v>0</v>
      </c>
      <c r="CN33" s="114">
        <v>0</v>
      </c>
      <c r="CO33" s="113">
        <v>0</v>
      </c>
      <c r="CP33" s="111">
        <v>0</v>
      </c>
      <c r="CQ33" s="114">
        <v>1815178</v>
      </c>
      <c r="CR33" s="114">
        <v>2199512</v>
      </c>
      <c r="CS33" s="114">
        <v>1541970</v>
      </c>
      <c r="CT33" s="114">
        <v>2075427</v>
      </c>
      <c r="CU33" s="114">
        <v>923011</v>
      </c>
      <c r="CV33" s="113">
        <v>8555098</v>
      </c>
      <c r="CW33" s="116">
        <v>8555098</v>
      </c>
      <c r="CX33" s="110">
        <v>0</v>
      </c>
      <c r="CY33" s="114">
        <v>164185</v>
      </c>
      <c r="CZ33" s="113">
        <v>164185</v>
      </c>
      <c r="DA33" s="110">
        <v>0</v>
      </c>
      <c r="DB33" s="114">
        <v>458911</v>
      </c>
      <c r="DC33" s="114">
        <v>850834</v>
      </c>
      <c r="DD33" s="114">
        <v>598100</v>
      </c>
      <c r="DE33" s="114">
        <v>608831</v>
      </c>
      <c r="DF33" s="114">
        <v>474080</v>
      </c>
      <c r="DG33" s="113">
        <v>2990756</v>
      </c>
      <c r="DH33" s="116">
        <v>3154941</v>
      </c>
      <c r="DI33" s="110">
        <v>0</v>
      </c>
      <c r="DJ33" s="114">
        <v>29555</v>
      </c>
      <c r="DK33" s="112">
        <v>29555</v>
      </c>
      <c r="DL33" s="111">
        <v>0</v>
      </c>
      <c r="DM33" s="114">
        <v>89504</v>
      </c>
      <c r="DN33" s="114">
        <v>216649</v>
      </c>
      <c r="DO33" s="114">
        <v>949682</v>
      </c>
      <c r="DP33" s="114">
        <v>838353</v>
      </c>
      <c r="DQ33" s="114">
        <v>298026</v>
      </c>
      <c r="DR33" s="113">
        <v>2392214</v>
      </c>
      <c r="DS33" s="116">
        <v>2421769</v>
      </c>
      <c r="DT33" s="110">
        <v>0</v>
      </c>
      <c r="DU33" s="114">
        <v>29555</v>
      </c>
      <c r="DV33" s="113">
        <v>29555</v>
      </c>
      <c r="DW33" s="110">
        <v>0</v>
      </c>
      <c r="DX33" s="114">
        <v>43299</v>
      </c>
      <c r="DY33" s="114">
        <v>147985</v>
      </c>
      <c r="DZ33" s="114">
        <v>908741</v>
      </c>
      <c r="EA33" s="114">
        <v>720846</v>
      </c>
      <c r="EB33" s="114">
        <v>265158</v>
      </c>
      <c r="EC33" s="113">
        <v>2086029</v>
      </c>
      <c r="ED33" s="116">
        <v>2115584</v>
      </c>
      <c r="EE33" s="110">
        <v>0</v>
      </c>
      <c r="EF33" s="112">
        <v>0</v>
      </c>
      <c r="EG33" s="113">
        <v>0</v>
      </c>
      <c r="EH33" s="110">
        <v>0</v>
      </c>
      <c r="EI33" s="114">
        <v>46205</v>
      </c>
      <c r="EJ33" s="114">
        <v>68664</v>
      </c>
      <c r="EK33" s="114">
        <v>40941</v>
      </c>
      <c r="EL33" s="114">
        <v>117507</v>
      </c>
      <c r="EM33" s="114">
        <v>32868</v>
      </c>
      <c r="EN33" s="112">
        <v>306185</v>
      </c>
      <c r="EO33" s="116">
        <v>306185</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8"/>
      <c r="FE33" s="114">
        <v>0</v>
      </c>
      <c r="FF33" s="114">
        <v>0</v>
      </c>
      <c r="FG33" s="114">
        <v>0</v>
      </c>
      <c r="FH33" s="114">
        <v>0</v>
      </c>
      <c r="FI33" s="114">
        <v>0</v>
      </c>
      <c r="FJ33" s="113">
        <v>0</v>
      </c>
      <c r="FK33" s="116">
        <v>0</v>
      </c>
      <c r="FL33" s="110">
        <v>20960</v>
      </c>
      <c r="FM33" s="114">
        <v>95600</v>
      </c>
      <c r="FN33" s="113">
        <v>116560</v>
      </c>
      <c r="FO33" s="110">
        <v>0</v>
      </c>
      <c r="FP33" s="114">
        <v>213810</v>
      </c>
      <c r="FQ33" s="114">
        <v>703731</v>
      </c>
      <c r="FR33" s="114">
        <v>386664</v>
      </c>
      <c r="FS33" s="114">
        <v>527481</v>
      </c>
      <c r="FT33" s="114">
        <v>518236</v>
      </c>
      <c r="FU33" s="113">
        <v>2349922</v>
      </c>
      <c r="FV33" s="116">
        <v>2466482</v>
      </c>
      <c r="FW33" s="115">
        <v>20960</v>
      </c>
      <c r="FX33" s="114">
        <v>85700</v>
      </c>
      <c r="FY33" s="112">
        <v>106660</v>
      </c>
      <c r="FZ33" s="111">
        <v>0</v>
      </c>
      <c r="GA33" s="114">
        <v>213810</v>
      </c>
      <c r="GB33" s="114">
        <v>695019</v>
      </c>
      <c r="GC33" s="114">
        <v>386664</v>
      </c>
      <c r="GD33" s="114">
        <v>527481</v>
      </c>
      <c r="GE33" s="114">
        <v>495268</v>
      </c>
      <c r="GF33" s="113">
        <v>2318242</v>
      </c>
      <c r="GG33" s="319">
        <v>2424902</v>
      </c>
      <c r="GH33" s="115">
        <v>0</v>
      </c>
      <c r="GI33" s="114">
        <v>0</v>
      </c>
      <c r="GJ33" s="112">
        <v>0</v>
      </c>
      <c r="GK33" s="111">
        <v>0</v>
      </c>
      <c r="GL33" s="114">
        <v>0</v>
      </c>
      <c r="GM33" s="114">
        <v>0</v>
      </c>
      <c r="GN33" s="114">
        <v>0</v>
      </c>
      <c r="GO33" s="114">
        <v>0</v>
      </c>
      <c r="GP33" s="114">
        <v>22968</v>
      </c>
      <c r="GQ33" s="113">
        <v>22968</v>
      </c>
      <c r="GR33" s="116">
        <v>22968</v>
      </c>
      <c r="GS33" s="110">
        <v>0</v>
      </c>
      <c r="GT33" s="114">
        <v>9900</v>
      </c>
      <c r="GU33" s="113">
        <v>9900</v>
      </c>
      <c r="GV33" s="110">
        <v>0</v>
      </c>
      <c r="GW33" s="114">
        <v>0</v>
      </c>
      <c r="GX33" s="114">
        <v>8712</v>
      </c>
      <c r="GY33" s="114">
        <v>0</v>
      </c>
      <c r="GZ33" s="114">
        <v>0</v>
      </c>
      <c r="HA33" s="114">
        <v>0</v>
      </c>
      <c r="HB33" s="112">
        <v>8712</v>
      </c>
      <c r="HC33" s="116">
        <v>18612</v>
      </c>
      <c r="HD33" s="110">
        <v>0</v>
      </c>
      <c r="HE33" s="114">
        <v>0</v>
      </c>
      <c r="HF33" s="112">
        <v>0</v>
      </c>
      <c r="HG33" s="111">
        <v>0</v>
      </c>
      <c r="HH33" s="114">
        <v>995514</v>
      </c>
      <c r="HI33" s="114">
        <v>1061697</v>
      </c>
      <c r="HJ33" s="114">
        <v>1019664</v>
      </c>
      <c r="HK33" s="114">
        <v>1362945</v>
      </c>
      <c r="HL33" s="114">
        <v>594719</v>
      </c>
      <c r="HM33" s="113">
        <v>5034539</v>
      </c>
      <c r="HN33" s="109">
        <v>5034539</v>
      </c>
      <c r="HO33" s="115">
        <v>26280</v>
      </c>
      <c r="HP33" s="114">
        <v>96600</v>
      </c>
      <c r="HQ33" s="113">
        <v>122880</v>
      </c>
      <c r="HR33" s="110">
        <v>0</v>
      </c>
      <c r="HS33" s="114">
        <v>1010861</v>
      </c>
      <c r="HT33" s="114">
        <v>1079100</v>
      </c>
      <c r="HU33" s="114">
        <v>573837</v>
      </c>
      <c r="HV33" s="114">
        <v>540309</v>
      </c>
      <c r="HW33" s="114">
        <v>326555</v>
      </c>
      <c r="HX33" s="112">
        <v>3530662</v>
      </c>
      <c r="HY33" s="116">
        <v>3653542</v>
      </c>
      <c r="HZ33" s="131">
        <v>0</v>
      </c>
      <c r="IA33" s="132">
        <v>0</v>
      </c>
      <c r="IB33" s="133">
        <v>0</v>
      </c>
      <c r="IC33" s="146">
        <v>0</v>
      </c>
      <c r="ID33" s="132">
        <v>852802</v>
      </c>
      <c r="IE33" s="147">
        <v>1651524</v>
      </c>
      <c r="IF33" s="133">
        <v>2335986</v>
      </c>
      <c r="IG33" s="132">
        <v>489159</v>
      </c>
      <c r="IH33" s="133">
        <v>1084549</v>
      </c>
      <c r="II33" s="148">
        <v>6414020</v>
      </c>
      <c r="IJ33" s="139">
        <v>6414020</v>
      </c>
      <c r="IK33" s="232">
        <v>0</v>
      </c>
      <c r="IL33" s="236">
        <v>0</v>
      </c>
      <c r="IM33" s="237">
        <v>0</v>
      </c>
      <c r="IN33" s="140"/>
      <c r="IO33" s="119">
        <v>0</v>
      </c>
      <c r="IP33" s="119">
        <v>0</v>
      </c>
      <c r="IQ33" s="119">
        <v>0</v>
      </c>
      <c r="IR33" s="119">
        <v>0</v>
      </c>
      <c r="IS33" s="119">
        <v>0</v>
      </c>
      <c r="IT33" s="141">
        <v>0</v>
      </c>
      <c r="IU33" s="321">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755899</v>
      </c>
      <c r="JL33" s="119">
        <v>543597</v>
      </c>
      <c r="JM33" s="119">
        <v>74547</v>
      </c>
      <c r="JN33" s="119">
        <v>206226</v>
      </c>
      <c r="JO33" s="119">
        <v>44901</v>
      </c>
      <c r="JP33" s="120">
        <v>1625170</v>
      </c>
      <c r="JQ33" s="321">
        <v>1625170</v>
      </c>
      <c r="JR33" s="142">
        <v>0</v>
      </c>
      <c r="JS33" s="119">
        <v>0</v>
      </c>
      <c r="JT33" s="141">
        <v>0</v>
      </c>
      <c r="JU33" s="118">
        <v>0</v>
      </c>
      <c r="JV33" s="119">
        <v>96903</v>
      </c>
      <c r="JW33" s="119">
        <v>35613</v>
      </c>
      <c r="JX33" s="119">
        <v>342918</v>
      </c>
      <c r="JY33" s="119">
        <v>0</v>
      </c>
      <c r="JZ33" s="119">
        <v>10880</v>
      </c>
      <c r="KA33" s="120">
        <v>486314</v>
      </c>
      <c r="KB33" s="321">
        <v>486314</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1072314</v>
      </c>
      <c r="KT33" s="119">
        <v>1667034</v>
      </c>
      <c r="KU33" s="119">
        <v>282933</v>
      </c>
      <c r="KV33" s="119">
        <v>1028768</v>
      </c>
      <c r="KW33" s="120">
        <v>4051049</v>
      </c>
      <c r="KX33" s="321">
        <v>4051049</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51487</v>
      </c>
      <c r="LQ33" s="119">
        <v>0</v>
      </c>
      <c r="LR33" s="119">
        <v>0</v>
      </c>
      <c r="LS33" s="120">
        <v>251487</v>
      </c>
      <c r="LT33" s="321">
        <v>251487</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408437</v>
      </c>
      <c r="MK33" s="119">
        <v>2591910</v>
      </c>
      <c r="ML33" s="119">
        <v>5071024</v>
      </c>
      <c r="MM33" s="119">
        <v>8405471</v>
      </c>
      <c r="MN33" s="119">
        <v>4368713</v>
      </c>
      <c r="MO33" s="120">
        <v>20845555</v>
      </c>
      <c r="MP33" s="143">
        <v>20845555</v>
      </c>
      <c r="MQ33" s="142">
        <v>0</v>
      </c>
      <c r="MR33" s="119">
        <v>0</v>
      </c>
      <c r="MS33" s="120">
        <v>0</v>
      </c>
      <c r="MT33" s="145"/>
      <c r="MU33" s="119">
        <v>0</v>
      </c>
      <c r="MV33" s="119">
        <v>211158</v>
      </c>
      <c r="MW33" s="119">
        <v>3180537</v>
      </c>
      <c r="MX33" s="119">
        <v>4170466</v>
      </c>
      <c r="MY33" s="119">
        <v>3793570</v>
      </c>
      <c r="MZ33" s="120">
        <v>11355731</v>
      </c>
      <c r="NA33" s="143">
        <v>11355731</v>
      </c>
      <c r="NB33" s="142">
        <v>0</v>
      </c>
      <c r="NC33" s="119">
        <v>0</v>
      </c>
      <c r="ND33" s="120">
        <v>0</v>
      </c>
      <c r="NE33" s="145"/>
      <c r="NF33" s="119">
        <v>408437</v>
      </c>
      <c r="NG33" s="119">
        <v>2380752</v>
      </c>
      <c r="NH33" s="119">
        <v>1890487</v>
      </c>
      <c r="NI33" s="119">
        <v>4235005</v>
      </c>
      <c r="NJ33" s="119">
        <v>575143</v>
      </c>
      <c r="NK33" s="120">
        <v>9489824</v>
      </c>
      <c r="NL33" s="321">
        <v>9489824</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69938</v>
      </c>
      <c r="OJ33" s="119">
        <v>445232</v>
      </c>
      <c r="OK33" s="141">
        <v>515170</v>
      </c>
      <c r="OL33" s="118">
        <v>0</v>
      </c>
      <c r="OM33" s="119">
        <v>6955327</v>
      </c>
      <c r="ON33" s="119">
        <v>12041214</v>
      </c>
      <c r="OO33" s="119">
        <v>13528338</v>
      </c>
      <c r="OP33" s="119">
        <v>15912113</v>
      </c>
      <c r="OQ33" s="119">
        <v>10889690</v>
      </c>
      <c r="OR33" s="120">
        <v>59326682</v>
      </c>
      <c r="OS33" s="143">
        <v>59841852</v>
      </c>
    </row>
    <row r="34" spans="2:409" ht="18.75" customHeight="1" x14ac:dyDescent="0.2">
      <c r="B34" s="62" t="s">
        <v>29</v>
      </c>
      <c r="C34" s="110">
        <v>573153</v>
      </c>
      <c r="D34" s="114">
        <v>744837</v>
      </c>
      <c r="E34" s="113">
        <v>1317990</v>
      </c>
      <c r="F34" s="109">
        <v>0</v>
      </c>
      <c r="G34" s="114">
        <v>7195775</v>
      </c>
      <c r="H34" s="114">
        <v>11255774</v>
      </c>
      <c r="I34" s="114">
        <v>7601757</v>
      </c>
      <c r="J34" s="114">
        <v>9753949</v>
      </c>
      <c r="K34" s="114">
        <v>5743698</v>
      </c>
      <c r="L34" s="173">
        <v>41550953</v>
      </c>
      <c r="M34" s="116">
        <v>42868943</v>
      </c>
      <c r="N34" s="110">
        <v>63747</v>
      </c>
      <c r="O34" s="114">
        <v>241713</v>
      </c>
      <c r="P34" s="113">
        <v>305460</v>
      </c>
      <c r="Q34" s="110">
        <v>0</v>
      </c>
      <c r="R34" s="114">
        <v>1432289</v>
      </c>
      <c r="S34" s="114">
        <v>2824647</v>
      </c>
      <c r="T34" s="114">
        <v>1523341</v>
      </c>
      <c r="U34" s="114">
        <v>3843146</v>
      </c>
      <c r="V34" s="114">
        <v>1902452</v>
      </c>
      <c r="W34" s="113">
        <v>11525875</v>
      </c>
      <c r="X34" s="116">
        <v>11831335</v>
      </c>
      <c r="Y34" s="110">
        <v>0</v>
      </c>
      <c r="Z34" s="114">
        <v>0</v>
      </c>
      <c r="AA34" s="113">
        <v>0</v>
      </c>
      <c r="AB34" s="110">
        <v>0</v>
      </c>
      <c r="AC34" s="114">
        <v>690242</v>
      </c>
      <c r="AD34" s="114">
        <v>1451169</v>
      </c>
      <c r="AE34" s="114">
        <v>824216</v>
      </c>
      <c r="AF34" s="114">
        <v>2559073</v>
      </c>
      <c r="AG34" s="114">
        <v>1105639</v>
      </c>
      <c r="AH34" s="113">
        <v>6630339</v>
      </c>
      <c r="AI34" s="116">
        <v>6630339</v>
      </c>
      <c r="AJ34" s="110">
        <v>0</v>
      </c>
      <c r="AK34" s="114">
        <v>0</v>
      </c>
      <c r="AL34" s="113">
        <v>0</v>
      </c>
      <c r="AM34" s="110">
        <v>0</v>
      </c>
      <c r="AN34" s="114">
        <v>48672</v>
      </c>
      <c r="AO34" s="114">
        <v>172395</v>
      </c>
      <c r="AP34" s="114">
        <v>51959</v>
      </c>
      <c r="AQ34" s="114">
        <v>242540</v>
      </c>
      <c r="AR34" s="114">
        <v>260597</v>
      </c>
      <c r="AS34" s="113">
        <v>776163</v>
      </c>
      <c r="AT34" s="116">
        <v>776163</v>
      </c>
      <c r="AU34" s="110">
        <v>29790</v>
      </c>
      <c r="AV34" s="114">
        <v>185229</v>
      </c>
      <c r="AW34" s="113">
        <v>215019</v>
      </c>
      <c r="AX34" s="110">
        <v>0</v>
      </c>
      <c r="AY34" s="114">
        <v>491673</v>
      </c>
      <c r="AZ34" s="114">
        <v>833842</v>
      </c>
      <c r="BA34" s="114">
        <v>497505</v>
      </c>
      <c r="BB34" s="114">
        <v>674202</v>
      </c>
      <c r="BC34" s="114">
        <v>418723</v>
      </c>
      <c r="BD34" s="113">
        <v>2915945</v>
      </c>
      <c r="BE34" s="116">
        <v>3130964</v>
      </c>
      <c r="BF34" s="110">
        <v>0</v>
      </c>
      <c r="BG34" s="114">
        <v>42660</v>
      </c>
      <c r="BH34" s="112">
        <v>42660</v>
      </c>
      <c r="BI34" s="111">
        <v>0</v>
      </c>
      <c r="BJ34" s="114">
        <v>43020</v>
      </c>
      <c r="BK34" s="114">
        <v>71611</v>
      </c>
      <c r="BL34" s="114">
        <v>0</v>
      </c>
      <c r="BM34" s="114">
        <v>70857</v>
      </c>
      <c r="BN34" s="114">
        <v>0</v>
      </c>
      <c r="BO34" s="113">
        <v>185488</v>
      </c>
      <c r="BP34" s="116">
        <v>228148</v>
      </c>
      <c r="BQ34" s="110">
        <v>33957</v>
      </c>
      <c r="BR34" s="114">
        <v>13824</v>
      </c>
      <c r="BS34" s="113">
        <v>47781</v>
      </c>
      <c r="BT34" s="110">
        <v>0</v>
      </c>
      <c r="BU34" s="114">
        <v>158682</v>
      </c>
      <c r="BV34" s="114">
        <v>295630</v>
      </c>
      <c r="BW34" s="114">
        <v>149661</v>
      </c>
      <c r="BX34" s="114">
        <v>296474</v>
      </c>
      <c r="BY34" s="114">
        <v>117493</v>
      </c>
      <c r="BZ34" s="113">
        <v>1017940</v>
      </c>
      <c r="CA34" s="116">
        <v>1065721</v>
      </c>
      <c r="CB34" s="110">
        <v>22005</v>
      </c>
      <c r="CC34" s="114">
        <v>76734</v>
      </c>
      <c r="CD34" s="113">
        <v>98739</v>
      </c>
      <c r="CE34" s="110">
        <v>0</v>
      </c>
      <c r="CF34" s="114">
        <v>2834604</v>
      </c>
      <c r="CG34" s="114">
        <v>3370203</v>
      </c>
      <c r="CH34" s="114">
        <v>2473379</v>
      </c>
      <c r="CI34" s="114">
        <v>2430177</v>
      </c>
      <c r="CJ34" s="114">
        <v>994859</v>
      </c>
      <c r="CK34" s="113">
        <v>12103222</v>
      </c>
      <c r="CL34" s="116">
        <v>12201961</v>
      </c>
      <c r="CM34" s="110">
        <v>0</v>
      </c>
      <c r="CN34" s="114">
        <v>0</v>
      </c>
      <c r="CO34" s="113">
        <v>0</v>
      </c>
      <c r="CP34" s="111">
        <v>0</v>
      </c>
      <c r="CQ34" s="114">
        <v>1970815</v>
      </c>
      <c r="CR34" s="114">
        <v>2483456</v>
      </c>
      <c r="CS34" s="114">
        <v>1884342</v>
      </c>
      <c r="CT34" s="114">
        <v>1829987</v>
      </c>
      <c r="CU34" s="114">
        <v>645884</v>
      </c>
      <c r="CV34" s="113">
        <v>8814484</v>
      </c>
      <c r="CW34" s="116">
        <v>8814484</v>
      </c>
      <c r="CX34" s="110">
        <v>22005</v>
      </c>
      <c r="CY34" s="114">
        <v>76734</v>
      </c>
      <c r="CZ34" s="113">
        <v>98739</v>
      </c>
      <c r="DA34" s="110">
        <v>0</v>
      </c>
      <c r="DB34" s="114">
        <v>863789</v>
      </c>
      <c r="DC34" s="114">
        <v>886747</v>
      </c>
      <c r="DD34" s="114">
        <v>589037</v>
      </c>
      <c r="DE34" s="114">
        <v>600190</v>
      </c>
      <c r="DF34" s="114">
        <v>348975</v>
      </c>
      <c r="DG34" s="113">
        <v>3288738</v>
      </c>
      <c r="DH34" s="116">
        <v>3387477</v>
      </c>
      <c r="DI34" s="110">
        <v>0</v>
      </c>
      <c r="DJ34" s="114">
        <v>25875</v>
      </c>
      <c r="DK34" s="112">
        <v>25875</v>
      </c>
      <c r="DL34" s="111">
        <v>0</v>
      </c>
      <c r="DM34" s="114">
        <v>70034</v>
      </c>
      <c r="DN34" s="114">
        <v>812136</v>
      </c>
      <c r="DO34" s="114">
        <v>1740616</v>
      </c>
      <c r="DP34" s="114">
        <v>609319</v>
      </c>
      <c r="DQ34" s="114">
        <v>891229</v>
      </c>
      <c r="DR34" s="113">
        <v>4123334</v>
      </c>
      <c r="DS34" s="116">
        <v>4149209</v>
      </c>
      <c r="DT34" s="110">
        <v>0</v>
      </c>
      <c r="DU34" s="114">
        <v>0</v>
      </c>
      <c r="DV34" s="113">
        <v>0</v>
      </c>
      <c r="DW34" s="110">
        <v>0</v>
      </c>
      <c r="DX34" s="114">
        <v>70034</v>
      </c>
      <c r="DY34" s="114">
        <v>753294</v>
      </c>
      <c r="DZ34" s="114">
        <v>1672477</v>
      </c>
      <c r="EA34" s="114">
        <v>581133</v>
      </c>
      <c r="EB34" s="114">
        <v>710851</v>
      </c>
      <c r="EC34" s="113">
        <v>3787789</v>
      </c>
      <c r="ED34" s="116">
        <v>3787789</v>
      </c>
      <c r="EE34" s="110">
        <v>0</v>
      </c>
      <c r="EF34" s="112">
        <v>25875</v>
      </c>
      <c r="EG34" s="113">
        <v>25875</v>
      </c>
      <c r="EH34" s="110">
        <v>0</v>
      </c>
      <c r="EI34" s="114">
        <v>0</v>
      </c>
      <c r="EJ34" s="114">
        <v>58842</v>
      </c>
      <c r="EK34" s="114">
        <v>68139</v>
      </c>
      <c r="EL34" s="114">
        <v>28186</v>
      </c>
      <c r="EM34" s="114">
        <v>180378</v>
      </c>
      <c r="EN34" s="112">
        <v>335545</v>
      </c>
      <c r="EO34" s="116">
        <v>36142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8"/>
      <c r="FE34" s="114">
        <v>0</v>
      </c>
      <c r="FF34" s="114">
        <v>0</v>
      </c>
      <c r="FG34" s="114">
        <v>0</v>
      </c>
      <c r="FH34" s="114">
        <v>0</v>
      </c>
      <c r="FI34" s="114">
        <v>0</v>
      </c>
      <c r="FJ34" s="113">
        <v>0</v>
      </c>
      <c r="FK34" s="116">
        <v>0</v>
      </c>
      <c r="FL34" s="110">
        <v>374901</v>
      </c>
      <c r="FM34" s="114">
        <v>244215</v>
      </c>
      <c r="FN34" s="113">
        <v>619116</v>
      </c>
      <c r="FO34" s="110">
        <v>0</v>
      </c>
      <c r="FP34" s="114">
        <v>639470</v>
      </c>
      <c r="FQ34" s="114">
        <v>971285</v>
      </c>
      <c r="FR34" s="114">
        <v>589710</v>
      </c>
      <c r="FS34" s="114">
        <v>812936</v>
      </c>
      <c r="FT34" s="114">
        <v>635836</v>
      </c>
      <c r="FU34" s="113">
        <v>3649237</v>
      </c>
      <c r="FV34" s="116">
        <v>4268353</v>
      </c>
      <c r="FW34" s="115">
        <v>145790</v>
      </c>
      <c r="FX34" s="114">
        <v>201150</v>
      </c>
      <c r="FY34" s="112">
        <v>346940</v>
      </c>
      <c r="FZ34" s="111">
        <v>0</v>
      </c>
      <c r="GA34" s="114">
        <v>306250</v>
      </c>
      <c r="GB34" s="114">
        <v>899560</v>
      </c>
      <c r="GC34" s="114">
        <v>511170</v>
      </c>
      <c r="GD34" s="114">
        <v>812936</v>
      </c>
      <c r="GE34" s="114">
        <v>635836</v>
      </c>
      <c r="GF34" s="113">
        <v>3165752</v>
      </c>
      <c r="GG34" s="319">
        <v>3512692</v>
      </c>
      <c r="GH34" s="115">
        <v>15568</v>
      </c>
      <c r="GI34" s="114">
        <v>0</v>
      </c>
      <c r="GJ34" s="112">
        <v>15568</v>
      </c>
      <c r="GK34" s="111">
        <v>0</v>
      </c>
      <c r="GL34" s="114">
        <v>189670</v>
      </c>
      <c r="GM34" s="114">
        <v>71725</v>
      </c>
      <c r="GN34" s="114">
        <v>15400</v>
      </c>
      <c r="GO34" s="114">
        <v>0</v>
      </c>
      <c r="GP34" s="114">
        <v>0</v>
      </c>
      <c r="GQ34" s="113">
        <v>276795</v>
      </c>
      <c r="GR34" s="116">
        <v>292363</v>
      </c>
      <c r="GS34" s="110">
        <v>213543</v>
      </c>
      <c r="GT34" s="114">
        <v>43065</v>
      </c>
      <c r="GU34" s="113">
        <v>256608</v>
      </c>
      <c r="GV34" s="110">
        <v>0</v>
      </c>
      <c r="GW34" s="114">
        <v>143550</v>
      </c>
      <c r="GX34" s="114">
        <v>0</v>
      </c>
      <c r="GY34" s="114">
        <v>63140</v>
      </c>
      <c r="GZ34" s="114">
        <v>0</v>
      </c>
      <c r="HA34" s="114">
        <v>0</v>
      </c>
      <c r="HB34" s="112">
        <v>206690</v>
      </c>
      <c r="HC34" s="116">
        <v>463298</v>
      </c>
      <c r="HD34" s="110">
        <v>0</v>
      </c>
      <c r="HE34" s="114">
        <v>0</v>
      </c>
      <c r="HF34" s="112">
        <v>0</v>
      </c>
      <c r="HG34" s="111">
        <v>0</v>
      </c>
      <c r="HH34" s="114">
        <v>1175740</v>
      </c>
      <c r="HI34" s="114">
        <v>1898559</v>
      </c>
      <c r="HJ34" s="114">
        <v>437140</v>
      </c>
      <c r="HK34" s="114">
        <v>1317639</v>
      </c>
      <c r="HL34" s="114">
        <v>935811</v>
      </c>
      <c r="HM34" s="113">
        <v>5764889</v>
      </c>
      <c r="HN34" s="109">
        <v>5764889</v>
      </c>
      <c r="HO34" s="115">
        <v>112500</v>
      </c>
      <c r="HP34" s="114">
        <v>156300</v>
      </c>
      <c r="HQ34" s="113">
        <v>268800</v>
      </c>
      <c r="HR34" s="110">
        <v>0</v>
      </c>
      <c r="HS34" s="114">
        <v>1043638</v>
      </c>
      <c r="HT34" s="114">
        <v>1378944</v>
      </c>
      <c r="HU34" s="114">
        <v>837571</v>
      </c>
      <c r="HV34" s="114">
        <v>740732</v>
      </c>
      <c r="HW34" s="114">
        <v>383511</v>
      </c>
      <c r="HX34" s="112">
        <v>4384396</v>
      </c>
      <c r="HY34" s="116">
        <v>4653196</v>
      </c>
      <c r="HZ34" s="150">
        <v>51453</v>
      </c>
      <c r="IA34" s="135">
        <v>260199</v>
      </c>
      <c r="IB34" s="150">
        <v>311652</v>
      </c>
      <c r="IC34" s="134">
        <v>0</v>
      </c>
      <c r="ID34" s="135">
        <v>1936193</v>
      </c>
      <c r="IE34" s="136">
        <v>3146605</v>
      </c>
      <c r="IF34" s="137">
        <v>3770048</v>
      </c>
      <c r="IG34" s="135">
        <v>4008453</v>
      </c>
      <c r="IH34" s="137">
        <v>2151684</v>
      </c>
      <c r="II34" s="138">
        <v>15012983</v>
      </c>
      <c r="IJ34" s="150">
        <v>15324635</v>
      </c>
      <c r="IK34" s="232">
        <v>0</v>
      </c>
      <c r="IL34" s="236">
        <v>0</v>
      </c>
      <c r="IM34" s="237">
        <v>0</v>
      </c>
      <c r="IN34" s="140"/>
      <c r="IO34" s="119">
        <v>0</v>
      </c>
      <c r="IP34" s="119">
        <v>0</v>
      </c>
      <c r="IQ34" s="119">
        <v>0</v>
      </c>
      <c r="IR34" s="119">
        <v>0</v>
      </c>
      <c r="IS34" s="119">
        <v>0</v>
      </c>
      <c r="IT34" s="141">
        <v>0</v>
      </c>
      <c r="IU34" s="321">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769461</v>
      </c>
      <c r="JL34" s="119">
        <v>1196755</v>
      </c>
      <c r="JM34" s="119">
        <v>229720</v>
      </c>
      <c r="JN34" s="119">
        <v>454086</v>
      </c>
      <c r="JO34" s="119">
        <v>0</v>
      </c>
      <c r="JP34" s="120">
        <v>2650022</v>
      </c>
      <c r="JQ34" s="321">
        <v>2650022</v>
      </c>
      <c r="JR34" s="142">
        <v>0</v>
      </c>
      <c r="JS34" s="119">
        <v>0</v>
      </c>
      <c r="JT34" s="141">
        <v>0</v>
      </c>
      <c r="JU34" s="118">
        <v>0</v>
      </c>
      <c r="JV34" s="119">
        <v>0</v>
      </c>
      <c r="JW34" s="119">
        <v>71217</v>
      </c>
      <c r="JX34" s="119">
        <v>376248</v>
      </c>
      <c r="JY34" s="119">
        <v>0</v>
      </c>
      <c r="JZ34" s="119">
        <v>0</v>
      </c>
      <c r="KA34" s="120">
        <v>447465</v>
      </c>
      <c r="KB34" s="321">
        <v>447465</v>
      </c>
      <c r="KC34" s="234">
        <v>51453</v>
      </c>
      <c r="KD34" s="230">
        <v>260199</v>
      </c>
      <c r="KE34" s="120">
        <v>311652</v>
      </c>
      <c r="KF34" s="118">
        <v>0</v>
      </c>
      <c r="KG34" s="119">
        <v>396017</v>
      </c>
      <c r="KH34" s="119">
        <v>385596</v>
      </c>
      <c r="KI34" s="119">
        <v>782019</v>
      </c>
      <c r="KJ34" s="119">
        <v>1422162</v>
      </c>
      <c r="KK34" s="119">
        <v>0</v>
      </c>
      <c r="KL34" s="120">
        <v>2985794</v>
      </c>
      <c r="KM34" s="143">
        <v>3297446</v>
      </c>
      <c r="KN34" s="232">
        <v>0</v>
      </c>
      <c r="KO34" s="236">
        <v>0</v>
      </c>
      <c r="KP34" s="237">
        <v>0</v>
      </c>
      <c r="KQ34" s="140"/>
      <c r="KR34" s="119">
        <v>770715</v>
      </c>
      <c r="KS34" s="119">
        <v>806157</v>
      </c>
      <c r="KT34" s="119">
        <v>551142</v>
      </c>
      <c r="KU34" s="119">
        <v>280629</v>
      </c>
      <c r="KV34" s="119">
        <v>572040</v>
      </c>
      <c r="KW34" s="120">
        <v>2980683</v>
      </c>
      <c r="KX34" s="321">
        <v>2980683</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686880</v>
      </c>
      <c r="LP34" s="119">
        <v>1830919</v>
      </c>
      <c r="LQ34" s="119">
        <v>1851576</v>
      </c>
      <c r="LR34" s="119">
        <v>1579644</v>
      </c>
      <c r="LS34" s="120">
        <v>5949019</v>
      </c>
      <c r="LT34" s="321">
        <v>5949019</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969421</v>
      </c>
      <c r="MK34" s="119">
        <v>2937650</v>
      </c>
      <c r="ML34" s="119">
        <v>7279562</v>
      </c>
      <c r="MM34" s="119">
        <v>12667399</v>
      </c>
      <c r="MN34" s="119">
        <v>9006676</v>
      </c>
      <c r="MO34" s="120">
        <v>32860708</v>
      </c>
      <c r="MP34" s="143">
        <v>32860708</v>
      </c>
      <c r="MQ34" s="142">
        <v>0</v>
      </c>
      <c r="MR34" s="119">
        <v>0</v>
      </c>
      <c r="MS34" s="120">
        <v>0</v>
      </c>
      <c r="MT34" s="145"/>
      <c r="MU34" s="119">
        <v>0</v>
      </c>
      <c r="MV34" s="119">
        <v>473414</v>
      </c>
      <c r="MW34" s="119">
        <v>4737464</v>
      </c>
      <c r="MX34" s="119">
        <v>8323552</v>
      </c>
      <c r="MY34" s="119">
        <v>5909834</v>
      </c>
      <c r="MZ34" s="120">
        <v>19444264</v>
      </c>
      <c r="NA34" s="143">
        <v>19444264</v>
      </c>
      <c r="NB34" s="142">
        <v>0</v>
      </c>
      <c r="NC34" s="119">
        <v>0</v>
      </c>
      <c r="ND34" s="120">
        <v>0</v>
      </c>
      <c r="NE34" s="145"/>
      <c r="NF34" s="119">
        <v>969421</v>
      </c>
      <c r="NG34" s="119">
        <v>2464236</v>
      </c>
      <c r="NH34" s="119">
        <v>2542098</v>
      </c>
      <c r="NI34" s="119">
        <v>3963361</v>
      </c>
      <c r="NJ34" s="119">
        <v>2732079</v>
      </c>
      <c r="NK34" s="120">
        <v>12671195</v>
      </c>
      <c r="NL34" s="321">
        <v>12671195</v>
      </c>
      <c r="NM34" s="142">
        <v>0</v>
      </c>
      <c r="NN34" s="119">
        <v>0</v>
      </c>
      <c r="NO34" s="120">
        <v>0</v>
      </c>
      <c r="NP34" s="145"/>
      <c r="NQ34" s="119">
        <v>0</v>
      </c>
      <c r="NR34" s="119">
        <v>0</v>
      </c>
      <c r="NS34" s="119">
        <v>0</v>
      </c>
      <c r="NT34" s="119">
        <v>0</v>
      </c>
      <c r="NU34" s="119">
        <v>364763</v>
      </c>
      <c r="NV34" s="120">
        <v>364763</v>
      </c>
      <c r="NW34" s="121">
        <v>364763</v>
      </c>
      <c r="NX34" s="142">
        <v>0</v>
      </c>
      <c r="NY34" s="119">
        <v>0</v>
      </c>
      <c r="NZ34" s="120">
        <v>0</v>
      </c>
      <c r="OA34" s="145"/>
      <c r="OB34" s="119">
        <v>0</v>
      </c>
      <c r="OC34" s="119">
        <v>0</v>
      </c>
      <c r="OD34" s="119">
        <v>0</v>
      </c>
      <c r="OE34" s="119">
        <v>380486</v>
      </c>
      <c r="OF34" s="119">
        <v>0</v>
      </c>
      <c r="OG34" s="120">
        <v>380486</v>
      </c>
      <c r="OH34" s="121">
        <v>380486</v>
      </c>
      <c r="OI34" s="142">
        <v>624606</v>
      </c>
      <c r="OJ34" s="119">
        <v>1005036</v>
      </c>
      <c r="OK34" s="141">
        <v>1629642</v>
      </c>
      <c r="OL34" s="118">
        <v>0</v>
      </c>
      <c r="OM34" s="119">
        <v>10101389</v>
      </c>
      <c r="ON34" s="119">
        <v>17340029</v>
      </c>
      <c r="OO34" s="119">
        <v>18651367</v>
      </c>
      <c r="OP34" s="119">
        <v>26429801</v>
      </c>
      <c r="OQ34" s="119">
        <v>16902058</v>
      </c>
      <c r="OR34" s="120">
        <v>89424644</v>
      </c>
      <c r="OS34" s="143">
        <v>91054286</v>
      </c>
    </row>
    <row r="35" spans="2:409" ht="18.75" customHeight="1" x14ac:dyDescent="0.2">
      <c r="B35" s="62" t="s">
        <v>30</v>
      </c>
      <c r="C35" s="110">
        <v>457992</v>
      </c>
      <c r="D35" s="114">
        <v>651425</v>
      </c>
      <c r="E35" s="174">
        <v>1109417</v>
      </c>
      <c r="F35" s="175">
        <v>0</v>
      </c>
      <c r="G35" s="176">
        <v>7131677</v>
      </c>
      <c r="H35" s="176">
        <v>7358011</v>
      </c>
      <c r="I35" s="176">
        <v>8707333</v>
      </c>
      <c r="J35" s="176">
        <v>8809655</v>
      </c>
      <c r="K35" s="176">
        <v>4465158</v>
      </c>
      <c r="L35" s="177">
        <v>36471834</v>
      </c>
      <c r="M35" s="116">
        <v>37581251</v>
      </c>
      <c r="N35" s="110">
        <v>58713</v>
      </c>
      <c r="O35" s="114">
        <v>269491</v>
      </c>
      <c r="P35" s="113">
        <v>328204</v>
      </c>
      <c r="Q35" s="110">
        <v>0</v>
      </c>
      <c r="R35" s="114">
        <v>1669254</v>
      </c>
      <c r="S35" s="114">
        <v>1975585</v>
      </c>
      <c r="T35" s="114">
        <v>2930878</v>
      </c>
      <c r="U35" s="114">
        <v>3613806</v>
      </c>
      <c r="V35" s="114">
        <v>1963057</v>
      </c>
      <c r="W35" s="113">
        <v>12152580</v>
      </c>
      <c r="X35" s="116">
        <v>12480784</v>
      </c>
      <c r="Y35" s="110">
        <v>0</v>
      </c>
      <c r="Z35" s="114">
        <v>0</v>
      </c>
      <c r="AA35" s="113">
        <v>0</v>
      </c>
      <c r="AB35" s="110">
        <v>0</v>
      </c>
      <c r="AC35" s="114">
        <v>601840</v>
      </c>
      <c r="AD35" s="114">
        <v>983305</v>
      </c>
      <c r="AE35" s="114">
        <v>1680826</v>
      </c>
      <c r="AF35" s="114">
        <v>1792143</v>
      </c>
      <c r="AG35" s="114">
        <v>1033377</v>
      </c>
      <c r="AH35" s="113">
        <v>6091491</v>
      </c>
      <c r="AI35" s="116">
        <v>6091491</v>
      </c>
      <c r="AJ35" s="110">
        <v>0</v>
      </c>
      <c r="AK35" s="114">
        <v>0</v>
      </c>
      <c r="AL35" s="113">
        <v>0</v>
      </c>
      <c r="AM35" s="110">
        <v>0</v>
      </c>
      <c r="AN35" s="114">
        <v>50715</v>
      </c>
      <c r="AO35" s="114">
        <v>50715</v>
      </c>
      <c r="AP35" s="114">
        <v>135380</v>
      </c>
      <c r="AQ35" s="114">
        <v>525960</v>
      </c>
      <c r="AR35" s="114">
        <v>443156</v>
      </c>
      <c r="AS35" s="113">
        <v>1205926</v>
      </c>
      <c r="AT35" s="116">
        <v>1205926</v>
      </c>
      <c r="AU35" s="110">
        <v>30507</v>
      </c>
      <c r="AV35" s="114">
        <v>254821</v>
      </c>
      <c r="AW35" s="113">
        <v>285328</v>
      </c>
      <c r="AX35" s="110">
        <v>0</v>
      </c>
      <c r="AY35" s="114">
        <v>681549</v>
      </c>
      <c r="AZ35" s="114">
        <v>756136</v>
      </c>
      <c r="BA35" s="114">
        <v>777394</v>
      </c>
      <c r="BB35" s="114">
        <v>960469</v>
      </c>
      <c r="BC35" s="114">
        <v>375248</v>
      </c>
      <c r="BD35" s="113">
        <v>3550796</v>
      </c>
      <c r="BE35" s="116">
        <v>3836124</v>
      </c>
      <c r="BF35" s="110">
        <v>0</v>
      </c>
      <c r="BG35" s="114">
        <v>0</v>
      </c>
      <c r="BH35" s="112">
        <v>0</v>
      </c>
      <c r="BI35" s="111">
        <v>0</v>
      </c>
      <c r="BJ35" s="114">
        <v>78624</v>
      </c>
      <c r="BK35" s="114">
        <v>0</v>
      </c>
      <c r="BL35" s="114">
        <v>68832</v>
      </c>
      <c r="BM35" s="114">
        <v>43346</v>
      </c>
      <c r="BN35" s="114">
        <v>0</v>
      </c>
      <c r="BO35" s="113">
        <v>190802</v>
      </c>
      <c r="BP35" s="116">
        <v>190802</v>
      </c>
      <c r="BQ35" s="110">
        <v>28206</v>
      </c>
      <c r="BR35" s="114">
        <v>14670</v>
      </c>
      <c r="BS35" s="113">
        <v>42876</v>
      </c>
      <c r="BT35" s="110">
        <v>0</v>
      </c>
      <c r="BU35" s="114">
        <v>256526</v>
      </c>
      <c r="BV35" s="114">
        <v>185429</v>
      </c>
      <c r="BW35" s="114">
        <v>268446</v>
      </c>
      <c r="BX35" s="114">
        <v>291888</v>
      </c>
      <c r="BY35" s="114">
        <v>111276</v>
      </c>
      <c r="BZ35" s="113">
        <v>1113565</v>
      </c>
      <c r="CA35" s="116">
        <v>1156441</v>
      </c>
      <c r="CB35" s="110">
        <v>22005</v>
      </c>
      <c r="CC35" s="114">
        <v>43249</v>
      </c>
      <c r="CD35" s="113">
        <v>65254</v>
      </c>
      <c r="CE35" s="110">
        <v>0</v>
      </c>
      <c r="CF35" s="114">
        <v>2577091</v>
      </c>
      <c r="CG35" s="114">
        <v>2236808</v>
      </c>
      <c r="CH35" s="114">
        <v>2575785</v>
      </c>
      <c r="CI35" s="114">
        <v>1678123</v>
      </c>
      <c r="CJ35" s="114">
        <v>91562</v>
      </c>
      <c r="CK35" s="113">
        <v>9159369</v>
      </c>
      <c r="CL35" s="116">
        <v>9224623</v>
      </c>
      <c r="CM35" s="110">
        <v>0</v>
      </c>
      <c r="CN35" s="114">
        <v>0</v>
      </c>
      <c r="CO35" s="113">
        <v>0</v>
      </c>
      <c r="CP35" s="111">
        <v>0</v>
      </c>
      <c r="CQ35" s="114">
        <v>2135455</v>
      </c>
      <c r="CR35" s="114">
        <v>1629762</v>
      </c>
      <c r="CS35" s="114">
        <v>2272237</v>
      </c>
      <c r="CT35" s="114">
        <v>1107499</v>
      </c>
      <c r="CU35" s="114">
        <v>91562</v>
      </c>
      <c r="CV35" s="113">
        <v>7236515</v>
      </c>
      <c r="CW35" s="116">
        <v>7236515</v>
      </c>
      <c r="CX35" s="110">
        <v>22005</v>
      </c>
      <c r="CY35" s="114">
        <v>43249</v>
      </c>
      <c r="CZ35" s="113">
        <v>65254</v>
      </c>
      <c r="DA35" s="110">
        <v>0</v>
      </c>
      <c r="DB35" s="114">
        <v>441636</v>
      </c>
      <c r="DC35" s="114">
        <v>607046</v>
      </c>
      <c r="DD35" s="114">
        <v>303548</v>
      </c>
      <c r="DE35" s="114">
        <v>570624</v>
      </c>
      <c r="DF35" s="114">
        <v>0</v>
      </c>
      <c r="DG35" s="113">
        <v>1922854</v>
      </c>
      <c r="DH35" s="116">
        <v>1988108</v>
      </c>
      <c r="DI35" s="110">
        <v>0</v>
      </c>
      <c r="DJ35" s="114">
        <v>0</v>
      </c>
      <c r="DK35" s="112">
        <v>0</v>
      </c>
      <c r="DL35" s="111">
        <v>0</v>
      </c>
      <c r="DM35" s="114">
        <v>267196</v>
      </c>
      <c r="DN35" s="114">
        <v>258976</v>
      </c>
      <c r="DO35" s="114">
        <v>869193</v>
      </c>
      <c r="DP35" s="114">
        <v>1132866</v>
      </c>
      <c r="DQ35" s="114">
        <v>1164430</v>
      </c>
      <c r="DR35" s="113">
        <v>3692661</v>
      </c>
      <c r="DS35" s="116">
        <v>3692661</v>
      </c>
      <c r="DT35" s="110">
        <v>0</v>
      </c>
      <c r="DU35" s="114">
        <v>0</v>
      </c>
      <c r="DV35" s="113">
        <v>0</v>
      </c>
      <c r="DW35" s="110">
        <v>0</v>
      </c>
      <c r="DX35" s="114">
        <v>267196</v>
      </c>
      <c r="DY35" s="114">
        <v>198784</v>
      </c>
      <c r="DZ35" s="114">
        <v>845829</v>
      </c>
      <c r="EA35" s="114">
        <v>914697</v>
      </c>
      <c r="EB35" s="114">
        <v>1092172</v>
      </c>
      <c r="EC35" s="113">
        <v>3318678</v>
      </c>
      <c r="ED35" s="116">
        <v>3318678</v>
      </c>
      <c r="EE35" s="110">
        <v>0</v>
      </c>
      <c r="EF35" s="112">
        <v>0</v>
      </c>
      <c r="EG35" s="113">
        <v>0</v>
      </c>
      <c r="EH35" s="110">
        <v>0</v>
      </c>
      <c r="EI35" s="114">
        <v>0</v>
      </c>
      <c r="EJ35" s="114">
        <v>60192</v>
      </c>
      <c r="EK35" s="114">
        <v>23364</v>
      </c>
      <c r="EL35" s="114">
        <v>218169</v>
      </c>
      <c r="EM35" s="114">
        <v>72258</v>
      </c>
      <c r="EN35" s="112">
        <v>373983</v>
      </c>
      <c r="EO35" s="116">
        <v>373983</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8"/>
      <c r="FE35" s="114">
        <v>0</v>
      </c>
      <c r="FF35" s="114">
        <v>0</v>
      </c>
      <c r="FG35" s="114">
        <v>0</v>
      </c>
      <c r="FH35" s="114">
        <v>0</v>
      </c>
      <c r="FI35" s="114">
        <v>0</v>
      </c>
      <c r="FJ35" s="113">
        <v>0</v>
      </c>
      <c r="FK35" s="116">
        <v>0</v>
      </c>
      <c r="FL35" s="110">
        <v>136600</v>
      </c>
      <c r="FM35" s="114">
        <v>207285</v>
      </c>
      <c r="FN35" s="113">
        <v>343885</v>
      </c>
      <c r="FO35" s="110">
        <v>0</v>
      </c>
      <c r="FP35" s="114">
        <v>381901</v>
      </c>
      <c r="FQ35" s="114">
        <v>765743</v>
      </c>
      <c r="FR35" s="114">
        <v>1007899</v>
      </c>
      <c r="FS35" s="114">
        <v>818126</v>
      </c>
      <c r="FT35" s="114">
        <v>407544</v>
      </c>
      <c r="FU35" s="113">
        <v>3381213</v>
      </c>
      <c r="FV35" s="116">
        <v>3725098</v>
      </c>
      <c r="FW35" s="115">
        <v>136600</v>
      </c>
      <c r="FX35" s="114">
        <v>141725</v>
      </c>
      <c r="FY35" s="112">
        <v>278325</v>
      </c>
      <c r="FZ35" s="111">
        <v>0</v>
      </c>
      <c r="GA35" s="114">
        <v>381901</v>
      </c>
      <c r="GB35" s="114">
        <v>744845</v>
      </c>
      <c r="GC35" s="114">
        <v>937015</v>
      </c>
      <c r="GD35" s="114">
        <v>777626</v>
      </c>
      <c r="GE35" s="114">
        <v>383544</v>
      </c>
      <c r="GF35" s="113">
        <v>3224931</v>
      </c>
      <c r="GG35" s="319">
        <v>3503256</v>
      </c>
      <c r="GH35" s="115">
        <v>0</v>
      </c>
      <c r="GI35" s="114">
        <v>0</v>
      </c>
      <c r="GJ35" s="112">
        <v>0</v>
      </c>
      <c r="GK35" s="111">
        <v>0</v>
      </c>
      <c r="GL35" s="114">
        <v>0</v>
      </c>
      <c r="GM35" s="114">
        <v>0</v>
      </c>
      <c r="GN35" s="114">
        <v>70884</v>
      </c>
      <c r="GO35" s="114">
        <v>40500</v>
      </c>
      <c r="GP35" s="114">
        <v>24000</v>
      </c>
      <c r="GQ35" s="113">
        <v>135384</v>
      </c>
      <c r="GR35" s="116">
        <v>135384</v>
      </c>
      <c r="GS35" s="110">
        <v>0</v>
      </c>
      <c r="GT35" s="114">
        <v>65560</v>
      </c>
      <c r="GU35" s="113">
        <v>65560</v>
      </c>
      <c r="GV35" s="110">
        <v>0</v>
      </c>
      <c r="GW35" s="114">
        <v>0</v>
      </c>
      <c r="GX35" s="114">
        <v>20898</v>
      </c>
      <c r="GY35" s="114">
        <v>0</v>
      </c>
      <c r="GZ35" s="114">
        <v>0</v>
      </c>
      <c r="HA35" s="114">
        <v>0</v>
      </c>
      <c r="HB35" s="112">
        <v>20898</v>
      </c>
      <c r="HC35" s="116">
        <v>86458</v>
      </c>
      <c r="HD35" s="110">
        <v>116424</v>
      </c>
      <c r="HE35" s="114">
        <v>0</v>
      </c>
      <c r="HF35" s="112">
        <v>116424</v>
      </c>
      <c r="HG35" s="111">
        <v>0</v>
      </c>
      <c r="HH35" s="114">
        <v>1092916</v>
      </c>
      <c r="HI35" s="114">
        <v>1157292</v>
      </c>
      <c r="HJ35" s="114">
        <v>436557</v>
      </c>
      <c r="HK35" s="114">
        <v>932204</v>
      </c>
      <c r="HL35" s="114">
        <v>528225</v>
      </c>
      <c r="HM35" s="113">
        <v>4147194</v>
      </c>
      <c r="HN35" s="109">
        <v>4263618</v>
      </c>
      <c r="HO35" s="115">
        <v>124250</v>
      </c>
      <c r="HP35" s="114">
        <v>131400</v>
      </c>
      <c r="HQ35" s="113">
        <v>255650</v>
      </c>
      <c r="HR35" s="110">
        <v>0</v>
      </c>
      <c r="HS35" s="114">
        <v>1143319</v>
      </c>
      <c r="HT35" s="114">
        <v>963607</v>
      </c>
      <c r="HU35" s="114">
        <v>887021</v>
      </c>
      <c r="HV35" s="114">
        <v>634530</v>
      </c>
      <c r="HW35" s="114">
        <v>310340</v>
      </c>
      <c r="HX35" s="112">
        <v>3938817</v>
      </c>
      <c r="HY35" s="116">
        <v>4194467</v>
      </c>
      <c r="HZ35" s="131">
        <v>26231</v>
      </c>
      <c r="IA35" s="132">
        <v>0</v>
      </c>
      <c r="IB35" s="133">
        <v>26231</v>
      </c>
      <c r="IC35" s="146">
        <v>0</v>
      </c>
      <c r="ID35" s="132">
        <v>3167996</v>
      </c>
      <c r="IE35" s="147">
        <v>1907378</v>
      </c>
      <c r="IF35" s="133">
        <v>2951442</v>
      </c>
      <c r="IG35" s="132">
        <v>2013153</v>
      </c>
      <c r="IH35" s="133">
        <v>580168</v>
      </c>
      <c r="II35" s="148">
        <v>10620137</v>
      </c>
      <c r="IJ35" s="139">
        <v>10646368</v>
      </c>
      <c r="IK35" s="232">
        <v>0</v>
      </c>
      <c r="IL35" s="236">
        <v>0</v>
      </c>
      <c r="IM35" s="237">
        <v>0</v>
      </c>
      <c r="IN35" s="140"/>
      <c r="IO35" s="119">
        <v>66735</v>
      </c>
      <c r="IP35" s="119">
        <v>0</v>
      </c>
      <c r="IQ35" s="119">
        <v>177669</v>
      </c>
      <c r="IR35" s="119">
        <v>0</v>
      </c>
      <c r="IS35" s="119">
        <v>0</v>
      </c>
      <c r="IT35" s="141">
        <v>244404</v>
      </c>
      <c r="IU35" s="321">
        <v>244404</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1141828</v>
      </c>
      <c r="JL35" s="119">
        <v>1112946</v>
      </c>
      <c r="JM35" s="119">
        <v>847359</v>
      </c>
      <c r="JN35" s="119">
        <v>629444</v>
      </c>
      <c r="JO35" s="119">
        <v>0</v>
      </c>
      <c r="JP35" s="120">
        <v>3731577</v>
      </c>
      <c r="JQ35" s="321">
        <v>3731577</v>
      </c>
      <c r="JR35" s="142">
        <v>26231</v>
      </c>
      <c r="JS35" s="119">
        <v>0</v>
      </c>
      <c r="JT35" s="141">
        <v>26231</v>
      </c>
      <c r="JU35" s="118">
        <v>0</v>
      </c>
      <c r="JV35" s="119">
        <v>64602</v>
      </c>
      <c r="JW35" s="119">
        <v>72538</v>
      </c>
      <c r="JX35" s="119">
        <v>247974</v>
      </c>
      <c r="JY35" s="119">
        <v>0</v>
      </c>
      <c r="JZ35" s="119">
        <v>0</v>
      </c>
      <c r="KA35" s="120">
        <v>385114</v>
      </c>
      <c r="KB35" s="321">
        <v>411345</v>
      </c>
      <c r="KC35" s="234">
        <v>0</v>
      </c>
      <c r="KD35" s="230">
        <v>0</v>
      </c>
      <c r="KE35" s="120">
        <v>0</v>
      </c>
      <c r="KF35" s="118">
        <v>0</v>
      </c>
      <c r="KG35" s="119">
        <v>0</v>
      </c>
      <c r="KH35" s="119">
        <v>0</v>
      </c>
      <c r="KI35" s="119">
        <v>0</v>
      </c>
      <c r="KJ35" s="119">
        <v>585477</v>
      </c>
      <c r="KK35" s="119">
        <v>0</v>
      </c>
      <c r="KL35" s="120">
        <v>585477</v>
      </c>
      <c r="KM35" s="143">
        <v>585477</v>
      </c>
      <c r="KN35" s="232">
        <v>0</v>
      </c>
      <c r="KO35" s="236">
        <v>0</v>
      </c>
      <c r="KP35" s="237">
        <v>0</v>
      </c>
      <c r="KQ35" s="140"/>
      <c r="KR35" s="119">
        <v>1894831</v>
      </c>
      <c r="KS35" s="119">
        <v>721894</v>
      </c>
      <c r="KT35" s="119">
        <v>1678440</v>
      </c>
      <c r="KU35" s="119">
        <v>798232</v>
      </c>
      <c r="KV35" s="119">
        <v>580168</v>
      </c>
      <c r="KW35" s="120">
        <v>5673565</v>
      </c>
      <c r="KX35" s="321">
        <v>5673565</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1">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428198</v>
      </c>
      <c r="MK35" s="119">
        <v>1464677</v>
      </c>
      <c r="ML35" s="119">
        <v>10618127</v>
      </c>
      <c r="MM35" s="119">
        <v>10874763</v>
      </c>
      <c r="MN35" s="119">
        <v>7475483</v>
      </c>
      <c r="MO35" s="120">
        <v>31861248</v>
      </c>
      <c r="MP35" s="143">
        <v>31861248</v>
      </c>
      <c r="MQ35" s="142">
        <v>0</v>
      </c>
      <c r="MR35" s="119">
        <v>0</v>
      </c>
      <c r="MS35" s="120">
        <v>0</v>
      </c>
      <c r="MT35" s="145"/>
      <c r="MU35" s="119">
        <v>229518</v>
      </c>
      <c r="MV35" s="119">
        <v>423326</v>
      </c>
      <c r="MW35" s="119">
        <v>5801808</v>
      </c>
      <c r="MX35" s="119">
        <v>5506014</v>
      </c>
      <c r="MY35" s="119">
        <v>5395412</v>
      </c>
      <c r="MZ35" s="120">
        <v>17356078</v>
      </c>
      <c r="NA35" s="143">
        <v>17356078</v>
      </c>
      <c r="NB35" s="142">
        <v>0</v>
      </c>
      <c r="NC35" s="119">
        <v>0</v>
      </c>
      <c r="ND35" s="120">
        <v>0</v>
      </c>
      <c r="NE35" s="145"/>
      <c r="NF35" s="119">
        <v>1198680</v>
      </c>
      <c r="NG35" s="119">
        <v>787506</v>
      </c>
      <c r="NH35" s="119">
        <v>4816319</v>
      </c>
      <c r="NI35" s="119">
        <v>5379698</v>
      </c>
      <c r="NJ35" s="119">
        <v>1211980</v>
      </c>
      <c r="NK35" s="120">
        <v>13394183</v>
      </c>
      <c r="NL35" s="321">
        <v>13394183</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253845</v>
      </c>
      <c r="OD35" s="119">
        <v>0</v>
      </c>
      <c r="OE35" s="119">
        <v>-10949</v>
      </c>
      <c r="OF35" s="119">
        <v>868091</v>
      </c>
      <c r="OG35" s="120">
        <v>1110987</v>
      </c>
      <c r="OH35" s="121">
        <v>1110987</v>
      </c>
      <c r="OI35" s="142">
        <v>484223</v>
      </c>
      <c r="OJ35" s="119">
        <v>651425</v>
      </c>
      <c r="OK35" s="141">
        <v>1135648</v>
      </c>
      <c r="OL35" s="118">
        <v>0</v>
      </c>
      <c r="OM35" s="119">
        <v>11727871</v>
      </c>
      <c r="ON35" s="119">
        <v>10730066</v>
      </c>
      <c r="OO35" s="119">
        <v>22276902</v>
      </c>
      <c r="OP35" s="119">
        <v>21697571</v>
      </c>
      <c r="OQ35" s="119">
        <v>12520809</v>
      </c>
      <c r="OR35" s="120">
        <v>78953219</v>
      </c>
      <c r="OS35" s="143">
        <v>80088867</v>
      </c>
    </row>
    <row r="36" spans="2:409" ht="18.75" customHeight="1" x14ac:dyDescent="0.2">
      <c r="B36" s="62" t="s">
        <v>31</v>
      </c>
      <c r="C36" s="110">
        <v>426229</v>
      </c>
      <c r="D36" s="114">
        <v>1347615</v>
      </c>
      <c r="E36" s="113">
        <v>1773844</v>
      </c>
      <c r="F36" s="109">
        <v>0</v>
      </c>
      <c r="G36" s="114">
        <v>6938219</v>
      </c>
      <c r="H36" s="114">
        <v>10106825</v>
      </c>
      <c r="I36" s="114">
        <v>8950301</v>
      </c>
      <c r="J36" s="114">
        <v>5420321</v>
      </c>
      <c r="K36" s="114">
        <v>3691834</v>
      </c>
      <c r="L36" s="173">
        <v>35107500</v>
      </c>
      <c r="M36" s="116">
        <v>36881344</v>
      </c>
      <c r="N36" s="110">
        <v>96293</v>
      </c>
      <c r="O36" s="114">
        <v>139842</v>
      </c>
      <c r="P36" s="113">
        <v>236135</v>
      </c>
      <c r="Q36" s="110">
        <v>0</v>
      </c>
      <c r="R36" s="114">
        <v>1385535</v>
      </c>
      <c r="S36" s="114">
        <v>1753049</v>
      </c>
      <c r="T36" s="114">
        <v>1422346</v>
      </c>
      <c r="U36" s="114">
        <v>1158393</v>
      </c>
      <c r="V36" s="114">
        <v>1528235</v>
      </c>
      <c r="W36" s="113">
        <v>7247558</v>
      </c>
      <c r="X36" s="116">
        <v>7483693</v>
      </c>
      <c r="Y36" s="110">
        <v>0</v>
      </c>
      <c r="Z36" s="114">
        <v>0</v>
      </c>
      <c r="AA36" s="113">
        <v>0</v>
      </c>
      <c r="AB36" s="110">
        <v>0</v>
      </c>
      <c r="AC36" s="114">
        <v>716813</v>
      </c>
      <c r="AD36" s="114">
        <v>578259</v>
      </c>
      <c r="AE36" s="114">
        <v>203085</v>
      </c>
      <c r="AF36" s="114">
        <v>118783</v>
      </c>
      <c r="AG36" s="114">
        <v>976306</v>
      </c>
      <c r="AH36" s="113">
        <v>2593246</v>
      </c>
      <c r="AI36" s="116">
        <v>2593246</v>
      </c>
      <c r="AJ36" s="110">
        <v>0</v>
      </c>
      <c r="AK36" s="114">
        <v>0</v>
      </c>
      <c r="AL36" s="113">
        <v>0</v>
      </c>
      <c r="AM36" s="110">
        <v>0</v>
      </c>
      <c r="AN36" s="114">
        <v>0</v>
      </c>
      <c r="AO36" s="114">
        <v>128440</v>
      </c>
      <c r="AP36" s="114">
        <v>293151</v>
      </c>
      <c r="AQ36" s="114">
        <v>318294</v>
      </c>
      <c r="AR36" s="114">
        <v>97344</v>
      </c>
      <c r="AS36" s="113">
        <v>837229</v>
      </c>
      <c r="AT36" s="116">
        <v>837229</v>
      </c>
      <c r="AU36" s="110">
        <v>70418</v>
      </c>
      <c r="AV36" s="114">
        <v>97182</v>
      </c>
      <c r="AW36" s="113">
        <v>167600</v>
      </c>
      <c r="AX36" s="110">
        <v>0</v>
      </c>
      <c r="AY36" s="114">
        <v>453088</v>
      </c>
      <c r="AZ36" s="114">
        <v>623800</v>
      </c>
      <c r="BA36" s="114">
        <v>600926</v>
      </c>
      <c r="BB36" s="114">
        <v>431653</v>
      </c>
      <c r="BC36" s="114">
        <v>324180</v>
      </c>
      <c r="BD36" s="113">
        <v>2433647</v>
      </c>
      <c r="BE36" s="116">
        <v>2601247</v>
      </c>
      <c r="BF36" s="110">
        <v>0</v>
      </c>
      <c r="BG36" s="114">
        <v>42660</v>
      </c>
      <c r="BH36" s="112">
        <v>42660</v>
      </c>
      <c r="BI36" s="111">
        <v>0</v>
      </c>
      <c r="BJ36" s="114">
        <v>83536</v>
      </c>
      <c r="BK36" s="114">
        <v>178140</v>
      </c>
      <c r="BL36" s="114">
        <v>169205</v>
      </c>
      <c r="BM36" s="114">
        <v>190256</v>
      </c>
      <c r="BN36" s="114">
        <v>90243</v>
      </c>
      <c r="BO36" s="113">
        <v>711380</v>
      </c>
      <c r="BP36" s="116">
        <v>754040</v>
      </c>
      <c r="BQ36" s="110">
        <v>25875</v>
      </c>
      <c r="BR36" s="114">
        <v>0</v>
      </c>
      <c r="BS36" s="113">
        <v>25875</v>
      </c>
      <c r="BT36" s="110">
        <v>0</v>
      </c>
      <c r="BU36" s="114">
        <v>132098</v>
      </c>
      <c r="BV36" s="114">
        <v>244410</v>
      </c>
      <c r="BW36" s="114">
        <v>155979</v>
      </c>
      <c r="BX36" s="114">
        <v>99407</v>
      </c>
      <c r="BY36" s="114">
        <v>40162</v>
      </c>
      <c r="BZ36" s="113">
        <v>672056</v>
      </c>
      <c r="CA36" s="116">
        <v>697931</v>
      </c>
      <c r="CB36" s="110">
        <v>0</v>
      </c>
      <c r="CC36" s="114">
        <v>41517</v>
      </c>
      <c r="CD36" s="113">
        <v>41517</v>
      </c>
      <c r="CE36" s="110">
        <v>0</v>
      </c>
      <c r="CF36" s="114">
        <v>2056807</v>
      </c>
      <c r="CG36" s="114">
        <v>3837064</v>
      </c>
      <c r="CH36" s="114">
        <v>2590110</v>
      </c>
      <c r="CI36" s="114">
        <v>2497918</v>
      </c>
      <c r="CJ36" s="114">
        <v>705609</v>
      </c>
      <c r="CK36" s="113">
        <v>11687508</v>
      </c>
      <c r="CL36" s="116">
        <v>11729025</v>
      </c>
      <c r="CM36" s="110">
        <v>0</v>
      </c>
      <c r="CN36" s="114">
        <v>0</v>
      </c>
      <c r="CO36" s="113">
        <v>0</v>
      </c>
      <c r="CP36" s="111">
        <v>0</v>
      </c>
      <c r="CQ36" s="114">
        <v>1864118</v>
      </c>
      <c r="CR36" s="114">
        <v>3247128</v>
      </c>
      <c r="CS36" s="114">
        <v>2067959</v>
      </c>
      <c r="CT36" s="114">
        <v>2202453</v>
      </c>
      <c r="CU36" s="114">
        <v>496465</v>
      </c>
      <c r="CV36" s="113">
        <v>9878123</v>
      </c>
      <c r="CW36" s="116">
        <v>9878123</v>
      </c>
      <c r="CX36" s="110">
        <v>0</v>
      </c>
      <c r="CY36" s="114">
        <v>41517</v>
      </c>
      <c r="CZ36" s="113">
        <v>41517</v>
      </c>
      <c r="DA36" s="110">
        <v>0</v>
      </c>
      <c r="DB36" s="114">
        <v>192689</v>
      </c>
      <c r="DC36" s="114">
        <v>589936</v>
      </c>
      <c r="DD36" s="114">
        <v>522151</v>
      </c>
      <c r="DE36" s="114">
        <v>295465</v>
      </c>
      <c r="DF36" s="114">
        <v>209144</v>
      </c>
      <c r="DG36" s="113">
        <v>1809385</v>
      </c>
      <c r="DH36" s="116">
        <v>1850902</v>
      </c>
      <c r="DI36" s="110">
        <v>0</v>
      </c>
      <c r="DJ36" s="114">
        <v>0</v>
      </c>
      <c r="DK36" s="112">
        <v>0</v>
      </c>
      <c r="DL36" s="111">
        <v>0</v>
      </c>
      <c r="DM36" s="114">
        <v>281710</v>
      </c>
      <c r="DN36" s="114">
        <v>1069861</v>
      </c>
      <c r="DO36" s="114">
        <v>1859659</v>
      </c>
      <c r="DP36" s="114">
        <v>309127</v>
      </c>
      <c r="DQ36" s="114">
        <v>187655</v>
      </c>
      <c r="DR36" s="113">
        <v>3708012</v>
      </c>
      <c r="DS36" s="116">
        <v>3708012</v>
      </c>
      <c r="DT36" s="110">
        <v>0</v>
      </c>
      <c r="DU36" s="114">
        <v>0</v>
      </c>
      <c r="DV36" s="113">
        <v>0</v>
      </c>
      <c r="DW36" s="110">
        <v>0</v>
      </c>
      <c r="DX36" s="114">
        <v>257428</v>
      </c>
      <c r="DY36" s="114">
        <v>867677</v>
      </c>
      <c r="DZ36" s="114">
        <v>1859659</v>
      </c>
      <c r="EA36" s="114">
        <v>309127</v>
      </c>
      <c r="EB36" s="114">
        <v>126896</v>
      </c>
      <c r="EC36" s="113">
        <v>3420787</v>
      </c>
      <c r="ED36" s="116">
        <v>3420787</v>
      </c>
      <c r="EE36" s="110">
        <v>0</v>
      </c>
      <c r="EF36" s="112">
        <v>0</v>
      </c>
      <c r="EG36" s="113">
        <v>0</v>
      </c>
      <c r="EH36" s="110">
        <v>0</v>
      </c>
      <c r="EI36" s="114">
        <v>24282</v>
      </c>
      <c r="EJ36" s="114">
        <v>202184</v>
      </c>
      <c r="EK36" s="114">
        <v>0</v>
      </c>
      <c r="EL36" s="114">
        <v>0</v>
      </c>
      <c r="EM36" s="114">
        <v>60759</v>
      </c>
      <c r="EN36" s="112">
        <v>287225</v>
      </c>
      <c r="EO36" s="116">
        <v>287225</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8"/>
      <c r="FE36" s="114">
        <v>0</v>
      </c>
      <c r="FF36" s="114">
        <v>0</v>
      </c>
      <c r="FG36" s="114">
        <v>0</v>
      </c>
      <c r="FH36" s="114">
        <v>0</v>
      </c>
      <c r="FI36" s="114">
        <v>0</v>
      </c>
      <c r="FJ36" s="113">
        <v>0</v>
      </c>
      <c r="FK36" s="116">
        <v>0</v>
      </c>
      <c r="FL36" s="110">
        <v>129014</v>
      </c>
      <c r="FM36" s="114">
        <v>729424</v>
      </c>
      <c r="FN36" s="113">
        <v>858438</v>
      </c>
      <c r="FO36" s="110">
        <v>0</v>
      </c>
      <c r="FP36" s="114">
        <v>539402</v>
      </c>
      <c r="FQ36" s="114">
        <v>1120733</v>
      </c>
      <c r="FR36" s="114">
        <v>1138009</v>
      </c>
      <c r="FS36" s="114">
        <v>532993</v>
      </c>
      <c r="FT36" s="114">
        <v>349875</v>
      </c>
      <c r="FU36" s="113">
        <v>3681012</v>
      </c>
      <c r="FV36" s="116">
        <v>4539450</v>
      </c>
      <c r="FW36" s="115">
        <v>95414</v>
      </c>
      <c r="FX36" s="114">
        <v>366144</v>
      </c>
      <c r="FY36" s="112">
        <v>461558</v>
      </c>
      <c r="FZ36" s="111">
        <v>0</v>
      </c>
      <c r="GA36" s="114">
        <v>517082</v>
      </c>
      <c r="GB36" s="114">
        <v>1100893</v>
      </c>
      <c r="GC36" s="114">
        <v>796009</v>
      </c>
      <c r="GD36" s="114">
        <v>532993</v>
      </c>
      <c r="GE36" s="114">
        <v>349875</v>
      </c>
      <c r="GF36" s="113">
        <v>3296852</v>
      </c>
      <c r="GG36" s="319">
        <v>3758410</v>
      </c>
      <c r="GH36" s="115">
        <v>0</v>
      </c>
      <c r="GI36" s="114">
        <v>0</v>
      </c>
      <c r="GJ36" s="112">
        <v>0</v>
      </c>
      <c r="GK36" s="111">
        <v>0</v>
      </c>
      <c r="GL36" s="114">
        <v>22320</v>
      </c>
      <c r="GM36" s="114">
        <v>19840</v>
      </c>
      <c r="GN36" s="114">
        <v>0</v>
      </c>
      <c r="GO36" s="114">
        <v>0</v>
      </c>
      <c r="GP36" s="114">
        <v>0</v>
      </c>
      <c r="GQ36" s="113">
        <v>42160</v>
      </c>
      <c r="GR36" s="116">
        <v>42160</v>
      </c>
      <c r="GS36" s="110">
        <v>33600</v>
      </c>
      <c r="GT36" s="114">
        <v>363280</v>
      </c>
      <c r="GU36" s="113">
        <v>396880</v>
      </c>
      <c r="GV36" s="110">
        <v>0</v>
      </c>
      <c r="GW36" s="114">
        <v>0</v>
      </c>
      <c r="GX36" s="114">
        <v>0</v>
      </c>
      <c r="GY36" s="114">
        <v>342000</v>
      </c>
      <c r="GZ36" s="114">
        <v>0</v>
      </c>
      <c r="HA36" s="114">
        <v>0</v>
      </c>
      <c r="HB36" s="112">
        <v>342000</v>
      </c>
      <c r="HC36" s="116">
        <v>738880</v>
      </c>
      <c r="HD36" s="110">
        <v>91963</v>
      </c>
      <c r="HE36" s="114">
        <v>183393</v>
      </c>
      <c r="HF36" s="112">
        <v>275356</v>
      </c>
      <c r="HG36" s="111">
        <v>0</v>
      </c>
      <c r="HH36" s="114">
        <v>1361154</v>
      </c>
      <c r="HI36" s="114">
        <v>1008772</v>
      </c>
      <c r="HJ36" s="114">
        <v>1057767</v>
      </c>
      <c r="HK36" s="114">
        <v>483992</v>
      </c>
      <c r="HL36" s="114">
        <v>733546</v>
      </c>
      <c r="HM36" s="113">
        <v>4645231</v>
      </c>
      <c r="HN36" s="109">
        <v>4920587</v>
      </c>
      <c r="HO36" s="115">
        <v>108959</v>
      </c>
      <c r="HP36" s="114">
        <v>253439</v>
      </c>
      <c r="HQ36" s="113">
        <v>362398</v>
      </c>
      <c r="HR36" s="110">
        <v>0</v>
      </c>
      <c r="HS36" s="114">
        <v>1313611</v>
      </c>
      <c r="HT36" s="114">
        <v>1317346</v>
      </c>
      <c r="HU36" s="114">
        <v>882410</v>
      </c>
      <c r="HV36" s="114">
        <v>437898</v>
      </c>
      <c r="HW36" s="114">
        <v>186914</v>
      </c>
      <c r="HX36" s="112">
        <v>4138179</v>
      </c>
      <c r="HY36" s="116">
        <v>4500577</v>
      </c>
      <c r="HZ36" s="150">
        <v>0</v>
      </c>
      <c r="IA36" s="135">
        <v>176414</v>
      </c>
      <c r="IB36" s="150">
        <v>176414</v>
      </c>
      <c r="IC36" s="134">
        <v>0</v>
      </c>
      <c r="ID36" s="135">
        <v>3765290</v>
      </c>
      <c r="IE36" s="136">
        <v>5108958</v>
      </c>
      <c r="IF36" s="137">
        <v>5551026</v>
      </c>
      <c r="IG36" s="135">
        <v>3330192</v>
      </c>
      <c r="IH36" s="137">
        <v>1142440</v>
      </c>
      <c r="II36" s="138">
        <v>18897906</v>
      </c>
      <c r="IJ36" s="150">
        <v>19074320</v>
      </c>
      <c r="IK36" s="232">
        <v>0</v>
      </c>
      <c r="IL36" s="236">
        <v>0</v>
      </c>
      <c r="IM36" s="237">
        <v>0</v>
      </c>
      <c r="IN36" s="140"/>
      <c r="IO36" s="119">
        <v>0</v>
      </c>
      <c r="IP36" s="119">
        <v>191219</v>
      </c>
      <c r="IQ36" s="119">
        <v>0</v>
      </c>
      <c r="IR36" s="119">
        <v>187569</v>
      </c>
      <c r="IS36" s="119">
        <v>0</v>
      </c>
      <c r="IT36" s="141">
        <v>378788</v>
      </c>
      <c r="IU36" s="321">
        <v>378788</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994669</v>
      </c>
      <c r="JL36" s="119">
        <v>741221</v>
      </c>
      <c r="JM36" s="119">
        <v>777277</v>
      </c>
      <c r="JN36" s="119">
        <v>150021</v>
      </c>
      <c r="JO36" s="119">
        <v>39060</v>
      </c>
      <c r="JP36" s="120">
        <v>2702248</v>
      </c>
      <c r="JQ36" s="321">
        <v>2702248</v>
      </c>
      <c r="JR36" s="142">
        <v>0</v>
      </c>
      <c r="JS36" s="119">
        <v>0</v>
      </c>
      <c r="JT36" s="141">
        <v>0</v>
      </c>
      <c r="JU36" s="118">
        <v>0</v>
      </c>
      <c r="JV36" s="119">
        <v>0</v>
      </c>
      <c r="JW36" s="119">
        <v>176265</v>
      </c>
      <c r="JX36" s="119">
        <v>123992</v>
      </c>
      <c r="JY36" s="119">
        <v>0</v>
      </c>
      <c r="JZ36" s="119">
        <v>0</v>
      </c>
      <c r="KA36" s="120">
        <v>300257</v>
      </c>
      <c r="KB36" s="321">
        <v>300257</v>
      </c>
      <c r="KC36" s="234">
        <v>0</v>
      </c>
      <c r="KD36" s="230">
        <v>176414</v>
      </c>
      <c r="KE36" s="120">
        <v>176414</v>
      </c>
      <c r="KF36" s="118">
        <v>0</v>
      </c>
      <c r="KG36" s="119">
        <v>902772</v>
      </c>
      <c r="KH36" s="119">
        <v>1619299</v>
      </c>
      <c r="KI36" s="119">
        <v>1338466</v>
      </c>
      <c r="KJ36" s="119">
        <v>288044</v>
      </c>
      <c r="KK36" s="119">
        <v>313837</v>
      </c>
      <c r="KL36" s="120">
        <v>4462418</v>
      </c>
      <c r="KM36" s="143">
        <v>4638832</v>
      </c>
      <c r="KN36" s="232">
        <v>0</v>
      </c>
      <c r="KO36" s="236">
        <v>0</v>
      </c>
      <c r="KP36" s="237">
        <v>0</v>
      </c>
      <c r="KQ36" s="140"/>
      <c r="KR36" s="119">
        <v>1867849</v>
      </c>
      <c r="KS36" s="119">
        <v>2380954</v>
      </c>
      <c r="KT36" s="119">
        <v>3311291</v>
      </c>
      <c r="KU36" s="119">
        <v>2704558</v>
      </c>
      <c r="KV36" s="119">
        <v>789543</v>
      </c>
      <c r="KW36" s="120">
        <v>11054195</v>
      </c>
      <c r="KX36" s="321">
        <v>11054195</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1">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982125</v>
      </c>
      <c r="MK36" s="119">
        <v>3553792</v>
      </c>
      <c r="ML36" s="119">
        <v>9926531</v>
      </c>
      <c r="MM36" s="119">
        <v>8714324</v>
      </c>
      <c r="MN36" s="119">
        <v>8607978</v>
      </c>
      <c r="MO36" s="120">
        <v>31784750</v>
      </c>
      <c r="MP36" s="143">
        <v>31784750</v>
      </c>
      <c r="MQ36" s="142">
        <v>0</v>
      </c>
      <c r="MR36" s="119">
        <v>0</v>
      </c>
      <c r="MS36" s="120">
        <v>0</v>
      </c>
      <c r="MT36" s="145"/>
      <c r="MU36" s="119">
        <v>0</v>
      </c>
      <c r="MV36" s="119">
        <v>487254</v>
      </c>
      <c r="MW36" s="119">
        <v>6975436</v>
      </c>
      <c r="MX36" s="119">
        <v>6215674</v>
      </c>
      <c r="MY36" s="119">
        <v>6440627</v>
      </c>
      <c r="MZ36" s="120">
        <v>20118991</v>
      </c>
      <c r="NA36" s="143">
        <v>20118991</v>
      </c>
      <c r="NB36" s="142">
        <v>0</v>
      </c>
      <c r="NC36" s="119">
        <v>0</v>
      </c>
      <c r="ND36" s="120">
        <v>0</v>
      </c>
      <c r="NE36" s="145"/>
      <c r="NF36" s="119">
        <v>982125</v>
      </c>
      <c r="NG36" s="119">
        <v>3066538</v>
      </c>
      <c r="NH36" s="119">
        <v>2951095</v>
      </c>
      <c r="NI36" s="119">
        <v>2139072</v>
      </c>
      <c r="NJ36" s="119">
        <v>1822671</v>
      </c>
      <c r="NK36" s="120">
        <v>10961501</v>
      </c>
      <c r="NL36" s="321">
        <v>10961501</v>
      </c>
      <c r="NM36" s="142">
        <v>0</v>
      </c>
      <c r="NN36" s="119">
        <v>0</v>
      </c>
      <c r="NO36" s="120">
        <v>0</v>
      </c>
      <c r="NP36" s="145"/>
      <c r="NQ36" s="119">
        <v>0</v>
      </c>
      <c r="NR36" s="119">
        <v>0</v>
      </c>
      <c r="NS36" s="119">
        <v>0</v>
      </c>
      <c r="NT36" s="119">
        <v>359578</v>
      </c>
      <c r="NU36" s="119">
        <v>0</v>
      </c>
      <c r="NV36" s="120">
        <v>359578</v>
      </c>
      <c r="NW36" s="121">
        <v>359578</v>
      </c>
      <c r="NX36" s="142">
        <v>0</v>
      </c>
      <c r="NY36" s="119">
        <v>0</v>
      </c>
      <c r="NZ36" s="120">
        <v>0</v>
      </c>
      <c r="OA36" s="145"/>
      <c r="OB36" s="119">
        <v>0</v>
      </c>
      <c r="OC36" s="119">
        <v>0</v>
      </c>
      <c r="OD36" s="119">
        <v>0</v>
      </c>
      <c r="OE36" s="119">
        <v>0</v>
      </c>
      <c r="OF36" s="119">
        <v>344680</v>
      </c>
      <c r="OG36" s="120">
        <v>344680</v>
      </c>
      <c r="OH36" s="121">
        <v>344680</v>
      </c>
      <c r="OI36" s="142">
        <v>426229</v>
      </c>
      <c r="OJ36" s="119">
        <v>1524029</v>
      </c>
      <c r="OK36" s="141">
        <v>1950258</v>
      </c>
      <c r="OL36" s="118">
        <v>0</v>
      </c>
      <c r="OM36" s="119">
        <v>11685634</v>
      </c>
      <c r="ON36" s="119">
        <v>18769575</v>
      </c>
      <c r="OO36" s="119">
        <v>24427858</v>
      </c>
      <c r="OP36" s="119">
        <v>17464837</v>
      </c>
      <c r="OQ36" s="119">
        <v>13442252</v>
      </c>
      <c r="OR36" s="120">
        <v>85790156</v>
      </c>
      <c r="OS36" s="143">
        <v>87740414</v>
      </c>
    </row>
    <row r="37" spans="2:409" ht="18.75" customHeight="1" x14ac:dyDescent="0.2">
      <c r="B37" s="62" t="s">
        <v>32</v>
      </c>
      <c r="C37" s="110">
        <v>768464</v>
      </c>
      <c r="D37" s="114">
        <v>930592</v>
      </c>
      <c r="E37" s="174">
        <v>1699056</v>
      </c>
      <c r="F37" s="175">
        <v>0</v>
      </c>
      <c r="G37" s="176">
        <v>10148987</v>
      </c>
      <c r="H37" s="176">
        <v>9922728</v>
      </c>
      <c r="I37" s="176">
        <v>10021278</v>
      </c>
      <c r="J37" s="176">
        <v>9237486</v>
      </c>
      <c r="K37" s="176">
        <v>5823390</v>
      </c>
      <c r="L37" s="177">
        <v>45153869</v>
      </c>
      <c r="M37" s="116">
        <v>46852925</v>
      </c>
      <c r="N37" s="110">
        <v>147897</v>
      </c>
      <c r="O37" s="114">
        <v>214207</v>
      </c>
      <c r="P37" s="113">
        <v>362104</v>
      </c>
      <c r="Q37" s="110">
        <v>0</v>
      </c>
      <c r="R37" s="114">
        <v>2816965</v>
      </c>
      <c r="S37" s="114">
        <v>1916379</v>
      </c>
      <c r="T37" s="114">
        <v>2500993</v>
      </c>
      <c r="U37" s="114">
        <v>2806909</v>
      </c>
      <c r="V37" s="114">
        <v>3041043</v>
      </c>
      <c r="W37" s="113">
        <v>13082289</v>
      </c>
      <c r="X37" s="116">
        <v>13444393</v>
      </c>
      <c r="Y37" s="110">
        <v>0</v>
      </c>
      <c r="Z37" s="114">
        <v>0</v>
      </c>
      <c r="AA37" s="113">
        <v>0</v>
      </c>
      <c r="AB37" s="110">
        <v>0</v>
      </c>
      <c r="AC37" s="114">
        <v>1381144</v>
      </c>
      <c r="AD37" s="114">
        <v>754428</v>
      </c>
      <c r="AE37" s="114">
        <v>1539472</v>
      </c>
      <c r="AF37" s="114">
        <v>1603410</v>
      </c>
      <c r="AG37" s="114">
        <v>1553926</v>
      </c>
      <c r="AH37" s="113">
        <v>6832380</v>
      </c>
      <c r="AI37" s="116">
        <v>6832380</v>
      </c>
      <c r="AJ37" s="110">
        <v>0</v>
      </c>
      <c r="AK37" s="114">
        <v>0</v>
      </c>
      <c r="AL37" s="113">
        <v>0</v>
      </c>
      <c r="AM37" s="110">
        <v>0</v>
      </c>
      <c r="AN37" s="114">
        <v>26271</v>
      </c>
      <c r="AO37" s="114">
        <v>73004</v>
      </c>
      <c r="AP37" s="114">
        <v>12836</v>
      </c>
      <c r="AQ37" s="114">
        <v>103327</v>
      </c>
      <c r="AR37" s="114">
        <v>720018</v>
      </c>
      <c r="AS37" s="113">
        <v>935456</v>
      </c>
      <c r="AT37" s="116">
        <v>935456</v>
      </c>
      <c r="AU37" s="110">
        <v>123391</v>
      </c>
      <c r="AV37" s="114">
        <v>214207</v>
      </c>
      <c r="AW37" s="113">
        <v>337598</v>
      </c>
      <c r="AX37" s="110">
        <v>0</v>
      </c>
      <c r="AY37" s="114">
        <v>1047470</v>
      </c>
      <c r="AZ37" s="114">
        <v>892867</v>
      </c>
      <c r="BA37" s="114">
        <v>606392</v>
      </c>
      <c r="BB37" s="114">
        <v>741417</v>
      </c>
      <c r="BC37" s="114">
        <v>469502</v>
      </c>
      <c r="BD37" s="113">
        <v>3757648</v>
      </c>
      <c r="BE37" s="116">
        <v>4095246</v>
      </c>
      <c r="BF37" s="110">
        <v>18368</v>
      </c>
      <c r="BG37" s="114">
        <v>0</v>
      </c>
      <c r="BH37" s="112">
        <v>18368</v>
      </c>
      <c r="BI37" s="111">
        <v>0</v>
      </c>
      <c r="BJ37" s="114">
        <v>223819</v>
      </c>
      <c r="BK37" s="114">
        <v>36992</v>
      </c>
      <c r="BL37" s="114">
        <v>67876</v>
      </c>
      <c r="BM37" s="114">
        <v>17208</v>
      </c>
      <c r="BN37" s="114">
        <v>139194</v>
      </c>
      <c r="BO37" s="113">
        <v>485089</v>
      </c>
      <c r="BP37" s="116">
        <v>503457</v>
      </c>
      <c r="BQ37" s="110">
        <v>6138</v>
      </c>
      <c r="BR37" s="114">
        <v>0</v>
      </c>
      <c r="BS37" s="113">
        <v>6138</v>
      </c>
      <c r="BT37" s="110">
        <v>0</v>
      </c>
      <c r="BU37" s="114">
        <v>138261</v>
      </c>
      <c r="BV37" s="114">
        <v>159088</v>
      </c>
      <c r="BW37" s="114">
        <v>274417</v>
      </c>
      <c r="BX37" s="114">
        <v>341547</v>
      </c>
      <c r="BY37" s="114">
        <v>158403</v>
      </c>
      <c r="BZ37" s="113">
        <v>1071716</v>
      </c>
      <c r="CA37" s="116">
        <v>1077854</v>
      </c>
      <c r="CB37" s="110">
        <v>0</v>
      </c>
      <c r="CC37" s="114">
        <v>0</v>
      </c>
      <c r="CD37" s="113">
        <v>0</v>
      </c>
      <c r="CE37" s="110">
        <v>0</v>
      </c>
      <c r="CF37" s="114">
        <v>3627137</v>
      </c>
      <c r="CG37" s="114">
        <v>4245477</v>
      </c>
      <c r="CH37" s="114">
        <v>2758926</v>
      </c>
      <c r="CI37" s="114">
        <v>2321084</v>
      </c>
      <c r="CJ37" s="114">
        <v>664949</v>
      </c>
      <c r="CK37" s="113">
        <v>13617573</v>
      </c>
      <c r="CL37" s="116">
        <v>13617573</v>
      </c>
      <c r="CM37" s="110">
        <v>0</v>
      </c>
      <c r="CN37" s="114">
        <v>0</v>
      </c>
      <c r="CO37" s="113">
        <v>0</v>
      </c>
      <c r="CP37" s="111">
        <v>0</v>
      </c>
      <c r="CQ37" s="114">
        <v>2994161</v>
      </c>
      <c r="CR37" s="114">
        <v>3347595</v>
      </c>
      <c r="CS37" s="114">
        <v>2184646</v>
      </c>
      <c r="CT37" s="114">
        <v>1974450</v>
      </c>
      <c r="CU37" s="114">
        <v>299062</v>
      </c>
      <c r="CV37" s="113">
        <v>10799914</v>
      </c>
      <c r="CW37" s="116">
        <v>10799914</v>
      </c>
      <c r="CX37" s="110">
        <v>0</v>
      </c>
      <c r="CY37" s="114">
        <v>0</v>
      </c>
      <c r="CZ37" s="113">
        <v>0</v>
      </c>
      <c r="DA37" s="110">
        <v>0</v>
      </c>
      <c r="DB37" s="114">
        <v>632976</v>
      </c>
      <c r="DC37" s="114">
        <v>897882</v>
      </c>
      <c r="DD37" s="114">
        <v>574280</v>
      </c>
      <c r="DE37" s="114">
        <v>346634</v>
      </c>
      <c r="DF37" s="114">
        <v>365887</v>
      </c>
      <c r="DG37" s="113">
        <v>2817659</v>
      </c>
      <c r="DH37" s="116">
        <v>2817659</v>
      </c>
      <c r="DI37" s="110">
        <v>91834</v>
      </c>
      <c r="DJ37" s="114">
        <v>0</v>
      </c>
      <c r="DK37" s="112">
        <v>91834</v>
      </c>
      <c r="DL37" s="111">
        <v>0</v>
      </c>
      <c r="DM37" s="114">
        <v>220591</v>
      </c>
      <c r="DN37" s="114">
        <v>491306</v>
      </c>
      <c r="DO37" s="114">
        <v>1787072</v>
      </c>
      <c r="DP37" s="114">
        <v>576497</v>
      </c>
      <c r="DQ37" s="114">
        <v>322048</v>
      </c>
      <c r="DR37" s="113">
        <v>3397514</v>
      </c>
      <c r="DS37" s="116">
        <v>3489348</v>
      </c>
      <c r="DT37" s="110">
        <v>91834</v>
      </c>
      <c r="DU37" s="114">
        <v>0</v>
      </c>
      <c r="DV37" s="113">
        <v>91834</v>
      </c>
      <c r="DW37" s="110">
        <v>0</v>
      </c>
      <c r="DX37" s="114">
        <v>220591</v>
      </c>
      <c r="DY37" s="114">
        <v>491306</v>
      </c>
      <c r="DZ37" s="114">
        <v>1284766</v>
      </c>
      <c r="EA37" s="114">
        <v>416379</v>
      </c>
      <c r="EB37" s="114">
        <v>62091</v>
      </c>
      <c r="EC37" s="113">
        <v>2475133</v>
      </c>
      <c r="ED37" s="116">
        <v>2566967</v>
      </c>
      <c r="EE37" s="110">
        <v>0</v>
      </c>
      <c r="EF37" s="112">
        <v>0</v>
      </c>
      <c r="EG37" s="113">
        <v>0</v>
      </c>
      <c r="EH37" s="110">
        <v>0</v>
      </c>
      <c r="EI37" s="114">
        <v>0</v>
      </c>
      <c r="EJ37" s="114">
        <v>0</v>
      </c>
      <c r="EK37" s="114">
        <v>502306</v>
      </c>
      <c r="EL37" s="114">
        <v>160118</v>
      </c>
      <c r="EM37" s="114">
        <v>259957</v>
      </c>
      <c r="EN37" s="112">
        <v>922381</v>
      </c>
      <c r="EO37" s="116">
        <v>922381</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8"/>
      <c r="FE37" s="114">
        <v>0</v>
      </c>
      <c r="FF37" s="114">
        <v>0</v>
      </c>
      <c r="FG37" s="114">
        <v>0</v>
      </c>
      <c r="FH37" s="114">
        <v>0</v>
      </c>
      <c r="FI37" s="114">
        <v>0</v>
      </c>
      <c r="FJ37" s="113">
        <v>0</v>
      </c>
      <c r="FK37" s="116">
        <v>0</v>
      </c>
      <c r="FL37" s="110">
        <v>182070</v>
      </c>
      <c r="FM37" s="114">
        <v>243665</v>
      </c>
      <c r="FN37" s="113">
        <v>425735</v>
      </c>
      <c r="FO37" s="110">
        <v>0</v>
      </c>
      <c r="FP37" s="114">
        <v>569502</v>
      </c>
      <c r="FQ37" s="114">
        <v>980070</v>
      </c>
      <c r="FR37" s="114">
        <v>854127</v>
      </c>
      <c r="FS37" s="114">
        <v>637077</v>
      </c>
      <c r="FT37" s="114">
        <v>474564</v>
      </c>
      <c r="FU37" s="113">
        <v>3515340</v>
      </c>
      <c r="FV37" s="116">
        <v>3941075</v>
      </c>
      <c r="FW37" s="115">
        <v>182070</v>
      </c>
      <c r="FX37" s="114">
        <v>243665</v>
      </c>
      <c r="FY37" s="112">
        <v>425735</v>
      </c>
      <c r="FZ37" s="111">
        <v>0</v>
      </c>
      <c r="GA37" s="114">
        <v>548702</v>
      </c>
      <c r="GB37" s="114">
        <v>938342</v>
      </c>
      <c r="GC37" s="114">
        <v>854127</v>
      </c>
      <c r="GD37" s="114">
        <v>637077</v>
      </c>
      <c r="GE37" s="114">
        <v>474564</v>
      </c>
      <c r="GF37" s="113">
        <v>3452812</v>
      </c>
      <c r="GG37" s="319">
        <v>3878547</v>
      </c>
      <c r="GH37" s="115">
        <v>0</v>
      </c>
      <c r="GI37" s="114">
        <v>0</v>
      </c>
      <c r="GJ37" s="112">
        <v>0</v>
      </c>
      <c r="GK37" s="111">
        <v>0</v>
      </c>
      <c r="GL37" s="114">
        <v>20800</v>
      </c>
      <c r="GM37" s="114">
        <v>41728</v>
      </c>
      <c r="GN37" s="114">
        <v>0</v>
      </c>
      <c r="GO37" s="114">
        <v>0</v>
      </c>
      <c r="GP37" s="114">
        <v>0</v>
      </c>
      <c r="GQ37" s="113">
        <v>62528</v>
      </c>
      <c r="GR37" s="116">
        <v>62528</v>
      </c>
      <c r="GS37" s="110">
        <v>0</v>
      </c>
      <c r="GT37" s="114">
        <v>0</v>
      </c>
      <c r="GU37" s="113">
        <v>0</v>
      </c>
      <c r="GV37" s="110">
        <v>0</v>
      </c>
      <c r="GW37" s="114">
        <v>0</v>
      </c>
      <c r="GX37" s="114">
        <v>0</v>
      </c>
      <c r="GY37" s="114">
        <v>0</v>
      </c>
      <c r="GZ37" s="114">
        <v>0</v>
      </c>
      <c r="HA37" s="114">
        <v>0</v>
      </c>
      <c r="HB37" s="112">
        <v>0</v>
      </c>
      <c r="HC37" s="116">
        <v>0</v>
      </c>
      <c r="HD37" s="110">
        <v>182743</v>
      </c>
      <c r="HE37" s="114">
        <v>284197</v>
      </c>
      <c r="HF37" s="112">
        <v>466940</v>
      </c>
      <c r="HG37" s="111">
        <v>0</v>
      </c>
      <c r="HH37" s="114">
        <v>1013364</v>
      </c>
      <c r="HI37" s="114">
        <v>802978</v>
      </c>
      <c r="HJ37" s="114">
        <v>1054592</v>
      </c>
      <c r="HK37" s="114">
        <v>2227098</v>
      </c>
      <c r="HL37" s="114">
        <v>975238</v>
      </c>
      <c r="HM37" s="113">
        <v>6073270</v>
      </c>
      <c r="HN37" s="109">
        <v>6540210</v>
      </c>
      <c r="HO37" s="115">
        <v>163920</v>
      </c>
      <c r="HP37" s="114">
        <v>188523</v>
      </c>
      <c r="HQ37" s="113">
        <v>352443</v>
      </c>
      <c r="HR37" s="110">
        <v>0</v>
      </c>
      <c r="HS37" s="114">
        <v>1901428</v>
      </c>
      <c r="HT37" s="114">
        <v>1486518</v>
      </c>
      <c r="HU37" s="114">
        <v>1065568</v>
      </c>
      <c r="HV37" s="114">
        <v>668821</v>
      </c>
      <c r="HW37" s="114">
        <v>345548</v>
      </c>
      <c r="HX37" s="112">
        <v>5467883</v>
      </c>
      <c r="HY37" s="116">
        <v>5820326</v>
      </c>
      <c r="HZ37" s="131">
        <v>0</v>
      </c>
      <c r="IA37" s="132">
        <v>0</v>
      </c>
      <c r="IB37" s="133">
        <v>0</v>
      </c>
      <c r="IC37" s="146">
        <v>0</v>
      </c>
      <c r="ID37" s="132">
        <v>3286778</v>
      </c>
      <c r="IE37" s="147">
        <v>3862800</v>
      </c>
      <c r="IF37" s="133">
        <v>6962784</v>
      </c>
      <c r="IG37" s="132">
        <v>5917481</v>
      </c>
      <c r="IH37" s="133">
        <v>1937084</v>
      </c>
      <c r="II37" s="148">
        <v>21966927</v>
      </c>
      <c r="IJ37" s="139">
        <v>21966927</v>
      </c>
      <c r="IK37" s="232">
        <v>0</v>
      </c>
      <c r="IL37" s="236">
        <v>0</v>
      </c>
      <c r="IM37" s="237">
        <v>0</v>
      </c>
      <c r="IN37" s="140"/>
      <c r="IO37" s="119">
        <v>131463</v>
      </c>
      <c r="IP37" s="119">
        <v>194899</v>
      </c>
      <c r="IQ37" s="119">
        <v>0</v>
      </c>
      <c r="IR37" s="119">
        <v>556668</v>
      </c>
      <c r="IS37" s="119">
        <v>0</v>
      </c>
      <c r="IT37" s="141">
        <v>883030</v>
      </c>
      <c r="IU37" s="321">
        <v>88303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2213887</v>
      </c>
      <c r="JL37" s="119">
        <v>1886869</v>
      </c>
      <c r="JM37" s="119">
        <v>989957</v>
      </c>
      <c r="JN37" s="119">
        <v>425772</v>
      </c>
      <c r="JO37" s="119">
        <v>157733</v>
      </c>
      <c r="JP37" s="120">
        <v>5674218</v>
      </c>
      <c r="JQ37" s="321">
        <v>5674218</v>
      </c>
      <c r="JR37" s="142">
        <v>0</v>
      </c>
      <c r="JS37" s="119">
        <v>0</v>
      </c>
      <c r="JT37" s="141">
        <v>0</v>
      </c>
      <c r="JU37" s="118">
        <v>0</v>
      </c>
      <c r="JV37" s="119">
        <v>109001</v>
      </c>
      <c r="JW37" s="119">
        <v>0</v>
      </c>
      <c r="JX37" s="119">
        <v>316926</v>
      </c>
      <c r="JY37" s="119">
        <v>119024</v>
      </c>
      <c r="JZ37" s="119">
        <v>161167</v>
      </c>
      <c r="KA37" s="120">
        <v>706118</v>
      </c>
      <c r="KB37" s="321">
        <v>706118</v>
      </c>
      <c r="KC37" s="234">
        <v>0</v>
      </c>
      <c r="KD37" s="230">
        <v>0</v>
      </c>
      <c r="KE37" s="120">
        <v>0</v>
      </c>
      <c r="KF37" s="118">
        <v>0</v>
      </c>
      <c r="KG37" s="119">
        <v>151623</v>
      </c>
      <c r="KH37" s="119">
        <v>0</v>
      </c>
      <c r="KI37" s="119">
        <v>0</v>
      </c>
      <c r="KJ37" s="119">
        <v>281214</v>
      </c>
      <c r="KK37" s="119">
        <v>0</v>
      </c>
      <c r="KL37" s="120">
        <v>432837</v>
      </c>
      <c r="KM37" s="143">
        <v>432837</v>
      </c>
      <c r="KN37" s="232">
        <v>0</v>
      </c>
      <c r="KO37" s="236">
        <v>0</v>
      </c>
      <c r="KP37" s="237">
        <v>0</v>
      </c>
      <c r="KQ37" s="140"/>
      <c r="KR37" s="119">
        <v>499364</v>
      </c>
      <c r="KS37" s="119">
        <v>1623357</v>
      </c>
      <c r="KT37" s="119">
        <v>2872150</v>
      </c>
      <c r="KU37" s="119">
        <v>2072403</v>
      </c>
      <c r="KV37" s="119">
        <v>1333721</v>
      </c>
      <c r="KW37" s="120">
        <v>8400995</v>
      </c>
      <c r="KX37" s="321">
        <v>8400995</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81440</v>
      </c>
      <c r="LO37" s="119">
        <v>157675</v>
      </c>
      <c r="LP37" s="119">
        <v>2783751</v>
      </c>
      <c r="LQ37" s="119">
        <v>2462400</v>
      </c>
      <c r="LR37" s="119">
        <v>284463</v>
      </c>
      <c r="LS37" s="120">
        <v>5869729</v>
      </c>
      <c r="LT37" s="321">
        <v>5869729</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733123</v>
      </c>
      <c r="MK37" s="119">
        <v>3257166</v>
      </c>
      <c r="ML37" s="119">
        <v>6297775</v>
      </c>
      <c r="MM37" s="119">
        <v>9721467</v>
      </c>
      <c r="MN37" s="119">
        <v>4785533</v>
      </c>
      <c r="MO37" s="120">
        <v>24795064</v>
      </c>
      <c r="MP37" s="143">
        <v>24795064</v>
      </c>
      <c r="MQ37" s="142">
        <v>0</v>
      </c>
      <c r="MR37" s="119">
        <v>0</v>
      </c>
      <c r="MS37" s="120">
        <v>0</v>
      </c>
      <c r="MT37" s="145"/>
      <c r="MU37" s="119">
        <v>226386</v>
      </c>
      <c r="MV37" s="119">
        <v>208510</v>
      </c>
      <c r="MW37" s="119">
        <v>2885673</v>
      </c>
      <c r="MX37" s="119">
        <v>5634159</v>
      </c>
      <c r="MY37" s="119">
        <v>2453151</v>
      </c>
      <c r="MZ37" s="120">
        <v>11407879</v>
      </c>
      <c r="NA37" s="143">
        <v>11407879</v>
      </c>
      <c r="NB37" s="142">
        <v>0</v>
      </c>
      <c r="NC37" s="119">
        <v>0</v>
      </c>
      <c r="ND37" s="120">
        <v>0</v>
      </c>
      <c r="NE37" s="145"/>
      <c r="NF37" s="119">
        <v>506737</v>
      </c>
      <c r="NG37" s="119">
        <v>3048656</v>
      </c>
      <c r="NH37" s="119">
        <v>3412102</v>
      </c>
      <c r="NI37" s="119">
        <v>4087308</v>
      </c>
      <c r="NJ37" s="119">
        <v>2332382</v>
      </c>
      <c r="NK37" s="120">
        <v>13387185</v>
      </c>
      <c r="NL37" s="321">
        <v>13387185</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768464</v>
      </c>
      <c r="OJ37" s="119">
        <v>930592</v>
      </c>
      <c r="OK37" s="141">
        <v>1699056</v>
      </c>
      <c r="OL37" s="118">
        <v>0</v>
      </c>
      <c r="OM37" s="119">
        <v>14168888</v>
      </c>
      <c r="ON37" s="119">
        <v>17042694</v>
      </c>
      <c r="OO37" s="119">
        <v>23281837</v>
      </c>
      <c r="OP37" s="119">
        <v>24876434</v>
      </c>
      <c r="OQ37" s="119">
        <v>12546007</v>
      </c>
      <c r="OR37" s="120">
        <v>91915860</v>
      </c>
      <c r="OS37" s="143">
        <v>93614916</v>
      </c>
    </row>
    <row r="38" spans="2:409" ht="18.75" customHeight="1" x14ac:dyDescent="0.2">
      <c r="B38" s="62" t="s">
        <v>33</v>
      </c>
      <c r="C38" s="110">
        <v>1548089</v>
      </c>
      <c r="D38" s="114">
        <v>3112788</v>
      </c>
      <c r="E38" s="113">
        <v>4660877</v>
      </c>
      <c r="F38" s="109">
        <v>0</v>
      </c>
      <c r="G38" s="114">
        <v>8023242</v>
      </c>
      <c r="H38" s="114">
        <v>8932960</v>
      </c>
      <c r="I38" s="114">
        <v>5629430</v>
      </c>
      <c r="J38" s="114">
        <v>6956186</v>
      </c>
      <c r="K38" s="114">
        <v>4889790</v>
      </c>
      <c r="L38" s="173">
        <v>34431608</v>
      </c>
      <c r="M38" s="116">
        <v>39092485</v>
      </c>
      <c r="N38" s="110">
        <v>534781</v>
      </c>
      <c r="O38" s="114">
        <v>1058064</v>
      </c>
      <c r="P38" s="113">
        <v>1592845</v>
      </c>
      <c r="Q38" s="110">
        <v>0</v>
      </c>
      <c r="R38" s="114">
        <v>2574316</v>
      </c>
      <c r="S38" s="114">
        <v>2468479</v>
      </c>
      <c r="T38" s="114">
        <v>2172560</v>
      </c>
      <c r="U38" s="114">
        <v>2386515</v>
      </c>
      <c r="V38" s="114">
        <v>2676126</v>
      </c>
      <c r="W38" s="113">
        <v>12277996</v>
      </c>
      <c r="X38" s="116">
        <v>13870841</v>
      </c>
      <c r="Y38" s="110">
        <v>0</v>
      </c>
      <c r="Z38" s="114">
        <v>0</v>
      </c>
      <c r="AA38" s="113">
        <v>0</v>
      </c>
      <c r="AB38" s="110">
        <v>0</v>
      </c>
      <c r="AC38" s="114">
        <v>843285</v>
      </c>
      <c r="AD38" s="114">
        <v>1082893</v>
      </c>
      <c r="AE38" s="114">
        <v>1359453</v>
      </c>
      <c r="AF38" s="114">
        <v>1331808</v>
      </c>
      <c r="AG38" s="114">
        <v>1792020</v>
      </c>
      <c r="AH38" s="113">
        <v>6409459</v>
      </c>
      <c r="AI38" s="116">
        <v>6409459</v>
      </c>
      <c r="AJ38" s="110">
        <v>0</v>
      </c>
      <c r="AK38" s="114">
        <v>0</v>
      </c>
      <c r="AL38" s="113">
        <v>0</v>
      </c>
      <c r="AM38" s="110">
        <v>0</v>
      </c>
      <c r="AN38" s="114">
        <v>13482</v>
      </c>
      <c r="AO38" s="114">
        <v>62117</v>
      </c>
      <c r="AP38" s="114">
        <v>113976</v>
      </c>
      <c r="AQ38" s="114">
        <v>158457</v>
      </c>
      <c r="AR38" s="114">
        <v>355654</v>
      </c>
      <c r="AS38" s="113">
        <v>703686</v>
      </c>
      <c r="AT38" s="116">
        <v>703686</v>
      </c>
      <c r="AU38" s="110">
        <v>71129</v>
      </c>
      <c r="AV38" s="114">
        <v>53117</v>
      </c>
      <c r="AW38" s="113">
        <v>124246</v>
      </c>
      <c r="AX38" s="110">
        <v>0</v>
      </c>
      <c r="AY38" s="114">
        <v>360463</v>
      </c>
      <c r="AZ38" s="114">
        <v>429271</v>
      </c>
      <c r="BA38" s="114">
        <v>229948</v>
      </c>
      <c r="BB38" s="114">
        <v>399934</v>
      </c>
      <c r="BC38" s="114">
        <v>253542</v>
      </c>
      <c r="BD38" s="113">
        <v>1673158</v>
      </c>
      <c r="BE38" s="116">
        <v>1797404</v>
      </c>
      <c r="BF38" s="110">
        <v>334239</v>
      </c>
      <c r="BG38" s="114">
        <v>864241</v>
      </c>
      <c r="BH38" s="112">
        <v>1198480</v>
      </c>
      <c r="BI38" s="111">
        <v>0</v>
      </c>
      <c r="BJ38" s="114">
        <v>1031726</v>
      </c>
      <c r="BK38" s="114">
        <v>535001</v>
      </c>
      <c r="BL38" s="114">
        <v>164250</v>
      </c>
      <c r="BM38" s="114">
        <v>296912</v>
      </c>
      <c r="BN38" s="114">
        <v>111729</v>
      </c>
      <c r="BO38" s="113">
        <v>2139618</v>
      </c>
      <c r="BP38" s="116">
        <v>3338098</v>
      </c>
      <c r="BQ38" s="110">
        <v>129413</v>
      </c>
      <c r="BR38" s="114">
        <v>140706</v>
      </c>
      <c r="BS38" s="113">
        <v>270119</v>
      </c>
      <c r="BT38" s="110">
        <v>0</v>
      </c>
      <c r="BU38" s="114">
        <v>325360</v>
      </c>
      <c r="BV38" s="114">
        <v>359197</v>
      </c>
      <c r="BW38" s="114">
        <v>304933</v>
      </c>
      <c r="BX38" s="114">
        <v>199404</v>
      </c>
      <c r="BY38" s="114">
        <v>163181</v>
      </c>
      <c r="BZ38" s="113">
        <v>1352075</v>
      </c>
      <c r="CA38" s="116">
        <v>1622194</v>
      </c>
      <c r="CB38" s="110">
        <v>388009</v>
      </c>
      <c r="CC38" s="114">
        <v>941713</v>
      </c>
      <c r="CD38" s="113">
        <v>1329722</v>
      </c>
      <c r="CE38" s="110">
        <v>0</v>
      </c>
      <c r="CF38" s="114">
        <v>1344543</v>
      </c>
      <c r="CG38" s="114">
        <v>1314529</v>
      </c>
      <c r="CH38" s="114">
        <v>534984</v>
      </c>
      <c r="CI38" s="114">
        <v>688658</v>
      </c>
      <c r="CJ38" s="114">
        <v>318596</v>
      </c>
      <c r="CK38" s="113">
        <v>4201310</v>
      </c>
      <c r="CL38" s="116">
        <v>5531032</v>
      </c>
      <c r="CM38" s="110">
        <v>0</v>
      </c>
      <c r="CN38" s="114">
        <v>0</v>
      </c>
      <c r="CO38" s="113">
        <v>0</v>
      </c>
      <c r="CP38" s="111">
        <v>0</v>
      </c>
      <c r="CQ38" s="114">
        <v>650048</v>
      </c>
      <c r="CR38" s="114">
        <v>520438</v>
      </c>
      <c r="CS38" s="114">
        <v>265942</v>
      </c>
      <c r="CT38" s="114">
        <v>488544</v>
      </c>
      <c r="CU38" s="114">
        <v>223277</v>
      </c>
      <c r="CV38" s="113">
        <v>2148249</v>
      </c>
      <c r="CW38" s="116">
        <v>2148249</v>
      </c>
      <c r="CX38" s="110">
        <v>388009</v>
      </c>
      <c r="CY38" s="114">
        <v>941713</v>
      </c>
      <c r="CZ38" s="113">
        <v>1329722</v>
      </c>
      <c r="DA38" s="110">
        <v>0</v>
      </c>
      <c r="DB38" s="114">
        <v>694495</v>
      </c>
      <c r="DC38" s="114">
        <v>794091</v>
      </c>
      <c r="DD38" s="114">
        <v>269042</v>
      </c>
      <c r="DE38" s="114">
        <v>200114</v>
      </c>
      <c r="DF38" s="114">
        <v>95319</v>
      </c>
      <c r="DG38" s="113">
        <v>2053061</v>
      </c>
      <c r="DH38" s="116">
        <v>3382783</v>
      </c>
      <c r="DI38" s="110">
        <v>0</v>
      </c>
      <c r="DJ38" s="114">
        <v>0</v>
      </c>
      <c r="DK38" s="112">
        <v>0</v>
      </c>
      <c r="DL38" s="111">
        <v>0</v>
      </c>
      <c r="DM38" s="114">
        <v>121599</v>
      </c>
      <c r="DN38" s="114">
        <v>569241</v>
      </c>
      <c r="DO38" s="114">
        <v>933530</v>
      </c>
      <c r="DP38" s="114">
        <v>943850</v>
      </c>
      <c r="DQ38" s="114">
        <v>201801</v>
      </c>
      <c r="DR38" s="113">
        <v>2770021</v>
      </c>
      <c r="DS38" s="116">
        <v>2770021</v>
      </c>
      <c r="DT38" s="110">
        <v>0</v>
      </c>
      <c r="DU38" s="114">
        <v>0</v>
      </c>
      <c r="DV38" s="113">
        <v>0</v>
      </c>
      <c r="DW38" s="110">
        <v>0</v>
      </c>
      <c r="DX38" s="114">
        <v>48145</v>
      </c>
      <c r="DY38" s="114">
        <v>327058</v>
      </c>
      <c r="DZ38" s="114">
        <v>662465</v>
      </c>
      <c r="EA38" s="114">
        <v>718413</v>
      </c>
      <c r="EB38" s="114">
        <v>201801</v>
      </c>
      <c r="EC38" s="113">
        <v>1957882</v>
      </c>
      <c r="ED38" s="116">
        <v>1957882</v>
      </c>
      <c r="EE38" s="110">
        <v>0</v>
      </c>
      <c r="EF38" s="112">
        <v>0</v>
      </c>
      <c r="EG38" s="113">
        <v>0</v>
      </c>
      <c r="EH38" s="110">
        <v>0</v>
      </c>
      <c r="EI38" s="114">
        <v>73454</v>
      </c>
      <c r="EJ38" s="114">
        <v>242183</v>
      </c>
      <c r="EK38" s="114">
        <v>197960</v>
      </c>
      <c r="EL38" s="114">
        <v>225437</v>
      </c>
      <c r="EM38" s="114">
        <v>0</v>
      </c>
      <c r="EN38" s="112">
        <v>739034</v>
      </c>
      <c r="EO38" s="116">
        <v>739034</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8"/>
      <c r="FE38" s="114">
        <v>0</v>
      </c>
      <c r="FF38" s="114">
        <v>0</v>
      </c>
      <c r="FG38" s="114">
        <v>73105</v>
      </c>
      <c r="FH38" s="114">
        <v>0</v>
      </c>
      <c r="FI38" s="114">
        <v>0</v>
      </c>
      <c r="FJ38" s="113">
        <v>73105</v>
      </c>
      <c r="FK38" s="116">
        <v>73105</v>
      </c>
      <c r="FL38" s="110">
        <v>185175</v>
      </c>
      <c r="FM38" s="114">
        <v>231277</v>
      </c>
      <c r="FN38" s="113">
        <v>416452</v>
      </c>
      <c r="FO38" s="110">
        <v>0</v>
      </c>
      <c r="FP38" s="114">
        <v>537289</v>
      </c>
      <c r="FQ38" s="114">
        <v>805854</v>
      </c>
      <c r="FR38" s="114">
        <v>295103</v>
      </c>
      <c r="FS38" s="114">
        <v>592202</v>
      </c>
      <c r="FT38" s="114">
        <v>383015</v>
      </c>
      <c r="FU38" s="113">
        <v>2613463</v>
      </c>
      <c r="FV38" s="116">
        <v>3029915</v>
      </c>
      <c r="FW38" s="115">
        <v>161574</v>
      </c>
      <c r="FX38" s="114">
        <v>231277</v>
      </c>
      <c r="FY38" s="112">
        <v>392851</v>
      </c>
      <c r="FZ38" s="111">
        <v>0</v>
      </c>
      <c r="GA38" s="114">
        <v>457513</v>
      </c>
      <c r="GB38" s="114">
        <v>631790</v>
      </c>
      <c r="GC38" s="114">
        <v>295103</v>
      </c>
      <c r="GD38" s="114">
        <v>355466</v>
      </c>
      <c r="GE38" s="114">
        <v>383015</v>
      </c>
      <c r="GF38" s="113">
        <v>2122887</v>
      </c>
      <c r="GG38" s="319">
        <v>2515738</v>
      </c>
      <c r="GH38" s="115">
        <v>23601</v>
      </c>
      <c r="GI38" s="114">
        <v>0</v>
      </c>
      <c r="GJ38" s="112">
        <v>23601</v>
      </c>
      <c r="GK38" s="111">
        <v>0</v>
      </c>
      <c r="GL38" s="114">
        <v>44154</v>
      </c>
      <c r="GM38" s="114">
        <v>115564</v>
      </c>
      <c r="GN38" s="114">
        <v>0</v>
      </c>
      <c r="GO38" s="114">
        <v>0</v>
      </c>
      <c r="GP38" s="114">
        <v>0</v>
      </c>
      <c r="GQ38" s="113">
        <v>159718</v>
      </c>
      <c r="GR38" s="116">
        <v>183319</v>
      </c>
      <c r="GS38" s="110">
        <v>0</v>
      </c>
      <c r="GT38" s="114">
        <v>0</v>
      </c>
      <c r="GU38" s="113">
        <v>0</v>
      </c>
      <c r="GV38" s="110">
        <v>0</v>
      </c>
      <c r="GW38" s="114">
        <v>35622</v>
      </c>
      <c r="GX38" s="114">
        <v>58500</v>
      </c>
      <c r="GY38" s="114">
        <v>0</v>
      </c>
      <c r="GZ38" s="114">
        <v>236736</v>
      </c>
      <c r="HA38" s="114">
        <v>0</v>
      </c>
      <c r="HB38" s="112">
        <v>330858</v>
      </c>
      <c r="HC38" s="116">
        <v>330858</v>
      </c>
      <c r="HD38" s="110">
        <v>265755</v>
      </c>
      <c r="HE38" s="114">
        <v>621863</v>
      </c>
      <c r="HF38" s="112">
        <v>887618</v>
      </c>
      <c r="HG38" s="111">
        <v>0</v>
      </c>
      <c r="HH38" s="114">
        <v>2091282</v>
      </c>
      <c r="HI38" s="114">
        <v>2898768</v>
      </c>
      <c r="HJ38" s="114">
        <v>1222902</v>
      </c>
      <c r="HK38" s="114">
        <v>1865252</v>
      </c>
      <c r="HL38" s="114">
        <v>1045204</v>
      </c>
      <c r="HM38" s="113">
        <v>9123408</v>
      </c>
      <c r="HN38" s="109">
        <v>10011026</v>
      </c>
      <c r="HO38" s="115">
        <v>174369</v>
      </c>
      <c r="HP38" s="114">
        <v>259871</v>
      </c>
      <c r="HQ38" s="113">
        <v>434240</v>
      </c>
      <c r="HR38" s="110">
        <v>0</v>
      </c>
      <c r="HS38" s="114">
        <v>1354213</v>
      </c>
      <c r="HT38" s="114">
        <v>876089</v>
      </c>
      <c r="HU38" s="114">
        <v>470351</v>
      </c>
      <c r="HV38" s="114">
        <v>479709</v>
      </c>
      <c r="HW38" s="114">
        <v>265048</v>
      </c>
      <c r="HX38" s="112">
        <v>3445410</v>
      </c>
      <c r="HY38" s="116">
        <v>3879650</v>
      </c>
      <c r="HZ38" s="150">
        <v>0</v>
      </c>
      <c r="IA38" s="135">
        <v>480556</v>
      </c>
      <c r="IB38" s="150">
        <v>480556</v>
      </c>
      <c r="IC38" s="146">
        <v>0</v>
      </c>
      <c r="ID38" s="132">
        <v>2722971</v>
      </c>
      <c r="IE38" s="147">
        <v>2701722</v>
      </c>
      <c r="IF38" s="133">
        <v>4319714</v>
      </c>
      <c r="IG38" s="132">
        <v>1493870</v>
      </c>
      <c r="IH38" s="133">
        <v>1433160</v>
      </c>
      <c r="II38" s="148">
        <v>12671437</v>
      </c>
      <c r="IJ38" s="150">
        <v>13151993</v>
      </c>
      <c r="IK38" s="232">
        <v>0</v>
      </c>
      <c r="IL38" s="236">
        <v>0</v>
      </c>
      <c r="IM38" s="237">
        <v>0</v>
      </c>
      <c r="IN38" s="140"/>
      <c r="IO38" s="119">
        <v>0</v>
      </c>
      <c r="IP38" s="119">
        <v>0</v>
      </c>
      <c r="IQ38" s="119">
        <v>0</v>
      </c>
      <c r="IR38" s="119">
        <v>0</v>
      </c>
      <c r="IS38" s="119">
        <v>0</v>
      </c>
      <c r="IT38" s="141">
        <v>0</v>
      </c>
      <c r="IU38" s="321">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327149</v>
      </c>
      <c r="JL38" s="119">
        <v>527282</v>
      </c>
      <c r="JM38" s="119">
        <v>327041</v>
      </c>
      <c r="JN38" s="119">
        <v>595048</v>
      </c>
      <c r="JO38" s="119">
        <v>131549</v>
      </c>
      <c r="JP38" s="120">
        <v>2908069</v>
      </c>
      <c r="JQ38" s="321">
        <v>2908069</v>
      </c>
      <c r="JR38" s="142">
        <v>0</v>
      </c>
      <c r="JS38" s="119">
        <v>0</v>
      </c>
      <c r="JT38" s="141">
        <v>0</v>
      </c>
      <c r="JU38" s="118">
        <v>0</v>
      </c>
      <c r="JV38" s="119">
        <v>93195</v>
      </c>
      <c r="JW38" s="119">
        <v>0</v>
      </c>
      <c r="JX38" s="119">
        <v>0</v>
      </c>
      <c r="JY38" s="119">
        <v>0</v>
      </c>
      <c r="JZ38" s="119">
        <v>0</v>
      </c>
      <c r="KA38" s="120">
        <v>93195</v>
      </c>
      <c r="KB38" s="321">
        <v>93195</v>
      </c>
      <c r="KC38" s="234">
        <v>0</v>
      </c>
      <c r="KD38" s="230">
        <v>0</v>
      </c>
      <c r="KE38" s="120">
        <v>0</v>
      </c>
      <c r="KF38" s="118">
        <v>0</v>
      </c>
      <c r="KG38" s="119">
        <v>0</v>
      </c>
      <c r="KH38" s="119">
        <v>0</v>
      </c>
      <c r="KI38" s="119">
        <v>0</v>
      </c>
      <c r="KJ38" s="119">
        <v>0</v>
      </c>
      <c r="KK38" s="119">
        <v>0</v>
      </c>
      <c r="KL38" s="120">
        <v>0</v>
      </c>
      <c r="KM38" s="143">
        <v>0</v>
      </c>
      <c r="KN38" s="232">
        <v>0</v>
      </c>
      <c r="KO38" s="236">
        <v>480556</v>
      </c>
      <c r="KP38" s="237">
        <v>480556</v>
      </c>
      <c r="KQ38" s="140"/>
      <c r="KR38" s="119">
        <v>508152</v>
      </c>
      <c r="KS38" s="119">
        <v>795933</v>
      </c>
      <c r="KT38" s="119">
        <v>2426702</v>
      </c>
      <c r="KU38" s="119">
        <v>278132</v>
      </c>
      <c r="KV38" s="119">
        <v>283590</v>
      </c>
      <c r="KW38" s="120">
        <v>4292509</v>
      </c>
      <c r="KX38" s="321">
        <v>4773065</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1">
        <v>0</v>
      </c>
      <c r="LU38" s="142">
        <v>0</v>
      </c>
      <c r="LV38" s="119">
        <v>0</v>
      </c>
      <c r="LW38" s="120">
        <v>0</v>
      </c>
      <c r="LX38" s="145"/>
      <c r="LY38" s="119">
        <v>794475</v>
      </c>
      <c r="LZ38" s="119">
        <v>1378507</v>
      </c>
      <c r="MA38" s="119">
        <v>1565971</v>
      </c>
      <c r="MB38" s="119">
        <v>620690</v>
      </c>
      <c r="MC38" s="119">
        <v>1018021</v>
      </c>
      <c r="MD38" s="120">
        <v>5377664</v>
      </c>
      <c r="ME38" s="121">
        <v>5377664</v>
      </c>
      <c r="MF38" s="142">
        <v>0</v>
      </c>
      <c r="MG38" s="119">
        <v>0</v>
      </c>
      <c r="MH38" s="120">
        <v>0</v>
      </c>
      <c r="MI38" s="145"/>
      <c r="MJ38" s="119">
        <v>2688637</v>
      </c>
      <c r="MK38" s="119">
        <v>4698593</v>
      </c>
      <c r="ML38" s="119">
        <v>11227740</v>
      </c>
      <c r="MM38" s="119">
        <v>16204589</v>
      </c>
      <c r="MN38" s="119">
        <v>11512934</v>
      </c>
      <c r="MO38" s="120">
        <v>46332493</v>
      </c>
      <c r="MP38" s="143">
        <v>46332493</v>
      </c>
      <c r="MQ38" s="142">
        <v>0</v>
      </c>
      <c r="MR38" s="119">
        <v>0</v>
      </c>
      <c r="MS38" s="120">
        <v>0</v>
      </c>
      <c r="MT38" s="145"/>
      <c r="MU38" s="119">
        <v>0</v>
      </c>
      <c r="MV38" s="119">
        <v>1332700</v>
      </c>
      <c r="MW38" s="119">
        <v>6320095</v>
      </c>
      <c r="MX38" s="119">
        <v>8611987</v>
      </c>
      <c r="MY38" s="119">
        <v>6951458</v>
      </c>
      <c r="MZ38" s="120">
        <v>23216240</v>
      </c>
      <c r="NA38" s="143">
        <v>23216240</v>
      </c>
      <c r="NB38" s="142">
        <v>0</v>
      </c>
      <c r="NC38" s="119">
        <v>0</v>
      </c>
      <c r="ND38" s="120">
        <v>0</v>
      </c>
      <c r="NE38" s="145"/>
      <c r="NF38" s="119">
        <v>2423967</v>
      </c>
      <c r="NG38" s="119">
        <v>1964976</v>
      </c>
      <c r="NH38" s="119">
        <v>2950293</v>
      </c>
      <c r="NI38" s="119">
        <v>5030641</v>
      </c>
      <c r="NJ38" s="119">
        <v>1528427</v>
      </c>
      <c r="NK38" s="120">
        <v>13898304</v>
      </c>
      <c r="NL38" s="321">
        <v>13898304</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264670</v>
      </c>
      <c r="OC38" s="119">
        <v>1400917</v>
      </c>
      <c r="OD38" s="119">
        <v>1957352</v>
      </c>
      <c r="OE38" s="119">
        <v>2561961</v>
      </c>
      <c r="OF38" s="119">
        <v>3033049</v>
      </c>
      <c r="OG38" s="120">
        <v>9217949</v>
      </c>
      <c r="OH38" s="121">
        <v>9217949</v>
      </c>
      <c r="OI38" s="142">
        <v>1548089</v>
      </c>
      <c r="OJ38" s="119">
        <v>3593344</v>
      </c>
      <c r="OK38" s="141">
        <v>5141433</v>
      </c>
      <c r="OL38" s="118">
        <v>0</v>
      </c>
      <c r="OM38" s="119">
        <v>13434850</v>
      </c>
      <c r="ON38" s="119">
        <v>16333275</v>
      </c>
      <c r="OO38" s="119">
        <v>21176884</v>
      </c>
      <c r="OP38" s="119">
        <v>24654645</v>
      </c>
      <c r="OQ38" s="119">
        <v>17835884</v>
      </c>
      <c r="OR38" s="120">
        <v>93435538</v>
      </c>
      <c r="OS38" s="143">
        <v>98576971</v>
      </c>
    </row>
    <row r="39" spans="2:409" ht="18.75" customHeight="1" x14ac:dyDescent="0.2">
      <c r="B39" s="62" t="s">
        <v>34</v>
      </c>
      <c r="C39" s="110">
        <v>428361</v>
      </c>
      <c r="D39" s="114">
        <v>675155</v>
      </c>
      <c r="E39" s="174">
        <v>1103516</v>
      </c>
      <c r="F39" s="175">
        <v>0</v>
      </c>
      <c r="G39" s="176">
        <v>7453962</v>
      </c>
      <c r="H39" s="176">
        <v>5508237</v>
      </c>
      <c r="I39" s="176">
        <v>5008425</v>
      </c>
      <c r="J39" s="176">
        <v>4907660</v>
      </c>
      <c r="K39" s="176">
        <v>2358627</v>
      </c>
      <c r="L39" s="177">
        <v>25236911</v>
      </c>
      <c r="M39" s="116">
        <v>26340427</v>
      </c>
      <c r="N39" s="110">
        <v>72477</v>
      </c>
      <c r="O39" s="114">
        <v>133170</v>
      </c>
      <c r="P39" s="113">
        <v>205647</v>
      </c>
      <c r="Q39" s="110">
        <v>0</v>
      </c>
      <c r="R39" s="114">
        <v>1400672</v>
      </c>
      <c r="S39" s="114">
        <v>1074958</v>
      </c>
      <c r="T39" s="114">
        <v>1308545</v>
      </c>
      <c r="U39" s="114">
        <v>764379</v>
      </c>
      <c r="V39" s="114">
        <v>1321112</v>
      </c>
      <c r="W39" s="113">
        <v>5869666</v>
      </c>
      <c r="X39" s="116">
        <v>6075313</v>
      </c>
      <c r="Y39" s="110">
        <v>0</v>
      </c>
      <c r="Z39" s="114">
        <v>0</v>
      </c>
      <c r="AA39" s="113">
        <v>0</v>
      </c>
      <c r="AB39" s="110">
        <v>0</v>
      </c>
      <c r="AC39" s="114">
        <v>562931</v>
      </c>
      <c r="AD39" s="114">
        <v>339599</v>
      </c>
      <c r="AE39" s="114">
        <v>725117</v>
      </c>
      <c r="AF39" s="114">
        <v>437244</v>
      </c>
      <c r="AG39" s="114">
        <v>437947</v>
      </c>
      <c r="AH39" s="113">
        <v>2502838</v>
      </c>
      <c r="AI39" s="116">
        <v>2502838</v>
      </c>
      <c r="AJ39" s="110">
        <v>0</v>
      </c>
      <c r="AK39" s="114">
        <v>0</v>
      </c>
      <c r="AL39" s="113">
        <v>0</v>
      </c>
      <c r="AM39" s="110">
        <v>0</v>
      </c>
      <c r="AN39" s="114">
        <v>0</v>
      </c>
      <c r="AO39" s="114">
        <v>63315</v>
      </c>
      <c r="AP39" s="114">
        <v>0</v>
      </c>
      <c r="AQ39" s="114">
        <v>37989</v>
      </c>
      <c r="AR39" s="114">
        <v>441990</v>
      </c>
      <c r="AS39" s="113">
        <v>543294</v>
      </c>
      <c r="AT39" s="116">
        <v>543294</v>
      </c>
      <c r="AU39" s="110">
        <v>19332</v>
      </c>
      <c r="AV39" s="114">
        <v>95046</v>
      </c>
      <c r="AW39" s="113">
        <v>114378</v>
      </c>
      <c r="AX39" s="110">
        <v>0</v>
      </c>
      <c r="AY39" s="114">
        <v>328639</v>
      </c>
      <c r="AZ39" s="114">
        <v>226797</v>
      </c>
      <c r="BA39" s="114">
        <v>269953</v>
      </c>
      <c r="BB39" s="114">
        <v>11196</v>
      </c>
      <c r="BC39" s="114">
        <v>144099</v>
      </c>
      <c r="BD39" s="113">
        <v>980684</v>
      </c>
      <c r="BE39" s="116">
        <v>1095062</v>
      </c>
      <c r="BF39" s="110">
        <v>0</v>
      </c>
      <c r="BG39" s="114">
        <v>22320</v>
      </c>
      <c r="BH39" s="112">
        <v>22320</v>
      </c>
      <c r="BI39" s="111">
        <v>0</v>
      </c>
      <c r="BJ39" s="114">
        <v>193788</v>
      </c>
      <c r="BK39" s="114">
        <v>152854</v>
      </c>
      <c r="BL39" s="114">
        <v>92772</v>
      </c>
      <c r="BM39" s="114">
        <v>33480</v>
      </c>
      <c r="BN39" s="114">
        <v>45072</v>
      </c>
      <c r="BO39" s="113">
        <v>517966</v>
      </c>
      <c r="BP39" s="116">
        <v>540286</v>
      </c>
      <c r="BQ39" s="110">
        <v>53145</v>
      </c>
      <c r="BR39" s="114">
        <v>15804</v>
      </c>
      <c r="BS39" s="113">
        <v>68949</v>
      </c>
      <c r="BT39" s="110">
        <v>0</v>
      </c>
      <c r="BU39" s="114">
        <v>315314</v>
      </c>
      <c r="BV39" s="114">
        <v>292393</v>
      </c>
      <c r="BW39" s="114">
        <v>220703</v>
      </c>
      <c r="BX39" s="114">
        <v>244470</v>
      </c>
      <c r="BY39" s="114">
        <v>252004</v>
      </c>
      <c r="BZ39" s="113">
        <v>1324884</v>
      </c>
      <c r="CA39" s="116">
        <v>1393833</v>
      </c>
      <c r="CB39" s="110">
        <v>24066</v>
      </c>
      <c r="CC39" s="114">
        <v>173627</v>
      </c>
      <c r="CD39" s="113">
        <v>197693</v>
      </c>
      <c r="CE39" s="110">
        <v>0</v>
      </c>
      <c r="CF39" s="114">
        <v>2484411</v>
      </c>
      <c r="CG39" s="114">
        <v>2019924</v>
      </c>
      <c r="CH39" s="114">
        <v>1828282</v>
      </c>
      <c r="CI39" s="114">
        <v>1095763</v>
      </c>
      <c r="CJ39" s="114">
        <v>235233</v>
      </c>
      <c r="CK39" s="113">
        <v>7663613</v>
      </c>
      <c r="CL39" s="116">
        <v>7861306</v>
      </c>
      <c r="CM39" s="110">
        <v>0</v>
      </c>
      <c r="CN39" s="114">
        <v>0</v>
      </c>
      <c r="CO39" s="113">
        <v>0</v>
      </c>
      <c r="CP39" s="111">
        <v>0</v>
      </c>
      <c r="CQ39" s="114">
        <v>1917876</v>
      </c>
      <c r="CR39" s="114">
        <v>1693706</v>
      </c>
      <c r="CS39" s="114">
        <v>1736284</v>
      </c>
      <c r="CT39" s="114">
        <v>732955</v>
      </c>
      <c r="CU39" s="114">
        <v>235233</v>
      </c>
      <c r="CV39" s="113">
        <v>6316054</v>
      </c>
      <c r="CW39" s="116">
        <v>6316054</v>
      </c>
      <c r="CX39" s="110">
        <v>24066</v>
      </c>
      <c r="CY39" s="114">
        <v>173627</v>
      </c>
      <c r="CZ39" s="113">
        <v>197693</v>
      </c>
      <c r="DA39" s="110">
        <v>0</v>
      </c>
      <c r="DB39" s="114">
        <v>566535</v>
      </c>
      <c r="DC39" s="114">
        <v>326218</v>
      </c>
      <c r="DD39" s="114">
        <v>91998</v>
      </c>
      <c r="DE39" s="114">
        <v>362808</v>
      </c>
      <c r="DF39" s="114">
        <v>0</v>
      </c>
      <c r="DG39" s="113">
        <v>1347559</v>
      </c>
      <c r="DH39" s="116">
        <v>1545252</v>
      </c>
      <c r="DI39" s="110">
        <v>0</v>
      </c>
      <c r="DJ39" s="114">
        <v>0</v>
      </c>
      <c r="DK39" s="112">
        <v>0</v>
      </c>
      <c r="DL39" s="111">
        <v>0</v>
      </c>
      <c r="DM39" s="114">
        <v>276408</v>
      </c>
      <c r="DN39" s="114">
        <v>0</v>
      </c>
      <c r="DO39" s="114">
        <v>186210</v>
      </c>
      <c r="DP39" s="114">
        <v>909405</v>
      </c>
      <c r="DQ39" s="114">
        <v>0</v>
      </c>
      <c r="DR39" s="113">
        <v>1372023</v>
      </c>
      <c r="DS39" s="116">
        <v>1372023</v>
      </c>
      <c r="DT39" s="110">
        <v>0</v>
      </c>
      <c r="DU39" s="114">
        <v>0</v>
      </c>
      <c r="DV39" s="113">
        <v>0</v>
      </c>
      <c r="DW39" s="110">
        <v>0</v>
      </c>
      <c r="DX39" s="114">
        <v>239670</v>
      </c>
      <c r="DY39" s="114">
        <v>0</v>
      </c>
      <c r="DZ39" s="114">
        <v>186210</v>
      </c>
      <c r="EA39" s="114">
        <v>800595</v>
      </c>
      <c r="EB39" s="114">
        <v>0</v>
      </c>
      <c r="EC39" s="113">
        <v>1226475</v>
      </c>
      <c r="ED39" s="116">
        <v>1226475</v>
      </c>
      <c r="EE39" s="110">
        <v>0</v>
      </c>
      <c r="EF39" s="112">
        <v>0</v>
      </c>
      <c r="EG39" s="113">
        <v>0</v>
      </c>
      <c r="EH39" s="110">
        <v>0</v>
      </c>
      <c r="EI39" s="114">
        <v>36738</v>
      </c>
      <c r="EJ39" s="114">
        <v>0</v>
      </c>
      <c r="EK39" s="114">
        <v>0</v>
      </c>
      <c r="EL39" s="114">
        <v>108810</v>
      </c>
      <c r="EM39" s="114">
        <v>0</v>
      </c>
      <c r="EN39" s="112">
        <v>145548</v>
      </c>
      <c r="EO39" s="116">
        <v>145548</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8"/>
      <c r="FE39" s="114">
        <v>0</v>
      </c>
      <c r="FF39" s="114">
        <v>0</v>
      </c>
      <c r="FG39" s="114">
        <v>0</v>
      </c>
      <c r="FH39" s="114">
        <v>0</v>
      </c>
      <c r="FI39" s="114">
        <v>0</v>
      </c>
      <c r="FJ39" s="113">
        <v>0</v>
      </c>
      <c r="FK39" s="116">
        <v>0</v>
      </c>
      <c r="FL39" s="110">
        <v>64710</v>
      </c>
      <c r="FM39" s="114">
        <v>149181</v>
      </c>
      <c r="FN39" s="113">
        <v>213891</v>
      </c>
      <c r="FO39" s="110">
        <v>0</v>
      </c>
      <c r="FP39" s="114">
        <v>601402</v>
      </c>
      <c r="FQ39" s="114">
        <v>732703</v>
      </c>
      <c r="FR39" s="114">
        <v>552054</v>
      </c>
      <c r="FS39" s="114">
        <v>439673</v>
      </c>
      <c r="FT39" s="114">
        <v>184590</v>
      </c>
      <c r="FU39" s="113">
        <v>2510422</v>
      </c>
      <c r="FV39" s="116">
        <v>2724313</v>
      </c>
      <c r="FW39" s="115">
        <v>64710</v>
      </c>
      <c r="FX39" s="114">
        <v>99465</v>
      </c>
      <c r="FY39" s="112">
        <v>164175</v>
      </c>
      <c r="FZ39" s="111">
        <v>0</v>
      </c>
      <c r="GA39" s="114">
        <v>416074</v>
      </c>
      <c r="GB39" s="114">
        <v>554503</v>
      </c>
      <c r="GC39" s="114">
        <v>474118</v>
      </c>
      <c r="GD39" s="114">
        <v>439673</v>
      </c>
      <c r="GE39" s="114">
        <v>184590</v>
      </c>
      <c r="GF39" s="113">
        <v>2068958</v>
      </c>
      <c r="GG39" s="319">
        <v>2233133</v>
      </c>
      <c r="GH39" s="115">
        <v>0</v>
      </c>
      <c r="GI39" s="114">
        <v>0</v>
      </c>
      <c r="GJ39" s="112">
        <v>0</v>
      </c>
      <c r="GK39" s="111">
        <v>0</v>
      </c>
      <c r="GL39" s="114">
        <v>20988</v>
      </c>
      <c r="GM39" s="114">
        <v>0</v>
      </c>
      <c r="GN39" s="114">
        <v>0</v>
      </c>
      <c r="GO39" s="114">
        <v>0</v>
      </c>
      <c r="GP39" s="114">
        <v>0</v>
      </c>
      <c r="GQ39" s="113">
        <v>20988</v>
      </c>
      <c r="GR39" s="116">
        <v>20988</v>
      </c>
      <c r="GS39" s="110">
        <v>0</v>
      </c>
      <c r="GT39" s="114">
        <v>49716</v>
      </c>
      <c r="GU39" s="113">
        <v>49716</v>
      </c>
      <c r="GV39" s="110">
        <v>0</v>
      </c>
      <c r="GW39" s="114">
        <v>164340</v>
      </c>
      <c r="GX39" s="114">
        <v>178200</v>
      </c>
      <c r="GY39" s="114">
        <v>77936</v>
      </c>
      <c r="GZ39" s="114">
        <v>0</v>
      </c>
      <c r="HA39" s="114">
        <v>0</v>
      </c>
      <c r="HB39" s="112">
        <v>420476</v>
      </c>
      <c r="HC39" s="116">
        <v>470192</v>
      </c>
      <c r="HD39" s="110">
        <v>210168</v>
      </c>
      <c r="HE39" s="114">
        <v>106677</v>
      </c>
      <c r="HF39" s="112">
        <v>316845</v>
      </c>
      <c r="HG39" s="111">
        <v>0</v>
      </c>
      <c r="HH39" s="114">
        <v>1566497</v>
      </c>
      <c r="HI39" s="114">
        <v>1108623</v>
      </c>
      <c r="HJ39" s="114">
        <v>604513</v>
      </c>
      <c r="HK39" s="114">
        <v>1394114</v>
      </c>
      <c r="HL39" s="114">
        <v>492005</v>
      </c>
      <c r="HM39" s="113">
        <v>5165752</v>
      </c>
      <c r="HN39" s="109">
        <v>5482597</v>
      </c>
      <c r="HO39" s="115">
        <v>56940</v>
      </c>
      <c r="HP39" s="114">
        <v>112500</v>
      </c>
      <c r="HQ39" s="113">
        <v>169440</v>
      </c>
      <c r="HR39" s="110">
        <v>0</v>
      </c>
      <c r="HS39" s="114">
        <v>1124572</v>
      </c>
      <c r="HT39" s="114">
        <v>572029</v>
      </c>
      <c r="HU39" s="114">
        <v>528821</v>
      </c>
      <c r="HV39" s="114">
        <v>304326</v>
      </c>
      <c r="HW39" s="114">
        <v>125687</v>
      </c>
      <c r="HX39" s="112">
        <v>2655435</v>
      </c>
      <c r="HY39" s="116">
        <v>2824875</v>
      </c>
      <c r="HZ39" s="131">
        <v>47997</v>
      </c>
      <c r="IA39" s="132">
        <v>159372</v>
      </c>
      <c r="IB39" s="133">
        <v>207369</v>
      </c>
      <c r="IC39" s="146">
        <v>0</v>
      </c>
      <c r="ID39" s="132">
        <v>3106446</v>
      </c>
      <c r="IE39" s="147">
        <v>4884176</v>
      </c>
      <c r="IF39" s="133">
        <v>2962729</v>
      </c>
      <c r="IG39" s="132">
        <v>2405300</v>
      </c>
      <c r="IH39" s="133">
        <v>1358838</v>
      </c>
      <c r="II39" s="148">
        <v>14717489</v>
      </c>
      <c r="IJ39" s="139">
        <v>14924858</v>
      </c>
      <c r="IK39" s="232">
        <v>0</v>
      </c>
      <c r="IL39" s="236">
        <v>0</v>
      </c>
      <c r="IM39" s="237">
        <v>0</v>
      </c>
      <c r="IN39" s="140"/>
      <c r="IO39" s="119">
        <v>0</v>
      </c>
      <c r="IP39" s="119">
        <v>0</v>
      </c>
      <c r="IQ39" s="119">
        <v>0</v>
      </c>
      <c r="IR39" s="119">
        <v>0</v>
      </c>
      <c r="IS39" s="119">
        <v>0</v>
      </c>
      <c r="IT39" s="141">
        <v>0</v>
      </c>
      <c r="IU39" s="321">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1149954</v>
      </c>
      <c r="JL39" s="119">
        <v>240165</v>
      </c>
      <c r="JM39" s="119">
        <v>363105</v>
      </c>
      <c r="JN39" s="119">
        <v>0</v>
      </c>
      <c r="JO39" s="119">
        <v>0</v>
      </c>
      <c r="JP39" s="120">
        <v>1753224</v>
      </c>
      <c r="JQ39" s="321">
        <v>1753224</v>
      </c>
      <c r="JR39" s="142">
        <v>0</v>
      </c>
      <c r="JS39" s="119">
        <v>0</v>
      </c>
      <c r="JT39" s="141">
        <v>0</v>
      </c>
      <c r="JU39" s="118">
        <v>0</v>
      </c>
      <c r="JV39" s="119">
        <v>0</v>
      </c>
      <c r="JW39" s="119">
        <v>0</v>
      </c>
      <c r="JX39" s="119">
        <v>0</v>
      </c>
      <c r="JY39" s="119">
        <v>81590</v>
      </c>
      <c r="JZ39" s="119">
        <v>0</v>
      </c>
      <c r="KA39" s="120">
        <v>81590</v>
      </c>
      <c r="KB39" s="321">
        <v>81590</v>
      </c>
      <c r="KC39" s="234">
        <v>47997</v>
      </c>
      <c r="KD39" s="230">
        <v>159372</v>
      </c>
      <c r="KE39" s="120">
        <v>207369</v>
      </c>
      <c r="KF39" s="118">
        <v>0</v>
      </c>
      <c r="KG39" s="119">
        <v>830340</v>
      </c>
      <c r="KH39" s="119">
        <v>1248480</v>
      </c>
      <c r="KI39" s="119">
        <v>989874</v>
      </c>
      <c r="KJ39" s="119">
        <v>533232</v>
      </c>
      <c r="KK39" s="119">
        <v>233766</v>
      </c>
      <c r="KL39" s="120">
        <v>3835692</v>
      </c>
      <c r="KM39" s="143">
        <v>4043061</v>
      </c>
      <c r="KN39" s="232">
        <v>0</v>
      </c>
      <c r="KO39" s="236">
        <v>0</v>
      </c>
      <c r="KP39" s="237">
        <v>0</v>
      </c>
      <c r="KQ39" s="140"/>
      <c r="KR39" s="119">
        <v>504306</v>
      </c>
      <c r="KS39" s="119">
        <v>789696</v>
      </c>
      <c r="KT39" s="119">
        <v>541638</v>
      </c>
      <c r="KU39" s="119">
        <v>551790</v>
      </c>
      <c r="KV39" s="119">
        <v>1125072</v>
      </c>
      <c r="KW39" s="120">
        <v>3512502</v>
      </c>
      <c r="KX39" s="321">
        <v>3512502</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1">
        <v>0</v>
      </c>
      <c r="LU39" s="142">
        <v>0</v>
      </c>
      <c r="LV39" s="119">
        <v>0</v>
      </c>
      <c r="LW39" s="120">
        <v>0</v>
      </c>
      <c r="LX39" s="145"/>
      <c r="LY39" s="119">
        <v>621846</v>
      </c>
      <c r="LZ39" s="119">
        <v>2605835</v>
      </c>
      <c r="MA39" s="119">
        <v>1068112</v>
      </c>
      <c r="MB39" s="119">
        <v>1238688</v>
      </c>
      <c r="MC39" s="119">
        <v>0</v>
      </c>
      <c r="MD39" s="120">
        <v>5534481</v>
      </c>
      <c r="ME39" s="121">
        <v>5534481</v>
      </c>
      <c r="MF39" s="142">
        <v>0</v>
      </c>
      <c r="MG39" s="119">
        <v>0</v>
      </c>
      <c r="MH39" s="120">
        <v>0</v>
      </c>
      <c r="MI39" s="145"/>
      <c r="MJ39" s="119">
        <v>1356759</v>
      </c>
      <c r="MK39" s="119">
        <v>2821683</v>
      </c>
      <c r="ML39" s="119">
        <v>5555181</v>
      </c>
      <c r="MM39" s="119">
        <v>9312238</v>
      </c>
      <c r="MN39" s="119">
        <v>5683675</v>
      </c>
      <c r="MO39" s="120">
        <v>24729536</v>
      </c>
      <c r="MP39" s="143">
        <v>24729536</v>
      </c>
      <c r="MQ39" s="142">
        <v>0</v>
      </c>
      <c r="MR39" s="119">
        <v>0</v>
      </c>
      <c r="MS39" s="120">
        <v>0</v>
      </c>
      <c r="MT39" s="145"/>
      <c r="MU39" s="119">
        <v>0</v>
      </c>
      <c r="MV39" s="119">
        <v>0</v>
      </c>
      <c r="MW39" s="119">
        <v>1554121</v>
      </c>
      <c r="MX39" s="119">
        <v>6496588</v>
      </c>
      <c r="MY39" s="119">
        <v>3921845</v>
      </c>
      <c r="MZ39" s="120">
        <v>11972554</v>
      </c>
      <c r="NA39" s="143">
        <v>11972554</v>
      </c>
      <c r="NB39" s="142">
        <v>0</v>
      </c>
      <c r="NC39" s="119">
        <v>0</v>
      </c>
      <c r="ND39" s="120">
        <v>0</v>
      </c>
      <c r="NE39" s="145"/>
      <c r="NF39" s="119">
        <v>1356759</v>
      </c>
      <c r="NG39" s="119">
        <v>2571186</v>
      </c>
      <c r="NH39" s="119">
        <v>4001060</v>
      </c>
      <c r="NI39" s="119">
        <v>2483955</v>
      </c>
      <c r="NJ39" s="119">
        <v>1761830</v>
      </c>
      <c r="NK39" s="120">
        <v>12174790</v>
      </c>
      <c r="NL39" s="321">
        <v>1217479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250497</v>
      </c>
      <c r="OD39" s="119">
        <v>0</v>
      </c>
      <c r="OE39" s="119">
        <v>331695</v>
      </c>
      <c r="OF39" s="119">
        <v>0</v>
      </c>
      <c r="OG39" s="120">
        <v>582192</v>
      </c>
      <c r="OH39" s="121">
        <v>582192</v>
      </c>
      <c r="OI39" s="142">
        <v>476358</v>
      </c>
      <c r="OJ39" s="119">
        <v>834527</v>
      </c>
      <c r="OK39" s="141">
        <v>1310885</v>
      </c>
      <c r="OL39" s="118">
        <v>0</v>
      </c>
      <c r="OM39" s="119">
        <v>11917167</v>
      </c>
      <c r="ON39" s="119">
        <v>13214096</v>
      </c>
      <c r="OO39" s="119">
        <v>13526335</v>
      </c>
      <c r="OP39" s="119">
        <v>16625198</v>
      </c>
      <c r="OQ39" s="119">
        <v>9401140</v>
      </c>
      <c r="OR39" s="120">
        <v>64683936</v>
      </c>
      <c r="OS39" s="143">
        <v>65994821</v>
      </c>
    </row>
    <row r="40" spans="2:409" ht="18.75" customHeight="1" x14ac:dyDescent="0.2">
      <c r="B40" s="62" t="s">
        <v>35</v>
      </c>
      <c r="C40" s="110">
        <v>2397238</v>
      </c>
      <c r="D40" s="114">
        <v>3539272</v>
      </c>
      <c r="E40" s="113">
        <v>5936510</v>
      </c>
      <c r="F40" s="109">
        <v>0</v>
      </c>
      <c r="G40" s="114">
        <v>29097049</v>
      </c>
      <c r="H40" s="114">
        <v>25770663</v>
      </c>
      <c r="I40" s="114">
        <v>22457820</v>
      </c>
      <c r="J40" s="114">
        <v>21574331</v>
      </c>
      <c r="K40" s="114">
        <v>11801382</v>
      </c>
      <c r="L40" s="173">
        <v>110701245</v>
      </c>
      <c r="M40" s="116">
        <v>116637755</v>
      </c>
      <c r="N40" s="110">
        <v>457326</v>
      </c>
      <c r="O40" s="114">
        <v>512298</v>
      </c>
      <c r="P40" s="113">
        <v>969624</v>
      </c>
      <c r="Q40" s="110">
        <v>0</v>
      </c>
      <c r="R40" s="114">
        <v>6274826</v>
      </c>
      <c r="S40" s="114">
        <v>6097555</v>
      </c>
      <c r="T40" s="114">
        <v>5143464</v>
      </c>
      <c r="U40" s="114">
        <v>6045379</v>
      </c>
      <c r="V40" s="114">
        <v>5481315</v>
      </c>
      <c r="W40" s="113">
        <v>29042539</v>
      </c>
      <c r="X40" s="116">
        <v>30012163</v>
      </c>
      <c r="Y40" s="110">
        <v>0</v>
      </c>
      <c r="Z40" s="114">
        <v>0</v>
      </c>
      <c r="AA40" s="113">
        <v>0</v>
      </c>
      <c r="AB40" s="110">
        <v>0</v>
      </c>
      <c r="AC40" s="114">
        <v>3042847</v>
      </c>
      <c r="AD40" s="114">
        <v>2874810</v>
      </c>
      <c r="AE40" s="114">
        <v>2890366</v>
      </c>
      <c r="AF40" s="114">
        <v>3464152</v>
      </c>
      <c r="AG40" s="114">
        <v>2895231</v>
      </c>
      <c r="AH40" s="113">
        <v>15167406</v>
      </c>
      <c r="AI40" s="116">
        <v>15167406</v>
      </c>
      <c r="AJ40" s="110">
        <v>0</v>
      </c>
      <c r="AK40" s="114">
        <v>0</v>
      </c>
      <c r="AL40" s="113">
        <v>0</v>
      </c>
      <c r="AM40" s="110">
        <v>0</v>
      </c>
      <c r="AN40" s="114">
        <v>0</v>
      </c>
      <c r="AO40" s="114">
        <v>392553</v>
      </c>
      <c r="AP40" s="114">
        <v>253260</v>
      </c>
      <c r="AQ40" s="114">
        <v>508986</v>
      </c>
      <c r="AR40" s="114">
        <v>1168542</v>
      </c>
      <c r="AS40" s="113">
        <v>2323341</v>
      </c>
      <c r="AT40" s="116">
        <v>2323341</v>
      </c>
      <c r="AU40" s="110">
        <v>49194</v>
      </c>
      <c r="AV40" s="114">
        <v>217998</v>
      </c>
      <c r="AW40" s="113">
        <v>267192</v>
      </c>
      <c r="AX40" s="110">
        <v>0</v>
      </c>
      <c r="AY40" s="114">
        <v>1392380</v>
      </c>
      <c r="AZ40" s="114">
        <v>1259861</v>
      </c>
      <c r="BA40" s="114">
        <v>738038</v>
      </c>
      <c r="BB40" s="114">
        <v>762444</v>
      </c>
      <c r="BC40" s="114">
        <v>743500</v>
      </c>
      <c r="BD40" s="113">
        <v>4896223</v>
      </c>
      <c r="BE40" s="116">
        <v>5163415</v>
      </c>
      <c r="BF40" s="110">
        <v>22536</v>
      </c>
      <c r="BG40" s="114">
        <v>47646</v>
      </c>
      <c r="BH40" s="112">
        <v>70182</v>
      </c>
      <c r="BI40" s="111">
        <v>0</v>
      </c>
      <c r="BJ40" s="114">
        <v>538916</v>
      </c>
      <c r="BK40" s="114">
        <v>381196</v>
      </c>
      <c r="BL40" s="114">
        <v>264393</v>
      </c>
      <c r="BM40" s="114">
        <v>135126</v>
      </c>
      <c r="BN40" s="114">
        <v>68382</v>
      </c>
      <c r="BO40" s="113">
        <v>1388013</v>
      </c>
      <c r="BP40" s="116">
        <v>1458195</v>
      </c>
      <c r="BQ40" s="110">
        <v>385596</v>
      </c>
      <c r="BR40" s="114">
        <v>246654</v>
      </c>
      <c r="BS40" s="113">
        <v>632250</v>
      </c>
      <c r="BT40" s="110">
        <v>0</v>
      </c>
      <c r="BU40" s="114">
        <v>1300683</v>
      </c>
      <c r="BV40" s="114">
        <v>1189135</v>
      </c>
      <c r="BW40" s="114">
        <v>997407</v>
      </c>
      <c r="BX40" s="114">
        <v>1174671</v>
      </c>
      <c r="BY40" s="114">
        <v>605660</v>
      </c>
      <c r="BZ40" s="113">
        <v>5267556</v>
      </c>
      <c r="CA40" s="116">
        <v>5899806</v>
      </c>
      <c r="CB40" s="110">
        <v>201923</v>
      </c>
      <c r="CC40" s="114">
        <v>975544</v>
      </c>
      <c r="CD40" s="113">
        <v>1177467</v>
      </c>
      <c r="CE40" s="110">
        <v>0</v>
      </c>
      <c r="CF40" s="114">
        <v>10333290</v>
      </c>
      <c r="CG40" s="114">
        <v>9488270</v>
      </c>
      <c r="CH40" s="114">
        <v>7441205</v>
      </c>
      <c r="CI40" s="114">
        <v>4615465</v>
      </c>
      <c r="CJ40" s="114">
        <v>2127101</v>
      </c>
      <c r="CK40" s="113">
        <v>34005331</v>
      </c>
      <c r="CL40" s="116">
        <v>35182798</v>
      </c>
      <c r="CM40" s="110">
        <v>0</v>
      </c>
      <c r="CN40" s="114">
        <v>0</v>
      </c>
      <c r="CO40" s="113">
        <v>0</v>
      </c>
      <c r="CP40" s="111">
        <v>0</v>
      </c>
      <c r="CQ40" s="114">
        <v>7502624</v>
      </c>
      <c r="CR40" s="114">
        <v>7640253</v>
      </c>
      <c r="CS40" s="114">
        <v>6310049</v>
      </c>
      <c r="CT40" s="114">
        <v>3200964</v>
      </c>
      <c r="CU40" s="114">
        <v>2090642</v>
      </c>
      <c r="CV40" s="113">
        <v>26744532</v>
      </c>
      <c r="CW40" s="116">
        <v>26744532</v>
      </c>
      <c r="CX40" s="110">
        <v>201923</v>
      </c>
      <c r="CY40" s="114">
        <v>975544</v>
      </c>
      <c r="CZ40" s="113">
        <v>1177467</v>
      </c>
      <c r="DA40" s="110">
        <v>0</v>
      </c>
      <c r="DB40" s="114">
        <v>2830666</v>
      </c>
      <c r="DC40" s="114">
        <v>1848017</v>
      </c>
      <c r="DD40" s="114">
        <v>1131156</v>
      </c>
      <c r="DE40" s="114">
        <v>1414501</v>
      </c>
      <c r="DF40" s="114">
        <v>36459</v>
      </c>
      <c r="DG40" s="113">
        <v>7260799</v>
      </c>
      <c r="DH40" s="116">
        <v>8438266</v>
      </c>
      <c r="DI40" s="110">
        <v>0</v>
      </c>
      <c r="DJ40" s="114">
        <v>0</v>
      </c>
      <c r="DK40" s="112">
        <v>0</v>
      </c>
      <c r="DL40" s="111">
        <v>0</v>
      </c>
      <c r="DM40" s="114">
        <v>336551</v>
      </c>
      <c r="DN40" s="114">
        <v>939478</v>
      </c>
      <c r="DO40" s="114">
        <v>1718473</v>
      </c>
      <c r="DP40" s="114">
        <v>1522836</v>
      </c>
      <c r="DQ40" s="114">
        <v>163389</v>
      </c>
      <c r="DR40" s="113">
        <v>4680727</v>
      </c>
      <c r="DS40" s="116">
        <v>4680727</v>
      </c>
      <c r="DT40" s="110">
        <v>0</v>
      </c>
      <c r="DU40" s="114">
        <v>0</v>
      </c>
      <c r="DV40" s="113">
        <v>0</v>
      </c>
      <c r="DW40" s="110">
        <v>0</v>
      </c>
      <c r="DX40" s="114">
        <v>146696</v>
      </c>
      <c r="DY40" s="114">
        <v>825052</v>
      </c>
      <c r="DZ40" s="114">
        <v>1473088</v>
      </c>
      <c r="EA40" s="114">
        <v>1456884</v>
      </c>
      <c r="EB40" s="114">
        <v>163389</v>
      </c>
      <c r="EC40" s="113">
        <v>4065109</v>
      </c>
      <c r="ED40" s="116">
        <v>4065109</v>
      </c>
      <c r="EE40" s="110">
        <v>0</v>
      </c>
      <c r="EF40" s="112">
        <v>0</v>
      </c>
      <c r="EG40" s="113">
        <v>0</v>
      </c>
      <c r="EH40" s="110">
        <v>0</v>
      </c>
      <c r="EI40" s="114">
        <v>189855</v>
      </c>
      <c r="EJ40" s="114">
        <v>114426</v>
      </c>
      <c r="EK40" s="114">
        <v>245385</v>
      </c>
      <c r="EL40" s="114">
        <v>65952</v>
      </c>
      <c r="EM40" s="114">
        <v>0</v>
      </c>
      <c r="EN40" s="112">
        <v>615618</v>
      </c>
      <c r="EO40" s="116">
        <v>615618</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8"/>
      <c r="FE40" s="114">
        <v>0</v>
      </c>
      <c r="FF40" s="114">
        <v>0</v>
      </c>
      <c r="FG40" s="114">
        <v>0</v>
      </c>
      <c r="FH40" s="114">
        <v>0</v>
      </c>
      <c r="FI40" s="114">
        <v>0</v>
      </c>
      <c r="FJ40" s="113">
        <v>0</v>
      </c>
      <c r="FK40" s="116">
        <v>0</v>
      </c>
      <c r="FL40" s="110">
        <v>208809</v>
      </c>
      <c r="FM40" s="114">
        <v>462475</v>
      </c>
      <c r="FN40" s="113">
        <v>671284</v>
      </c>
      <c r="FO40" s="110">
        <v>0</v>
      </c>
      <c r="FP40" s="114">
        <v>1360697</v>
      </c>
      <c r="FQ40" s="114">
        <v>2055049</v>
      </c>
      <c r="FR40" s="114">
        <v>1265984</v>
      </c>
      <c r="FS40" s="114">
        <v>1312882</v>
      </c>
      <c r="FT40" s="114">
        <v>660685</v>
      </c>
      <c r="FU40" s="113">
        <v>6655297</v>
      </c>
      <c r="FV40" s="116">
        <v>7326581</v>
      </c>
      <c r="FW40" s="115">
        <v>136737</v>
      </c>
      <c r="FX40" s="114">
        <v>441091</v>
      </c>
      <c r="FY40" s="112">
        <v>577828</v>
      </c>
      <c r="FZ40" s="111">
        <v>0</v>
      </c>
      <c r="GA40" s="114">
        <v>989983</v>
      </c>
      <c r="GB40" s="114">
        <v>2055049</v>
      </c>
      <c r="GC40" s="114">
        <v>1247372</v>
      </c>
      <c r="GD40" s="114">
        <v>1089304</v>
      </c>
      <c r="GE40" s="114">
        <v>660685</v>
      </c>
      <c r="GF40" s="113">
        <v>6042393</v>
      </c>
      <c r="GG40" s="319">
        <v>6620221</v>
      </c>
      <c r="GH40" s="115">
        <v>72072</v>
      </c>
      <c r="GI40" s="114">
        <v>21384</v>
      </c>
      <c r="GJ40" s="112">
        <v>93456</v>
      </c>
      <c r="GK40" s="111">
        <v>0</v>
      </c>
      <c r="GL40" s="114">
        <v>28908</v>
      </c>
      <c r="GM40" s="114">
        <v>0</v>
      </c>
      <c r="GN40" s="114">
        <v>18612</v>
      </c>
      <c r="GO40" s="114">
        <v>0</v>
      </c>
      <c r="GP40" s="114">
        <v>0</v>
      </c>
      <c r="GQ40" s="113">
        <v>47520</v>
      </c>
      <c r="GR40" s="116">
        <v>140976</v>
      </c>
      <c r="GS40" s="110">
        <v>0</v>
      </c>
      <c r="GT40" s="114">
        <v>0</v>
      </c>
      <c r="GU40" s="113">
        <v>0</v>
      </c>
      <c r="GV40" s="110">
        <v>0</v>
      </c>
      <c r="GW40" s="114">
        <v>341806</v>
      </c>
      <c r="GX40" s="114">
        <v>0</v>
      </c>
      <c r="GY40" s="114">
        <v>0</v>
      </c>
      <c r="GZ40" s="114">
        <v>223578</v>
      </c>
      <c r="HA40" s="114">
        <v>0</v>
      </c>
      <c r="HB40" s="112">
        <v>565384</v>
      </c>
      <c r="HC40" s="116">
        <v>565384</v>
      </c>
      <c r="HD40" s="110">
        <v>1344490</v>
      </c>
      <c r="HE40" s="114">
        <v>1218035</v>
      </c>
      <c r="HF40" s="112">
        <v>2562525</v>
      </c>
      <c r="HG40" s="111">
        <v>0</v>
      </c>
      <c r="HH40" s="114">
        <v>6728418</v>
      </c>
      <c r="HI40" s="114">
        <v>4445621</v>
      </c>
      <c r="HJ40" s="114">
        <v>5120281</v>
      </c>
      <c r="HK40" s="114">
        <v>6827618</v>
      </c>
      <c r="HL40" s="114">
        <v>2833702</v>
      </c>
      <c r="HM40" s="113">
        <v>25955640</v>
      </c>
      <c r="HN40" s="109">
        <v>28518165</v>
      </c>
      <c r="HO40" s="115">
        <v>184690</v>
      </c>
      <c r="HP40" s="114">
        <v>370920</v>
      </c>
      <c r="HQ40" s="113">
        <v>555610</v>
      </c>
      <c r="HR40" s="110">
        <v>0</v>
      </c>
      <c r="HS40" s="114">
        <v>4063267</v>
      </c>
      <c r="HT40" s="114">
        <v>2744690</v>
      </c>
      <c r="HU40" s="114">
        <v>1768413</v>
      </c>
      <c r="HV40" s="114">
        <v>1250151</v>
      </c>
      <c r="HW40" s="114">
        <v>535190</v>
      </c>
      <c r="HX40" s="112">
        <v>10361711</v>
      </c>
      <c r="HY40" s="116">
        <v>10917321</v>
      </c>
      <c r="HZ40" s="150">
        <v>23328</v>
      </c>
      <c r="IA40" s="135">
        <v>240273</v>
      </c>
      <c r="IB40" s="150">
        <v>263601</v>
      </c>
      <c r="IC40" s="146">
        <v>0</v>
      </c>
      <c r="ID40" s="132">
        <v>5045630</v>
      </c>
      <c r="IE40" s="147">
        <v>7030133</v>
      </c>
      <c r="IF40" s="133">
        <v>7479446</v>
      </c>
      <c r="IG40" s="132">
        <v>5196573</v>
      </c>
      <c r="IH40" s="133">
        <v>2550726</v>
      </c>
      <c r="II40" s="148">
        <v>27302508</v>
      </c>
      <c r="IJ40" s="150">
        <v>27566109</v>
      </c>
      <c r="IK40" s="232">
        <v>0</v>
      </c>
      <c r="IL40" s="236">
        <v>0</v>
      </c>
      <c r="IM40" s="237">
        <v>0</v>
      </c>
      <c r="IN40" s="140"/>
      <c r="IO40" s="119">
        <v>0</v>
      </c>
      <c r="IP40" s="119">
        <v>64560</v>
      </c>
      <c r="IQ40" s="119">
        <v>182169</v>
      </c>
      <c r="IR40" s="119">
        <v>225720</v>
      </c>
      <c r="IS40" s="119">
        <v>0</v>
      </c>
      <c r="IT40" s="141">
        <v>472449</v>
      </c>
      <c r="IU40" s="321">
        <v>472449</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395307</v>
      </c>
      <c r="JL40" s="119">
        <v>1355581</v>
      </c>
      <c r="JM40" s="119">
        <v>1301715</v>
      </c>
      <c r="JN40" s="119">
        <v>1142128</v>
      </c>
      <c r="JO40" s="119">
        <v>289773</v>
      </c>
      <c r="JP40" s="120">
        <v>5484504</v>
      </c>
      <c r="JQ40" s="321">
        <v>5484504</v>
      </c>
      <c r="JR40" s="142">
        <v>0</v>
      </c>
      <c r="JS40" s="119">
        <v>0</v>
      </c>
      <c r="JT40" s="141">
        <v>0</v>
      </c>
      <c r="JU40" s="118">
        <v>0</v>
      </c>
      <c r="JV40" s="119">
        <v>0</v>
      </c>
      <c r="JW40" s="119">
        <v>0</v>
      </c>
      <c r="JX40" s="119">
        <v>0</v>
      </c>
      <c r="JY40" s="119">
        <v>0</v>
      </c>
      <c r="JZ40" s="119">
        <v>0</v>
      </c>
      <c r="KA40" s="120">
        <v>0</v>
      </c>
      <c r="KB40" s="321">
        <v>0</v>
      </c>
      <c r="KC40" s="234">
        <v>23328</v>
      </c>
      <c r="KD40" s="230">
        <v>240273</v>
      </c>
      <c r="KE40" s="120">
        <v>263601</v>
      </c>
      <c r="KF40" s="118">
        <v>0</v>
      </c>
      <c r="KG40" s="119">
        <v>1121359</v>
      </c>
      <c r="KH40" s="119">
        <v>1798010</v>
      </c>
      <c r="KI40" s="119">
        <v>1306328</v>
      </c>
      <c r="KJ40" s="119">
        <v>7758</v>
      </c>
      <c r="KK40" s="119">
        <v>569187</v>
      </c>
      <c r="KL40" s="120">
        <v>4802642</v>
      </c>
      <c r="KM40" s="143">
        <v>5066243</v>
      </c>
      <c r="KN40" s="232">
        <v>0</v>
      </c>
      <c r="KO40" s="236">
        <v>0</v>
      </c>
      <c r="KP40" s="237">
        <v>0</v>
      </c>
      <c r="KQ40" s="140"/>
      <c r="KR40" s="119">
        <v>2528964</v>
      </c>
      <c r="KS40" s="119">
        <v>3811982</v>
      </c>
      <c r="KT40" s="119">
        <v>4689234</v>
      </c>
      <c r="KU40" s="119">
        <v>3820967</v>
      </c>
      <c r="KV40" s="119">
        <v>1691766</v>
      </c>
      <c r="KW40" s="120">
        <v>16542913</v>
      </c>
      <c r="KX40" s="321">
        <v>16542913</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1">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7192746</v>
      </c>
      <c r="MK40" s="119">
        <v>8540494</v>
      </c>
      <c r="ML40" s="119">
        <v>13758280</v>
      </c>
      <c r="MM40" s="119">
        <v>20284535</v>
      </c>
      <c r="MN40" s="119">
        <v>15939764</v>
      </c>
      <c r="MO40" s="120">
        <v>65715819</v>
      </c>
      <c r="MP40" s="143">
        <v>65715819</v>
      </c>
      <c r="MQ40" s="142">
        <v>0</v>
      </c>
      <c r="MR40" s="119">
        <v>0</v>
      </c>
      <c r="MS40" s="120">
        <v>0</v>
      </c>
      <c r="MT40" s="145"/>
      <c r="MU40" s="119">
        <v>642406</v>
      </c>
      <c r="MV40" s="119">
        <v>440370</v>
      </c>
      <c r="MW40" s="119">
        <v>5723112</v>
      </c>
      <c r="MX40" s="119">
        <v>12068595</v>
      </c>
      <c r="MY40" s="119">
        <v>9807169</v>
      </c>
      <c r="MZ40" s="120">
        <v>28681652</v>
      </c>
      <c r="NA40" s="143">
        <v>28681652</v>
      </c>
      <c r="NB40" s="142">
        <v>0</v>
      </c>
      <c r="NC40" s="119">
        <v>0</v>
      </c>
      <c r="ND40" s="120">
        <v>0</v>
      </c>
      <c r="NE40" s="145"/>
      <c r="NF40" s="119">
        <v>5646497</v>
      </c>
      <c r="NG40" s="119">
        <v>7596475</v>
      </c>
      <c r="NH40" s="119">
        <v>6797884</v>
      </c>
      <c r="NI40" s="119">
        <v>4921400</v>
      </c>
      <c r="NJ40" s="119">
        <v>2932528</v>
      </c>
      <c r="NK40" s="120">
        <v>27894784</v>
      </c>
      <c r="NL40" s="321">
        <v>27894784</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903843</v>
      </c>
      <c r="OC40" s="119">
        <v>503649</v>
      </c>
      <c r="OD40" s="119">
        <v>1237284</v>
      </c>
      <c r="OE40" s="119">
        <v>3294540</v>
      </c>
      <c r="OF40" s="119">
        <v>3200067</v>
      </c>
      <c r="OG40" s="120">
        <v>9139383</v>
      </c>
      <c r="OH40" s="121">
        <v>9139383</v>
      </c>
      <c r="OI40" s="142">
        <v>2420566</v>
      </c>
      <c r="OJ40" s="119">
        <v>3779545</v>
      </c>
      <c r="OK40" s="141">
        <v>6200111</v>
      </c>
      <c r="OL40" s="118">
        <v>0</v>
      </c>
      <c r="OM40" s="119">
        <v>41335425</v>
      </c>
      <c r="ON40" s="119">
        <v>41341290</v>
      </c>
      <c r="OO40" s="119">
        <v>43695546</v>
      </c>
      <c r="OP40" s="119">
        <v>47055439</v>
      </c>
      <c r="OQ40" s="119">
        <v>30291872</v>
      </c>
      <c r="OR40" s="120">
        <v>203719572</v>
      </c>
      <c r="OS40" s="143">
        <v>209919683</v>
      </c>
    </row>
    <row r="41" spans="2:409" ht="18.75" customHeight="1" x14ac:dyDescent="0.2">
      <c r="B41" s="62" t="s">
        <v>36</v>
      </c>
      <c r="C41" s="110">
        <v>1269686</v>
      </c>
      <c r="D41" s="114">
        <v>2796911</v>
      </c>
      <c r="E41" s="113">
        <v>4066597</v>
      </c>
      <c r="F41" s="109">
        <v>0</v>
      </c>
      <c r="G41" s="114">
        <v>21972889</v>
      </c>
      <c r="H41" s="114">
        <v>26690821</v>
      </c>
      <c r="I41" s="114">
        <v>26007091</v>
      </c>
      <c r="J41" s="114">
        <v>17360629</v>
      </c>
      <c r="K41" s="114">
        <v>15600961</v>
      </c>
      <c r="L41" s="173">
        <v>107632391</v>
      </c>
      <c r="M41" s="116">
        <v>111698988</v>
      </c>
      <c r="N41" s="110">
        <v>401098</v>
      </c>
      <c r="O41" s="114">
        <v>561312</v>
      </c>
      <c r="P41" s="113">
        <v>962410</v>
      </c>
      <c r="Q41" s="110">
        <v>0</v>
      </c>
      <c r="R41" s="114">
        <v>6428573</v>
      </c>
      <c r="S41" s="114">
        <v>7578012</v>
      </c>
      <c r="T41" s="114">
        <v>8417232</v>
      </c>
      <c r="U41" s="114">
        <v>8094395</v>
      </c>
      <c r="V41" s="114">
        <v>7261471</v>
      </c>
      <c r="W41" s="113">
        <v>37779683</v>
      </c>
      <c r="X41" s="116">
        <v>38742093</v>
      </c>
      <c r="Y41" s="110">
        <v>0</v>
      </c>
      <c r="Z41" s="114">
        <v>0</v>
      </c>
      <c r="AA41" s="113">
        <v>0</v>
      </c>
      <c r="AB41" s="110">
        <v>0</v>
      </c>
      <c r="AC41" s="114">
        <v>3264736</v>
      </c>
      <c r="AD41" s="114">
        <v>3785597</v>
      </c>
      <c r="AE41" s="114">
        <v>4795105</v>
      </c>
      <c r="AF41" s="114">
        <v>4950858</v>
      </c>
      <c r="AG41" s="114">
        <v>4091371</v>
      </c>
      <c r="AH41" s="113">
        <v>20887667</v>
      </c>
      <c r="AI41" s="116">
        <v>20887667</v>
      </c>
      <c r="AJ41" s="110">
        <v>0</v>
      </c>
      <c r="AK41" s="114">
        <v>0</v>
      </c>
      <c r="AL41" s="113">
        <v>0</v>
      </c>
      <c r="AM41" s="110">
        <v>0</v>
      </c>
      <c r="AN41" s="114">
        <v>161222</v>
      </c>
      <c r="AO41" s="114">
        <v>544413</v>
      </c>
      <c r="AP41" s="114">
        <v>117052</v>
      </c>
      <c r="AQ41" s="114">
        <v>635266</v>
      </c>
      <c r="AR41" s="114">
        <v>586969</v>
      </c>
      <c r="AS41" s="113">
        <v>2044922</v>
      </c>
      <c r="AT41" s="116">
        <v>2044922</v>
      </c>
      <c r="AU41" s="110">
        <v>255679</v>
      </c>
      <c r="AV41" s="114">
        <v>404255</v>
      </c>
      <c r="AW41" s="113">
        <v>659934</v>
      </c>
      <c r="AX41" s="110">
        <v>0</v>
      </c>
      <c r="AY41" s="114">
        <v>2299780</v>
      </c>
      <c r="AZ41" s="114">
        <v>2208358</v>
      </c>
      <c r="BA41" s="114">
        <v>1892405</v>
      </c>
      <c r="BB41" s="114">
        <v>1647710</v>
      </c>
      <c r="BC41" s="114">
        <v>1795854</v>
      </c>
      <c r="BD41" s="113">
        <v>9844107</v>
      </c>
      <c r="BE41" s="116">
        <v>10504041</v>
      </c>
      <c r="BF41" s="110">
        <v>101940</v>
      </c>
      <c r="BG41" s="114">
        <v>76528</v>
      </c>
      <c r="BH41" s="112">
        <v>178468</v>
      </c>
      <c r="BI41" s="111">
        <v>0</v>
      </c>
      <c r="BJ41" s="114">
        <v>237748</v>
      </c>
      <c r="BK41" s="114">
        <v>233569</v>
      </c>
      <c r="BL41" s="114">
        <v>291518</v>
      </c>
      <c r="BM41" s="114">
        <v>192068</v>
      </c>
      <c r="BN41" s="114">
        <v>190310</v>
      </c>
      <c r="BO41" s="113">
        <v>1145213</v>
      </c>
      <c r="BP41" s="116">
        <v>1323681</v>
      </c>
      <c r="BQ41" s="110">
        <v>43479</v>
      </c>
      <c r="BR41" s="114">
        <v>80529</v>
      </c>
      <c r="BS41" s="113">
        <v>124008</v>
      </c>
      <c r="BT41" s="110">
        <v>0</v>
      </c>
      <c r="BU41" s="114">
        <v>465087</v>
      </c>
      <c r="BV41" s="114">
        <v>806075</v>
      </c>
      <c r="BW41" s="114">
        <v>1321152</v>
      </c>
      <c r="BX41" s="114">
        <v>668493</v>
      </c>
      <c r="BY41" s="114">
        <v>596967</v>
      </c>
      <c r="BZ41" s="113">
        <v>3857774</v>
      </c>
      <c r="CA41" s="116">
        <v>3981782</v>
      </c>
      <c r="CB41" s="110">
        <v>87914</v>
      </c>
      <c r="CC41" s="114">
        <v>606392</v>
      </c>
      <c r="CD41" s="113">
        <v>694306</v>
      </c>
      <c r="CE41" s="110">
        <v>0</v>
      </c>
      <c r="CF41" s="114">
        <v>7668481</v>
      </c>
      <c r="CG41" s="114">
        <v>9599638</v>
      </c>
      <c r="CH41" s="114">
        <v>6933734</v>
      </c>
      <c r="CI41" s="114">
        <v>3277656</v>
      </c>
      <c r="CJ41" s="114">
        <v>2981027</v>
      </c>
      <c r="CK41" s="113">
        <v>30460536</v>
      </c>
      <c r="CL41" s="116">
        <v>31154842</v>
      </c>
      <c r="CM41" s="110">
        <v>0</v>
      </c>
      <c r="CN41" s="114">
        <v>0</v>
      </c>
      <c r="CO41" s="113">
        <v>0</v>
      </c>
      <c r="CP41" s="111">
        <v>0</v>
      </c>
      <c r="CQ41" s="114">
        <v>5900999</v>
      </c>
      <c r="CR41" s="114">
        <v>7981519</v>
      </c>
      <c r="CS41" s="114">
        <v>5751899</v>
      </c>
      <c r="CT41" s="114">
        <v>3234208</v>
      </c>
      <c r="CU41" s="114">
        <v>2953892</v>
      </c>
      <c r="CV41" s="113">
        <v>25822517</v>
      </c>
      <c r="CW41" s="116">
        <v>25822517</v>
      </c>
      <c r="CX41" s="110">
        <v>87914</v>
      </c>
      <c r="CY41" s="114">
        <v>606392</v>
      </c>
      <c r="CZ41" s="113">
        <v>694306</v>
      </c>
      <c r="DA41" s="110">
        <v>0</v>
      </c>
      <c r="DB41" s="114">
        <v>1767482</v>
      </c>
      <c r="DC41" s="114">
        <v>1618119</v>
      </c>
      <c r="DD41" s="114">
        <v>1181835</v>
      </c>
      <c r="DE41" s="114">
        <v>43448</v>
      </c>
      <c r="DF41" s="114">
        <v>27135</v>
      </c>
      <c r="DG41" s="113">
        <v>4638019</v>
      </c>
      <c r="DH41" s="116">
        <v>5332325</v>
      </c>
      <c r="DI41" s="110">
        <v>0</v>
      </c>
      <c r="DJ41" s="114">
        <v>43164</v>
      </c>
      <c r="DK41" s="112">
        <v>43164</v>
      </c>
      <c r="DL41" s="111">
        <v>0</v>
      </c>
      <c r="DM41" s="114">
        <v>950242</v>
      </c>
      <c r="DN41" s="114">
        <v>1413141</v>
      </c>
      <c r="DO41" s="114">
        <v>2517312</v>
      </c>
      <c r="DP41" s="114">
        <v>1747112</v>
      </c>
      <c r="DQ41" s="114">
        <v>1667372</v>
      </c>
      <c r="DR41" s="113">
        <v>8295179</v>
      </c>
      <c r="DS41" s="116">
        <v>8338343</v>
      </c>
      <c r="DT41" s="110">
        <v>0</v>
      </c>
      <c r="DU41" s="114">
        <v>43164</v>
      </c>
      <c r="DV41" s="113">
        <v>43164</v>
      </c>
      <c r="DW41" s="110">
        <v>0</v>
      </c>
      <c r="DX41" s="114">
        <v>920589</v>
      </c>
      <c r="DY41" s="114">
        <v>1364328</v>
      </c>
      <c r="DZ41" s="114">
        <v>2478050</v>
      </c>
      <c r="EA41" s="114">
        <v>1747112</v>
      </c>
      <c r="EB41" s="114">
        <v>1667372</v>
      </c>
      <c r="EC41" s="113">
        <v>8177451</v>
      </c>
      <c r="ED41" s="116">
        <v>8220615</v>
      </c>
      <c r="EE41" s="110">
        <v>0</v>
      </c>
      <c r="EF41" s="112">
        <v>0</v>
      </c>
      <c r="EG41" s="113">
        <v>0</v>
      </c>
      <c r="EH41" s="110">
        <v>0</v>
      </c>
      <c r="EI41" s="114">
        <v>29653</v>
      </c>
      <c r="EJ41" s="114">
        <v>48813</v>
      </c>
      <c r="EK41" s="114">
        <v>39262</v>
      </c>
      <c r="EL41" s="114">
        <v>0</v>
      </c>
      <c r="EM41" s="114">
        <v>0</v>
      </c>
      <c r="EN41" s="112">
        <v>117728</v>
      </c>
      <c r="EO41" s="116">
        <v>117728</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8"/>
      <c r="FE41" s="114">
        <v>0</v>
      </c>
      <c r="FF41" s="114">
        <v>0</v>
      </c>
      <c r="FG41" s="114">
        <v>0</v>
      </c>
      <c r="FH41" s="114">
        <v>0</v>
      </c>
      <c r="FI41" s="114">
        <v>0</v>
      </c>
      <c r="FJ41" s="113">
        <v>0</v>
      </c>
      <c r="FK41" s="116">
        <v>0</v>
      </c>
      <c r="FL41" s="110">
        <v>483784</v>
      </c>
      <c r="FM41" s="114">
        <v>796468</v>
      </c>
      <c r="FN41" s="113">
        <v>1280252</v>
      </c>
      <c r="FO41" s="110">
        <v>0</v>
      </c>
      <c r="FP41" s="114">
        <v>1780370</v>
      </c>
      <c r="FQ41" s="114">
        <v>2201647</v>
      </c>
      <c r="FR41" s="114">
        <v>1876505</v>
      </c>
      <c r="FS41" s="114">
        <v>1569559</v>
      </c>
      <c r="FT41" s="114">
        <v>922817</v>
      </c>
      <c r="FU41" s="113">
        <v>8350898</v>
      </c>
      <c r="FV41" s="116">
        <v>9631150</v>
      </c>
      <c r="FW41" s="115">
        <v>237184</v>
      </c>
      <c r="FX41" s="114">
        <v>703030</v>
      </c>
      <c r="FY41" s="112">
        <v>940214</v>
      </c>
      <c r="FZ41" s="111">
        <v>0</v>
      </c>
      <c r="GA41" s="114">
        <v>1443770</v>
      </c>
      <c r="GB41" s="114">
        <v>2201647</v>
      </c>
      <c r="GC41" s="114">
        <v>1729805</v>
      </c>
      <c r="GD41" s="114">
        <v>1501753</v>
      </c>
      <c r="GE41" s="114">
        <v>904997</v>
      </c>
      <c r="GF41" s="113">
        <v>7781972</v>
      </c>
      <c r="GG41" s="319">
        <v>8722186</v>
      </c>
      <c r="GH41" s="115">
        <v>18000</v>
      </c>
      <c r="GI41" s="114">
        <v>44388</v>
      </c>
      <c r="GJ41" s="112">
        <v>62388</v>
      </c>
      <c r="GK41" s="111">
        <v>0</v>
      </c>
      <c r="GL41" s="114">
        <v>43920</v>
      </c>
      <c r="GM41" s="114">
        <v>0</v>
      </c>
      <c r="GN41" s="114">
        <v>0</v>
      </c>
      <c r="GO41" s="114">
        <v>67806</v>
      </c>
      <c r="GP41" s="114">
        <v>17820</v>
      </c>
      <c r="GQ41" s="113">
        <v>129546</v>
      </c>
      <c r="GR41" s="116">
        <v>191934</v>
      </c>
      <c r="GS41" s="110">
        <v>228600</v>
      </c>
      <c r="GT41" s="114">
        <v>49050</v>
      </c>
      <c r="GU41" s="113">
        <v>277650</v>
      </c>
      <c r="GV41" s="110">
        <v>0</v>
      </c>
      <c r="GW41" s="114">
        <v>292680</v>
      </c>
      <c r="GX41" s="114">
        <v>0</v>
      </c>
      <c r="GY41" s="114">
        <v>146700</v>
      </c>
      <c r="GZ41" s="114">
        <v>0</v>
      </c>
      <c r="HA41" s="114">
        <v>0</v>
      </c>
      <c r="HB41" s="112">
        <v>439380</v>
      </c>
      <c r="HC41" s="116">
        <v>717030</v>
      </c>
      <c r="HD41" s="110">
        <v>65481</v>
      </c>
      <c r="HE41" s="114">
        <v>203309</v>
      </c>
      <c r="HF41" s="112">
        <v>268790</v>
      </c>
      <c r="HG41" s="111">
        <v>0</v>
      </c>
      <c r="HH41" s="114">
        <v>1523854</v>
      </c>
      <c r="HI41" s="114">
        <v>2730126</v>
      </c>
      <c r="HJ41" s="114">
        <v>3718747</v>
      </c>
      <c r="HK41" s="114">
        <v>1203372</v>
      </c>
      <c r="HL41" s="114">
        <v>1723251</v>
      </c>
      <c r="HM41" s="113">
        <v>10899350</v>
      </c>
      <c r="HN41" s="109">
        <v>11168140</v>
      </c>
      <c r="HO41" s="115">
        <v>231409</v>
      </c>
      <c r="HP41" s="114">
        <v>586266</v>
      </c>
      <c r="HQ41" s="113">
        <v>817675</v>
      </c>
      <c r="HR41" s="110">
        <v>0</v>
      </c>
      <c r="HS41" s="114">
        <v>3621369</v>
      </c>
      <c r="HT41" s="114">
        <v>3168257</v>
      </c>
      <c r="HU41" s="114">
        <v>2543561</v>
      </c>
      <c r="HV41" s="114">
        <v>1468535</v>
      </c>
      <c r="HW41" s="114">
        <v>1045023</v>
      </c>
      <c r="HX41" s="112">
        <v>11846745</v>
      </c>
      <c r="HY41" s="116">
        <v>12664420</v>
      </c>
      <c r="HZ41" s="131">
        <v>0</v>
      </c>
      <c r="IA41" s="132">
        <v>84068</v>
      </c>
      <c r="IB41" s="133">
        <v>84068</v>
      </c>
      <c r="IC41" s="146">
        <v>0</v>
      </c>
      <c r="ID41" s="132">
        <v>4242846</v>
      </c>
      <c r="IE41" s="147">
        <v>6657904</v>
      </c>
      <c r="IF41" s="133">
        <v>9723670</v>
      </c>
      <c r="IG41" s="132">
        <v>4559807</v>
      </c>
      <c r="IH41" s="133">
        <v>2756551</v>
      </c>
      <c r="II41" s="148">
        <v>27940778</v>
      </c>
      <c r="IJ41" s="139">
        <v>28024846</v>
      </c>
      <c r="IK41" s="232">
        <v>0</v>
      </c>
      <c r="IL41" s="236">
        <v>0</v>
      </c>
      <c r="IM41" s="237">
        <v>0</v>
      </c>
      <c r="IN41" s="140"/>
      <c r="IO41" s="119">
        <v>0</v>
      </c>
      <c r="IP41" s="119">
        <v>0</v>
      </c>
      <c r="IQ41" s="119">
        <v>0</v>
      </c>
      <c r="IR41" s="119">
        <v>0</v>
      </c>
      <c r="IS41" s="119">
        <v>0</v>
      </c>
      <c r="IT41" s="141">
        <v>0</v>
      </c>
      <c r="IU41" s="321">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1814866</v>
      </c>
      <c r="JL41" s="119">
        <v>3507831</v>
      </c>
      <c r="JM41" s="119">
        <v>4490710</v>
      </c>
      <c r="JN41" s="119">
        <v>1661054</v>
      </c>
      <c r="JO41" s="119">
        <v>2180417</v>
      </c>
      <c r="JP41" s="120">
        <v>13654878</v>
      </c>
      <c r="JQ41" s="321">
        <v>13654878</v>
      </c>
      <c r="JR41" s="142">
        <v>0</v>
      </c>
      <c r="JS41" s="119">
        <v>0</v>
      </c>
      <c r="JT41" s="141">
        <v>0</v>
      </c>
      <c r="JU41" s="118">
        <v>0</v>
      </c>
      <c r="JV41" s="119">
        <v>0</v>
      </c>
      <c r="JW41" s="119">
        <v>0</v>
      </c>
      <c r="JX41" s="119">
        <v>0</v>
      </c>
      <c r="JY41" s="119">
        <v>0</v>
      </c>
      <c r="JZ41" s="119">
        <v>0</v>
      </c>
      <c r="KA41" s="120">
        <v>0</v>
      </c>
      <c r="KB41" s="321">
        <v>0</v>
      </c>
      <c r="KC41" s="234">
        <v>0</v>
      </c>
      <c r="KD41" s="230">
        <v>84068</v>
      </c>
      <c r="KE41" s="120">
        <v>84068</v>
      </c>
      <c r="KF41" s="118">
        <v>0</v>
      </c>
      <c r="KG41" s="119">
        <v>1197415</v>
      </c>
      <c r="KH41" s="119">
        <v>1541865</v>
      </c>
      <c r="KI41" s="119">
        <v>1387997</v>
      </c>
      <c r="KJ41" s="119">
        <v>486330</v>
      </c>
      <c r="KK41" s="119">
        <v>284194</v>
      </c>
      <c r="KL41" s="120">
        <v>4897801</v>
      </c>
      <c r="KM41" s="143">
        <v>4981869</v>
      </c>
      <c r="KN41" s="232">
        <v>0</v>
      </c>
      <c r="KO41" s="236">
        <v>0</v>
      </c>
      <c r="KP41" s="237">
        <v>0</v>
      </c>
      <c r="KQ41" s="140"/>
      <c r="KR41" s="119">
        <v>1230565</v>
      </c>
      <c r="KS41" s="119">
        <v>1608208</v>
      </c>
      <c r="KT41" s="119">
        <v>3844963</v>
      </c>
      <c r="KU41" s="119">
        <v>2412423</v>
      </c>
      <c r="KV41" s="119">
        <v>291940</v>
      </c>
      <c r="KW41" s="120">
        <v>9388099</v>
      </c>
      <c r="KX41" s="321">
        <v>9388099</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1">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6692426</v>
      </c>
      <c r="MK41" s="119">
        <v>9324843</v>
      </c>
      <c r="ML41" s="119">
        <v>23001745</v>
      </c>
      <c r="MM41" s="119">
        <v>34102171</v>
      </c>
      <c r="MN41" s="119">
        <v>27235323</v>
      </c>
      <c r="MO41" s="120">
        <v>100356508</v>
      </c>
      <c r="MP41" s="143">
        <v>100356508</v>
      </c>
      <c r="MQ41" s="142">
        <v>0</v>
      </c>
      <c r="MR41" s="119">
        <v>0</v>
      </c>
      <c r="MS41" s="120">
        <v>0</v>
      </c>
      <c r="MT41" s="145"/>
      <c r="MU41" s="119">
        <v>0</v>
      </c>
      <c r="MV41" s="119">
        <v>713839</v>
      </c>
      <c r="MW41" s="119">
        <v>12790153</v>
      </c>
      <c r="MX41" s="119">
        <v>22795002</v>
      </c>
      <c r="MY41" s="119">
        <v>21478297</v>
      </c>
      <c r="MZ41" s="120">
        <v>57777291</v>
      </c>
      <c r="NA41" s="143">
        <v>57777291</v>
      </c>
      <c r="NB41" s="142">
        <v>0</v>
      </c>
      <c r="NC41" s="119">
        <v>0</v>
      </c>
      <c r="ND41" s="120">
        <v>0</v>
      </c>
      <c r="NE41" s="145"/>
      <c r="NF41" s="119">
        <v>6692426</v>
      </c>
      <c r="NG41" s="119">
        <v>8611004</v>
      </c>
      <c r="NH41" s="119">
        <v>10211592</v>
      </c>
      <c r="NI41" s="119">
        <v>9130289</v>
      </c>
      <c r="NJ41" s="119">
        <v>5369985</v>
      </c>
      <c r="NK41" s="120">
        <v>40015296</v>
      </c>
      <c r="NL41" s="321">
        <v>40015296</v>
      </c>
      <c r="NM41" s="142">
        <v>0</v>
      </c>
      <c r="NN41" s="119">
        <v>0</v>
      </c>
      <c r="NO41" s="120">
        <v>0</v>
      </c>
      <c r="NP41" s="145"/>
      <c r="NQ41" s="119">
        <v>0</v>
      </c>
      <c r="NR41" s="119">
        <v>0</v>
      </c>
      <c r="NS41" s="119">
        <v>0</v>
      </c>
      <c r="NT41" s="119">
        <v>326232</v>
      </c>
      <c r="NU41" s="119">
        <v>387041</v>
      </c>
      <c r="NV41" s="120">
        <v>713273</v>
      </c>
      <c r="NW41" s="121">
        <v>713273</v>
      </c>
      <c r="NX41" s="142">
        <v>0</v>
      </c>
      <c r="NY41" s="119">
        <v>0</v>
      </c>
      <c r="NZ41" s="120">
        <v>0</v>
      </c>
      <c r="OA41" s="145"/>
      <c r="OB41" s="119">
        <v>0</v>
      </c>
      <c r="OC41" s="119">
        <v>0</v>
      </c>
      <c r="OD41" s="119">
        <v>0</v>
      </c>
      <c r="OE41" s="119">
        <v>1850648</v>
      </c>
      <c r="OF41" s="119">
        <v>0</v>
      </c>
      <c r="OG41" s="120">
        <v>1850648</v>
      </c>
      <c r="OH41" s="121">
        <v>1850648</v>
      </c>
      <c r="OI41" s="142">
        <v>1269686</v>
      </c>
      <c r="OJ41" s="119">
        <v>2880979</v>
      </c>
      <c r="OK41" s="141">
        <v>4150665</v>
      </c>
      <c r="OL41" s="118">
        <v>0</v>
      </c>
      <c r="OM41" s="119">
        <v>32908161</v>
      </c>
      <c r="ON41" s="119">
        <v>42673568</v>
      </c>
      <c r="OO41" s="119">
        <v>58732506</v>
      </c>
      <c r="OP41" s="119">
        <v>56022607</v>
      </c>
      <c r="OQ41" s="119">
        <v>45592835</v>
      </c>
      <c r="OR41" s="120">
        <v>235929677</v>
      </c>
      <c r="OS41" s="143">
        <v>240080342</v>
      </c>
    </row>
    <row r="42" spans="2:409" ht="18.75" customHeight="1" thickBot="1" x14ac:dyDescent="0.25">
      <c r="B42" s="63" t="s">
        <v>37</v>
      </c>
      <c r="C42" s="117">
        <v>176706</v>
      </c>
      <c r="D42" s="178">
        <v>77404</v>
      </c>
      <c r="E42" s="179">
        <v>254110</v>
      </c>
      <c r="F42" s="180">
        <v>0</v>
      </c>
      <c r="G42" s="178">
        <v>2183333</v>
      </c>
      <c r="H42" s="178">
        <v>1529970</v>
      </c>
      <c r="I42" s="178">
        <v>2220232</v>
      </c>
      <c r="J42" s="178">
        <v>1629129</v>
      </c>
      <c r="K42" s="178">
        <v>909425</v>
      </c>
      <c r="L42" s="180">
        <v>8472089</v>
      </c>
      <c r="M42" s="181">
        <v>8726199</v>
      </c>
      <c r="N42" s="117">
        <v>32884</v>
      </c>
      <c r="O42" s="178">
        <v>35257</v>
      </c>
      <c r="P42" s="179">
        <v>68141</v>
      </c>
      <c r="Q42" s="117">
        <v>0</v>
      </c>
      <c r="R42" s="178">
        <v>336169</v>
      </c>
      <c r="S42" s="178">
        <v>484447</v>
      </c>
      <c r="T42" s="178">
        <v>662966</v>
      </c>
      <c r="U42" s="178">
        <v>332815</v>
      </c>
      <c r="V42" s="178">
        <v>384222</v>
      </c>
      <c r="W42" s="179">
        <v>2200619</v>
      </c>
      <c r="X42" s="181">
        <v>2268760</v>
      </c>
      <c r="Y42" s="117">
        <v>0</v>
      </c>
      <c r="Z42" s="178">
        <v>0</v>
      </c>
      <c r="AA42" s="179">
        <v>0</v>
      </c>
      <c r="AB42" s="117">
        <v>0</v>
      </c>
      <c r="AC42" s="178">
        <v>79379</v>
      </c>
      <c r="AD42" s="178">
        <v>210524</v>
      </c>
      <c r="AE42" s="178">
        <v>258342</v>
      </c>
      <c r="AF42" s="178">
        <v>88670</v>
      </c>
      <c r="AG42" s="178">
        <v>317097</v>
      </c>
      <c r="AH42" s="179">
        <v>954012</v>
      </c>
      <c r="AI42" s="181">
        <v>954012</v>
      </c>
      <c r="AJ42" s="117">
        <v>0</v>
      </c>
      <c r="AK42" s="178">
        <v>0</v>
      </c>
      <c r="AL42" s="179">
        <v>0</v>
      </c>
      <c r="AM42" s="117">
        <v>0</v>
      </c>
      <c r="AN42" s="178">
        <v>0</v>
      </c>
      <c r="AO42" s="178">
        <v>0</v>
      </c>
      <c r="AP42" s="178">
        <v>105520</v>
      </c>
      <c r="AQ42" s="178">
        <v>0</v>
      </c>
      <c r="AR42" s="178">
        <v>0</v>
      </c>
      <c r="AS42" s="179">
        <v>105520</v>
      </c>
      <c r="AT42" s="181">
        <v>105520</v>
      </c>
      <c r="AU42" s="117">
        <v>23092</v>
      </c>
      <c r="AV42" s="178">
        <v>35257</v>
      </c>
      <c r="AW42" s="179">
        <v>58349</v>
      </c>
      <c r="AX42" s="117">
        <v>0</v>
      </c>
      <c r="AY42" s="178">
        <v>99662</v>
      </c>
      <c r="AZ42" s="178">
        <v>161576</v>
      </c>
      <c r="BA42" s="178">
        <v>109318</v>
      </c>
      <c r="BB42" s="178">
        <v>180852</v>
      </c>
      <c r="BC42" s="178">
        <v>35504</v>
      </c>
      <c r="BD42" s="179">
        <v>586912</v>
      </c>
      <c r="BE42" s="181">
        <v>645261</v>
      </c>
      <c r="BF42" s="117">
        <v>0</v>
      </c>
      <c r="BG42" s="178">
        <v>0</v>
      </c>
      <c r="BH42" s="183">
        <v>0</v>
      </c>
      <c r="BI42" s="182">
        <v>0</v>
      </c>
      <c r="BJ42" s="178">
        <v>132171</v>
      </c>
      <c r="BK42" s="178">
        <v>54072</v>
      </c>
      <c r="BL42" s="178">
        <v>86124</v>
      </c>
      <c r="BM42" s="178">
        <v>22871</v>
      </c>
      <c r="BN42" s="178">
        <v>0</v>
      </c>
      <c r="BO42" s="179">
        <v>295238</v>
      </c>
      <c r="BP42" s="181">
        <v>295238</v>
      </c>
      <c r="BQ42" s="117">
        <v>9792</v>
      </c>
      <c r="BR42" s="178">
        <v>0</v>
      </c>
      <c r="BS42" s="179">
        <v>9792</v>
      </c>
      <c r="BT42" s="117">
        <v>0</v>
      </c>
      <c r="BU42" s="178">
        <v>24957</v>
      </c>
      <c r="BV42" s="178">
        <v>58275</v>
      </c>
      <c r="BW42" s="178">
        <v>103662</v>
      </c>
      <c r="BX42" s="178">
        <v>40422</v>
      </c>
      <c r="BY42" s="178">
        <v>31621</v>
      </c>
      <c r="BZ42" s="179">
        <v>258937</v>
      </c>
      <c r="CA42" s="181">
        <v>268729</v>
      </c>
      <c r="CB42" s="117">
        <v>47238</v>
      </c>
      <c r="CC42" s="178">
        <v>0</v>
      </c>
      <c r="CD42" s="179">
        <v>47238</v>
      </c>
      <c r="CE42" s="117">
        <v>0</v>
      </c>
      <c r="CF42" s="178">
        <v>855544</v>
      </c>
      <c r="CG42" s="178">
        <v>375083</v>
      </c>
      <c r="CH42" s="178">
        <v>632258</v>
      </c>
      <c r="CI42" s="178">
        <v>720602</v>
      </c>
      <c r="CJ42" s="178">
        <v>41652</v>
      </c>
      <c r="CK42" s="179">
        <v>2625139</v>
      </c>
      <c r="CL42" s="181">
        <v>2672377</v>
      </c>
      <c r="CM42" s="117">
        <v>0</v>
      </c>
      <c r="CN42" s="178">
        <v>0</v>
      </c>
      <c r="CO42" s="179">
        <v>0</v>
      </c>
      <c r="CP42" s="182">
        <v>0</v>
      </c>
      <c r="CQ42" s="178">
        <v>410101</v>
      </c>
      <c r="CR42" s="178">
        <v>232402</v>
      </c>
      <c r="CS42" s="178">
        <v>202402</v>
      </c>
      <c r="CT42" s="178">
        <v>503751</v>
      </c>
      <c r="CU42" s="178">
        <v>41652</v>
      </c>
      <c r="CV42" s="179">
        <v>1390308</v>
      </c>
      <c r="CW42" s="181">
        <v>1390308</v>
      </c>
      <c r="CX42" s="117">
        <v>47238</v>
      </c>
      <c r="CY42" s="178">
        <v>0</v>
      </c>
      <c r="CZ42" s="179">
        <v>47238</v>
      </c>
      <c r="DA42" s="117">
        <v>0</v>
      </c>
      <c r="DB42" s="178">
        <v>445443</v>
      </c>
      <c r="DC42" s="178">
        <v>142681</v>
      </c>
      <c r="DD42" s="178">
        <v>429856</v>
      </c>
      <c r="DE42" s="178">
        <v>216851</v>
      </c>
      <c r="DF42" s="178">
        <v>0</v>
      </c>
      <c r="DG42" s="179">
        <v>1234831</v>
      </c>
      <c r="DH42" s="181">
        <v>1282069</v>
      </c>
      <c r="DI42" s="117">
        <v>0</v>
      </c>
      <c r="DJ42" s="178">
        <v>0</v>
      </c>
      <c r="DK42" s="183">
        <v>0</v>
      </c>
      <c r="DL42" s="182">
        <v>0</v>
      </c>
      <c r="DM42" s="178">
        <v>73285</v>
      </c>
      <c r="DN42" s="178">
        <v>25836</v>
      </c>
      <c r="DO42" s="178">
        <v>244970</v>
      </c>
      <c r="DP42" s="178">
        <v>74347</v>
      </c>
      <c r="DQ42" s="178">
        <v>111970</v>
      </c>
      <c r="DR42" s="179">
        <v>530408</v>
      </c>
      <c r="DS42" s="181">
        <v>530408</v>
      </c>
      <c r="DT42" s="117">
        <v>0</v>
      </c>
      <c r="DU42" s="178">
        <v>0</v>
      </c>
      <c r="DV42" s="179">
        <v>0</v>
      </c>
      <c r="DW42" s="117">
        <v>0</v>
      </c>
      <c r="DX42" s="178">
        <v>55443</v>
      </c>
      <c r="DY42" s="178">
        <v>25836</v>
      </c>
      <c r="DZ42" s="178">
        <v>244970</v>
      </c>
      <c r="EA42" s="178">
        <v>21739</v>
      </c>
      <c r="EB42" s="178">
        <v>111970</v>
      </c>
      <c r="EC42" s="179">
        <v>459958</v>
      </c>
      <c r="ED42" s="181">
        <v>459958</v>
      </c>
      <c r="EE42" s="117">
        <v>0</v>
      </c>
      <c r="EF42" s="183">
        <v>0</v>
      </c>
      <c r="EG42" s="179">
        <v>0</v>
      </c>
      <c r="EH42" s="117">
        <v>0</v>
      </c>
      <c r="EI42" s="178">
        <v>17842</v>
      </c>
      <c r="EJ42" s="178">
        <v>0</v>
      </c>
      <c r="EK42" s="178">
        <v>0</v>
      </c>
      <c r="EL42" s="178">
        <v>52608</v>
      </c>
      <c r="EM42" s="178">
        <v>0</v>
      </c>
      <c r="EN42" s="183">
        <v>70450</v>
      </c>
      <c r="EO42" s="181">
        <v>7045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9"/>
      <c r="FE42" s="178">
        <v>0</v>
      </c>
      <c r="FF42" s="178">
        <v>0</v>
      </c>
      <c r="FG42" s="178">
        <v>0</v>
      </c>
      <c r="FH42" s="178">
        <v>0</v>
      </c>
      <c r="FI42" s="178">
        <v>0</v>
      </c>
      <c r="FJ42" s="179">
        <v>0</v>
      </c>
      <c r="FK42" s="181">
        <v>0</v>
      </c>
      <c r="FL42" s="117">
        <v>50954</v>
      </c>
      <c r="FM42" s="178">
        <v>19332</v>
      </c>
      <c r="FN42" s="179">
        <v>70286</v>
      </c>
      <c r="FO42" s="117">
        <v>0</v>
      </c>
      <c r="FP42" s="178">
        <v>316029</v>
      </c>
      <c r="FQ42" s="178">
        <v>356184</v>
      </c>
      <c r="FR42" s="178">
        <v>330075</v>
      </c>
      <c r="FS42" s="178">
        <v>159282</v>
      </c>
      <c r="FT42" s="178">
        <v>69936</v>
      </c>
      <c r="FU42" s="179">
        <v>1231506</v>
      </c>
      <c r="FV42" s="181">
        <v>1301792</v>
      </c>
      <c r="FW42" s="184">
        <v>50954</v>
      </c>
      <c r="FX42" s="178">
        <v>19332</v>
      </c>
      <c r="FY42" s="183">
        <v>70286</v>
      </c>
      <c r="FZ42" s="182">
        <v>0</v>
      </c>
      <c r="GA42" s="178">
        <v>316029</v>
      </c>
      <c r="GB42" s="178">
        <v>356184</v>
      </c>
      <c r="GC42" s="178">
        <v>330075</v>
      </c>
      <c r="GD42" s="178">
        <v>159282</v>
      </c>
      <c r="GE42" s="178">
        <v>69936</v>
      </c>
      <c r="GF42" s="179">
        <v>1231506</v>
      </c>
      <c r="GG42" s="320">
        <v>1301792</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83700</v>
      </c>
      <c r="HL42" s="178">
        <v>238785</v>
      </c>
      <c r="HM42" s="179">
        <v>422485</v>
      </c>
      <c r="HN42" s="180">
        <v>422485</v>
      </c>
      <c r="HO42" s="184">
        <v>45630</v>
      </c>
      <c r="HP42" s="178">
        <v>22815</v>
      </c>
      <c r="HQ42" s="179">
        <v>68445</v>
      </c>
      <c r="HR42" s="117">
        <v>0</v>
      </c>
      <c r="HS42" s="178">
        <v>602306</v>
      </c>
      <c r="HT42" s="178">
        <v>288420</v>
      </c>
      <c r="HU42" s="178">
        <v>349963</v>
      </c>
      <c r="HV42" s="178">
        <v>158383</v>
      </c>
      <c r="HW42" s="178">
        <v>62860</v>
      </c>
      <c r="HX42" s="183">
        <v>1461932</v>
      </c>
      <c r="HY42" s="181">
        <v>1530377</v>
      </c>
      <c r="HZ42" s="151">
        <v>0</v>
      </c>
      <c r="IA42" s="152">
        <v>0</v>
      </c>
      <c r="IB42" s="153">
        <v>0</v>
      </c>
      <c r="IC42" s="154">
        <v>0</v>
      </c>
      <c r="ID42" s="155">
        <v>1641809</v>
      </c>
      <c r="IE42" s="156">
        <v>1055812</v>
      </c>
      <c r="IF42" s="157">
        <v>1724335</v>
      </c>
      <c r="IG42" s="155">
        <v>0</v>
      </c>
      <c r="IH42" s="157">
        <v>422309</v>
      </c>
      <c r="II42" s="158">
        <v>4844265</v>
      </c>
      <c r="IJ42" s="159">
        <v>4844265</v>
      </c>
      <c r="IK42" s="233">
        <v>0</v>
      </c>
      <c r="IL42" s="238">
        <v>0</v>
      </c>
      <c r="IM42" s="239">
        <v>0</v>
      </c>
      <c r="IN42" s="160"/>
      <c r="IO42" s="161">
        <v>0</v>
      </c>
      <c r="IP42" s="161">
        <v>0</v>
      </c>
      <c r="IQ42" s="161">
        <v>174967</v>
      </c>
      <c r="IR42" s="161">
        <v>0</v>
      </c>
      <c r="IS42" s="161">
        <v>0</v>
      </c>
      <c r="IT42" s="162">
        <v>174967</v>
      </c>
      <c r="IU42" s="322">
        <v>174967</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1333380</v>
      </c>
      <c r="JL42" s="161">
        <v>780501</v>
      </c>
      <c r="JM42" s="161">
        <v>569138</v>
      </c>
      <c r="JN42" s="161">
        <v>0</v>
      </c>
      <c r="JO42" s="161">
        <v>188226</v>
      </c>
      <c r="JP42" s="165">
        <v>2871245</v>
      </c>
      <c r="JQ42" s="322">
        <v>2871245</v>
      </c>
      <c r="JR42" s="163">
        <v>0</v>
      </c>
      <c r="JS42" s="161">
        <v>0</v>
      </c>
      <c r="JT42" s="162">
        <v>0</v>
      </c>
      <c r="JU42" s="164">
        <v>0</v>
      </c>
      <c r="JV42" s="161">
        <v>36825</v>
      </c>
      <c r="JW42" s="161">
        <v>0</v>
      </c>
      <c r="JX42" s="161">
        <v>148834</v>
      </c>
      <c r="JY42" s="161">
        <v>0</v>
      </c>
      <c r="JZ42" s="161">
        <v>234083</v>
      </c>
      <c r="KA42" s="165">
        <v>419742</v>
      </c>
      <c r="KB42" s="322">
        <v>419742</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271604</v>
      </c>
      <c r="KS42" s="161">
        <v>275311</v>
      </c>
      <c r="KT42" s="161">
        <v>831396</v>
      </c>
      <c r="KU42" s="161">
        <v>0</v>
      </c>
      <c r="KV42" s="161">
        <v>0</v>
      </c>
      <c r="KW42" s="165">
        <v>1378311</v>
      </c>
      <c r="KX42" s="322">
        <v>1378311</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2">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513828</v>
      </c>
      <c r="MK42" s="161">
        <v>296793</v>
      </c>
      <c r="ML42" s="161">
        <v>3443758</v>
      </c>
      <c r="MM42" s="161">
        <v>2436315</v>
      </c>
      <c r="MN42" s="161">
        <v>2838473</v>
      </c>
      <c r="MO42" s="165">
        <v>9529167</v>
      </c>
      <c r="MP42" s="167">
        <v>9529167</v>
      </c>
      <c r="MQ42" s="163">
        <v>0</v>
      </c>
      <c r="MR42" s="161">
        <v>0</v>
      </c>
      <c r="MS42" s="165">
        <v>0</v>
      </c>
      <c r="MT42" s="169"/>
      <c r="MU42" s="161">
        <v>0</v>
      </c>
      <c r="MV42" s="161">
        <v>0</v>
      </c>
      <c r="MW42" s="161">
        <v>2259766</v>
      </c>
      <c r="MX42" s="161">
        <v>1680025</v>
      </c>
      <c r="MY42" s="161">
        <v>2157898</v>
      </c>
      <c r="MZ42" s="165">
        <v>6097689</v>
      </c>
      <c r="NA42" s="167">
        <v>6097689</v>
      </c>
      <c r="NB42" s="163">
        <v>0</v>
      </c>
      <c r="NC42" s="161">
        <v>0</v>
      </c>
      <c r="ND42" s="165">
        <v>0</v>
      </c>
      <c r="NE42" s="169"/>
      <c r="NF42" s="161">
        <v>513828</v>
      </c>
      <c r="NG42" s="161">
        <v>296793</v>
      </c>
      <c r="NH42" s="161">
        <v>1183992</v>
      </c>
      <c r="NI42" s="161">
        <v>379980</v>
      </c>
      <c r="NJ42" s="161">
        <v>336258</v>
      </c>
      <c r="NK42" s="165">
        <v>2710851</v>
      </c>
      <c r="NL42" s="322">
        <v>2710851</v>
      </c>
      <c r="NM42" s="163">
        <v>0</v>
      </c>
      <c r="NN42" s="161">
        <v>0</v>
      </c>
      <c r="NO42" s="165">
        <v>0</v>
      </c>
      <c r="NP42" s="169"/>
      <c r="NQ42" s="161">
        <v>0</v>
      </c>
      <c r="NR42" s="161">
        <v>0</v>
      </c>
      <c r="NS42" s="161">
        <v>0</v>
      </c>
      <c r="NT42" s="161">
        <v>376310</v>
      </c>
      <c r="NU42" s="161">
        <v>0</v>
      </c>
      <c r="NV42" s="165">
        <v>376310</v>
      </c>
      <c r="NW42" s="166">
        <v>376310</v>
      </c>
      <c r="NX42" s="163">
        <v>0</v>
      </c>
      <c r="NY42" s="161">
        <v>0</v>
      </c>
      <c r="NZ42" s="165">
        <v>0</v>
      </c>
      <c r="OA42" s="169"/>
      <c r="OB42" s="161">
        <v>0</v>
      </c>
      <c r="OC42" s="161">
        <v>0</v>
      </c>
      <c r="OD42" s="161">
        <v>0</v>
      </c>
      <c r="OE42" s="161">
        <v>0</v>
      </c>
      <c r="OF42" s="161">
        <v>344317</v>
      </c>
      <c r="OG42" s="165">
        <v>344317</v>
      </c>
      <c r="OH42" s="166">
        <v>344317</v>
      </c>
      <c r="OI42" s="163">
        <v>176706</v>
      </c>
      <c r="OJ42" s="161">
        <v>77404</v>
      </c>
      <c r="OK42" s="162">
        <v>254110</v>
      </c>
      <c r="OL42" s="164">
        <v>0</v>
      </c>
      <c r="OM42" s="161">
        <v>4338970</v>
      </c>
      <c r="ON42" s="161">
        <v>2882575</v>
      </c>
      <c r="OO42" s="161">
        <v>7388325</v>
      </c>
      <c r="OP42" s="161">
        <v>4065444</v>
      </c>
      <c r="OQ42" s="161">
        <v>4170207</v>
      </c>
      <c r="OR42" s="165">
        <v>22845521</v>
      </c>
      <c r="OS42" s="167">
        <v>23099631</v>
      </c>
    </row>
    <row r="43" spans="2:409" x14ac:dyDescent="0.2">
      <c r="B43" s="1" t="s">
        <v>84</v>
      </c>
    </row>
  </sheetData>
  <mergeCells count="159">
    <mergeCell ref="FK7:FK8"/>
    <mergeCell ref="DI5:FK5"/>
    <mergeCell ref="I1:J1"/>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G2:H2"/>
    <mergeCell ref="ES7:EY7"/>
    <mergeCell ref="EZ7:EZ8"/>
    <mergeCell ref="DS7:DS8"/>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5" customWidth="1"/>
    <col min="83" max="83" width="7.6640625" style="325" customWidth="1"/>
    <col min="84" max="84" width="9.88671875" style="325" customWidth="1"/>
    <col min="85" max="85" width="10" style="325" customWidth="1"/>
    <col min="86" max="86" width="9.77734375" style="325" customWidth="1"/>
    <col min="87" max="87" width="9.21875" style="325" customWidth="1"/>
    <col min="88" max="88" width="8.77734375" style="325" customWidth="1"/>
    <col min="89" max="89" width="9.88671875" style="325" customWidth="1"/>
    <col min="90" max="90" width="9.77734375" style="325"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5" customWidth="1"/>
    <col min="116" max="116" width="7.21875" style="325" customWidth="1"/>
    <col min="117" max="121" width="8.21875" style="325" customWidth="1"/>
    <col min="122" max="122" width="10.109375" style="325" customWidth="1"/>
    <col min="123" max="123" width="9.77734375" style="325"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5" customWidth="1"/>
    <col min="171" max="171" width="6.6640625" style="325" customWidth="1"/>
    <col min="172" max="176" width="8.21875" style="325" customWidth="1"/>
    <col min="177" max="177" width="10.109375" style="325" customWidth="1"/>
    <col min="178" max="178" width="9.88671875" style="325"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368">
        <f>第１表!F2</f>
        <v>4</v>
      </c>
      <c r="F1" s="251">
        <f>第１表!G2</f>
        <v>7</v>
      </c>
      <c r="G1" s="650">
        <f>IF(F1&lt;3,F1-2+12,F1-2)</f>
        <v>5</v>
      </c>
      <c r="H1" s="650"/>
      <c r="IB1" s="368"/>
      <c r="IC1" s="253"/>
      <c r="ID1" s="641"/>
      <c r="IE1" s="641"/>
    </row>
    <row r="2" spans="1:409" ht="24" customHeight="1" x14ac:dyDescent="0.2">
      <c r="B2" s="20" t="s">
        <v>147</v>
      </c>
      <c r="E2" s="250"/>
      <c r="F2" s="251"/>
      <c r="G2" s="342"/>
      <c r="H2" s="342"/>
      <c r="IB2" s="252"/>
      <c r="IC2" s="253"/>
      <c r="ID2" s="371"/>
      <c r="IE2" s="371"/>
    </row>
    <row r="3" spans="1:409" ht="24" customHeight="1" thickBot="1" x14ac:dyDescent="0.25">
      <c r="B3" s="20" t="s">
        <v>137</v>
      </c>
    </row>
    <row r="4" spans="1:409" ht="19.5" customHeight="1" thickBot="1" x14ac:dyDescent="0.25">
      <c r="B4" s="677" t="s">
        <v>42</v>
      </c>
      <c r="C4" s="680" t="s">
        <v>63</v>
      </c>
      <c r="D4" s="680"/>
      <c r="E4" s="680"/>
      <c r="F4" s="680"/>
      <c r="G4" s="680"/>
      <c r="H4" s="680"/>
      <c r="I4" s="680"/>
      <c r="J4" s="680"/>
      <c r="K4" s="680"/>
      <c r="L4" s="680"/>
      <c r="M4" s="680"/>
      <c r="N4" s="683"/>
      <c r="O4" s="683"/>
      <c r="P4" s="683"/>
      <c r="Q4" s="683"/>
      <c r="R4" s="683"/>
      <c r="S4" s="683"/>
      <c r="T4" s="683"/>
      <c r="U4" s="683"/>
      <c r="V4" s="683"/>
      <c r="W4" s="683"/>
      <c r="X4" s="683"/>
      <c r="Y4" s="683"/>
      <c r="Z4" s="683"/>
      <c r="AA4" s="683"/>
      <c r="AB4" s="683"/>
      <c r="AC4" s="683"/>
      <c r="AD4" s="683"/>
      <c r="AE4" s="683"/>
      <c r="AF4" s="683"/>
      <c r="AG4" s="683"/>
      <c r="AH4" s="683"/>
      <c r="AI4" s="683"/>
      <c r="AJ4" s="683"/>
      <c r="AK4" s="683"/>
      <c r="AL4" s="683"/>
      <c r="AM4" s="683"/>
      <c r="AN4" s="683"/>
      <c r="AO4" s="683"/>
      <c r="AP4" s="683"/>
      <c r="AQ4" s="683"/>
      <c r="AR4" s="683"/>
      <c r="AS4" s="683"/>
      <c r="AT4" s="683"/>
      <c r="AU4" s="683"/>
      <c r="AV4" s="683"/>
      <c r="AW4" s="683"/>
      <c r="AX4" s="683"/>
      <c r="AY4" s="683"/>
      <c r="AZ4" s="683"/>
      <c r="BA4" s="683"/>
      <c r="BB4" s="683"/>
      <c r="BC4" s="683"/>
      <c r="BD4" s="683"/>
      <c r="BE4" s="683"/>
      <c r="BF4" s="683"/>
      <c r="BG4" s="683"/>
      <c r="BH4" s="683"/>
      <c r="BI4" s="683"/>
      <c r="BJ4" s="683"/>
      <c r="BK4" s="683"/>
      <c r="BL4" s="683"/>
      <c r="BM4" s="683"/>
      <c r="BN4" s="683"/>
      <c r="BO4" s="683"/>
      <c r="BP4" s="683"/>
      <c r="BQ4" s="683"/>
      <c r="BR4" s="683"/>
      <c r="BS4" s="683"/>
      <c r="BT4" s="683"/>
      <c r="BU4" s="683"/>
      <c r="BV4" s="683"/>
      <c r="BW4" s="683"/>
      <c r="BX4" s="683"/>
      <c r="BY4" s="683"/>
      <c r="BZ4" s="683"/>
      <c r="CA4" s="683"/>
      <c r="CB4" s="683"/>
      <c r="CC4" s="683"/>
      <c r="CD4" s="683"/>
      <c r="CE4" s="683"/>
      <c r="CF4" s="683"/>
      <c r="CG4" s="683"/>
      <c r="CH4" s="683"/>
      <c r="CI4" s="683"/>
      <c r="CJ4" s="683"/>
      <c r="CK4" s="683"/>
      <c r="CL4" s="683"/>
      <c r="CM4" s="683"/>
      <c r="CN4" s="683"/>
      <c r="CO4" s="683"/>
      <c r="CP4" s="683"/>
      <c r="CQ4" s="683"/>
      <c r="CR4" s="683"/>
      <c r="CS4" s="683"/>
      <c r="CT4" s="683"/>
      <c r="CU4" s="683"/>
      <c r="CV4" s="683"/>
      <c r="CW4" s="683"/>
      <c r="CX4" s="683"/>
      <c r="CY4" s="683"/>
      <c r="CZ4" s="683"/>
      <c r="DA4" s="683"/>
      <c r="DB4" s="683"/>
      <c r="DC4" s="683"/>
      <c r="DD4" s="683"/>
      <c r="DE4" s="683"/>
      <c r="DF4" s="683"/>
      <c r="DG4" s="683"/>
      <c r="DH4" s="683"/>
      <c r="DI4" s="683"/>
      <c r="DJ4" s="683"/>
      <c r="DK4" s="683"/>
      <c r="DL4" s="683"/>
      <c r="DM4" s="683"/>
      <c r="DN4" s="683"/>
      <c r="DO4" s="683"/>
      <c r="DP4" s="683"/>
      <c r="DQ4" s="683"/>
      <c r="DR4" s="683"/>
      <c r="DS4" s="683"/>
      <c r="DT4" s="683"/>
      <c r="DU4" s="683"/>
      <c r="DV4" s="683"/>
      <c r="DW4" s="683"/>
      <c r="DX4" s="683"/>
      <c r="DY4" s="683"/>
      <c r="DZ4" s="683"/>
      <c r="EA4" s="683"/>
      <c r="EB4" s="683"/>
      <c r="EC4" s="683"/>
      <c r="ED4" s="683"/>
      <c r="EE4" s="683"/>
      <c r="EF4" s="683"/>
      <c r="EG4" s="683"/>
      <c r="EH4" s="683"/>
      <c r="EI4" s="683"/>
      <c r="EJ4" s="683"/>
      <c r="EK4" s="683"/>
      <c r="EL4" s="683"/>
      <c r="EM4" s="683"/>
      <c r="EN4" s="683"/>
      <c r="EO4" s="683"/>
      <c r="EP4" s="683"/>
      <c r="EQ4" s="683"/>
      <c r="ER4" s="683"/>
      <c r="ES4" s="683"/>
      <c r="ET4" s="683"/>
      <c r="EU4" s="683"/>
      <c r="EV4" s="683"/>
      <c r="EW4" s="683"/>
      <c r="EX4" s="683"/>
      <c r="EY4" s="683"/>
      <c r="EZ4" s="683"/>
      <c r="FA4" s="683"/>
      <c r="FB4" s="683"/>
      <c r="FC4" s="683"/>
      <c r="FD4" s="683"/>
      <c r="FE4" s="683"/>
      <c r="FF4" s="683"/>
      <c r="FG4" s="683"/>
      <c r="FH4" s="683"/>
      <c r="FI4" s="683"/>
      <c r="FJ4" s="683"/>
      <c r="FK4" s="683"/>
      <c r="FL4" s="683"/>
      <c r="FM4" s="683"/>
      <c r="FN4" s="683"/>
      <c r="FO4" s="683"/>
      <c r="FP4" s="683"/>
      <c r="FQ4" s="683"/>
      <c r="FR4" s="683"/>
      <c r="FS4" s="683"/>
      <c r="FT4" s="683"/>
      <c r="FU4" s="683"/>
      <c r="FV4" s="683"/>
      <c r="FW4" s="683"/>
      <c r="FX4" s="683"/>
      <c r="FY4" s="683"/>
      <c r="FZ4" s="683"/>
      <c r="GA4" s="683"/>
      <c r="GB4" s="683"/>
      <c r="GC4" s="683"/>
      <c r="GD4" s="683"/>
      <c r="GE4" s="683"/>
      <c r="GF4" s="683"/>
      <c r="GG4" s="683"/>
      <c r="GH4" s="683"/>
      <c r="GI4" s="683"/>
      <c r="GJ4" s="683"/>
      <c r="GK4" s="683"/>
      <c r="GL4" s="683"/>
      <c r="GM4" s="683"/>
      <c r="GN4" s="683"/>
      <c r="GO4" s="683"/>
      <c r="GP4" s="683"/>
      <c r="GQ4" s="683"/>
      <c r="GR4" s="683"/>
      <c r="GS4" s="683"/>
      <c r="GT4" s="683"/>
      <c r="GU4" s="683"/>
      <c r="GV4" s="683"/>
      <c r="GW4" s="683"/>
      <c r="GX4" s="683"/>
      <c r="GY4" s="683"/>
      <c r="GZ4" s="683"/>
      <c r="HA4" s="683"/>
      <c r="HB4" s="683"/>
      <c r="HC4" s="683"/>
      <c r="HD4" s="683"/>
      <c r="HE4" s="683"/>
      <c r="HF4" s="683"/>
      <c r="HG4" s="683"/>
      <c r="HH4" s="683"/>
      <c r="HI4" s="683"/>
      <c r="HJ4" s="683"/>
      <c r="HK4" s="683"/>
      <c r="HL4" s="683"/>
      <c r="HM4" s="683"/>
      <c r="HN4" s="683"/>
      <c r="HO4" s="683"/>
      <c r="HP4" s="683"/>
      <c r="HQ4" s="683"/>
      <c r="HR4" s="683"/>
      <c r="HS4" s="683"/>
      <c r="HT4" s="683"/>
      <c r="HU4" s="683"/>
      <c r="HV4" s="683"/>
      <c r="HW4" s="683"/>
      <c r="HX4" s="683"/>
      <c r="HY4" s="684"/>
      <c r="HZ4" s="638" t="s">
        <v>85</v>
      </c>
      <c r="IA4" s="639"/>
      <c r="IB4" s="639"/>
      <c r="IC4" s="639"/>
      <c r="ID4" s="639"/>
      <c r="IE4" s="639"/>
      <c r="IF4" s="639"/>
      <c r="IG4" s="639"/>
      <c r="IH4" s="639"/>
      <c r="II4" s="639"/>
      <c r="IJ4" s="639"/>
      <c r="IK4" s="639"/>
      <c r="IL4" s="639"/>
      <c r="IM4" s="639"/>
      <c r="IN4" s="639"/>
      <c r="IO4" s="639"/>
      <c r="IP4" s="639"/>
      <c r="IQ4" s="639"/>
      <c r="IR4" s="639"/>
      <c r="IS4" s="639"/>
      <c r="IT4" s="639"/>
      <c r="IU4" s="639"/>
      <c r="IV4" s="639"/>
      <c r="IW4" s="639"/>
      <c r="IX4" s="639"/>
      <c r="IY4" s="639"/>
      <c r="IZ4" s="639"/>
      <c r="JA4" s="639"/>
      <c r="JB4" s="639"/>
      <c r="JC4" s="639"/>
      <c r="JD4" s="639"/>
      <c r="JE4" s="639"/>
      <c r="JF4" s="639"/>
      <c r="JG4" s="639"/>
      <c r="JH4" s="639"/>
      <c r="JI4" s="639"/>
      <c r="JJ4" s="639"/>
      <c r="JK4" s="639"/>
      <c r="JL4" s="639"/>
      <c r="JM4" s="639"/>
      <c r="JN4" s="639"/>
      <c r="JO4" s="639"/>
      <c r="JP4" s="639"/>
      <c r="JQ4" s="639"/>
      <c r="JR4" s="639"/>
      <c r="JS4" s="639"/>
      <c r="JT4" s="639"/>
      <c r="JU4" s="639"/>
      <c r="JV4" s="639"/>
      <c r="JW4" s="639"/>
      <c r="JX4" s="639"/>
      <c r="JY4" s="639"/>
      <c r="JZ4" s="639"/>
      <c r="KA4" s="639"/>
      <c r="KB4" s="639"/>
      <c r="KC4" s="639"/>
      <c r="KD4" s="639"/>
      <c r="KE4" s="639"/>
      <c r="KF4" s="639"/>
      <c r="KG4" s="639"/>
      <c r="KH4" s="639"/>
      <c r="KI4" s="639"/>
      <c r="KJ4" s="639"/>
      <c r="KK4" s="639"/>
      <c r="KL4" s="639"/>
      <c r="KM4" s="639"/>
      <c r="KN4" s="639"/>
      <c r="KO4" s="639"/>
      <c r="KP4" s="639"/>
      <c r="KQ4" s="639"/>
      <c r="KR4" s="639"/>
      <c r="KS4" s="639"/>
      <c r="KT4" s="639"/>
      <c r="KU4" s="639"/>
      <c r="KV4" s="639"/>
      <c r="KW4" s="639"/>
      <c r="KX4" s="639"/>
      <c r="KY4" s="639"/>
      <c r="KZ4" s="639"/>
      <c r="LA4" s="639"/>
      <c r="LB4" s="639"/>
      <c r="LC4" s="639"/>
      <c r="LD4" s="639"/>
      <c r="LE4" s="639"/>
      <c r="LF4" s="639"/>
      <c r="LG4" s="639"/>
      <c r="LH4" s="639"/>
      <c r="LI4" s="639"/>
      <c r="LJ4" s="639"/>
      <c r="LK4" s="639"/>
      <c r="LL4" s="639"/>
      <c r="LM4" s="639"/>
      <c r="LN4" s="639"/>
      <c r="LO4" s="639"/>
      <c r="LP4" s="639"/>
      <c r="LQ4" s="639"/>
      <c r="LR4" s="639"/>
      <c r="LS4" s="639"/>
      <c r="LT4" s="639"/>
      <c r="LU4" s="639"/>
      <c r="LV4" s="639"/>
      <c r="LW4" s="639"/>
      <c r="LX4" s="639"/>
      <c r="LY4" s="639"/>
      <c r="LZ4" s="639"/>
      <c r="MA4" s="639"/>
      <c r="MB4" s="639"/>
      <c r="MC4" s="639"/>
      <c r="MD4" s="639"/>
      <c r="ME4" s="640"/>
      <c r="MF4" s="638" t="s">
        <v>86</v>
      </c>
      <c r="MG4" s="639"/>
      <c r="MH4" s="639"/>
      <c r="MI4" s="639"/>
      <c r="MJ4" s="639"/>
      <c r="MK4" s="639"/>
      <c r="ML4" s="639"/>
      <c r="MM4" s="639"/>
      <c r="MN4" s="639"/>
      <c r="MO4" s="639"/>
      <c r="MP4" s="639"/>
      <c r="MQ4" s="639"/>
      <c r="MR4" s="639"/>
      <c r="MS4" s="639"/>
      <c r="MT4" s="639"/>
      <c r="MU4" s="639"/>
      <c r="MV4" s="639"/>
      <c r="MW4" s="639"/>
      <c r="MX4" s="639"/>
      <c r="MY4" s="639"/>
      <c r="MZ4" s="639"/>
      <c r="NA4" s="639"/>
      <c r="NB4" s="639"/>
      <c r="NC4" s="639"/>
      <c r="ND4" s="639"/>
      <c r="NE4" s="639"/>
      <c r="NF4" s="639"/>
      <c r="NG4" s="639"/>
      <c r="NH4" s="639"/>
      <c r="NI4" s="639"/>
      <c r="NJ4" s="639"/>
      <c r="NK4" s="639"/>
      <c r="NL4" s="639"/>
      <c r="NM4" s="639"/>
      <c r="NN4" s="639"/>
      <c r="NO4" s="639"/>
      <c r="NP4" s="639"/>
      <c r="NQ4" s="639"/>
      <c r="NR4" s="639"/>
      <c r="NS4" s="639"/>
      <c r="NT4" s="639"/>
      <c r="NU4" s="639"/>
      <c r="NV4" s="639"/>
      <c r="NW4" s="639"/>
      <c r="NX4" s="639"/>
      <c r="NY4" s="639"/>
      <c r="NZ4" s="639"/>
      <c r="OA4" s="639"/>
      <c r="OB4" s="639"/>
      <c r="OC4" s="639"/>
      <c r="OD4" s="639"/>
      <c r="OE4" s="639"/>
      <c r="OF4" s="639"/>
      <c r="OG4" s="639"/>
      <c r="OH4" s="640"/>
      <c r="OI4" s="594" t="s">
        <v>60</v>
      </c>
      <c r="OJ4" s="503"/>
      <c r="OK4" s="503"/>
      <c r="OL4" s="503"/>
      <c r="OM4" s="503"/>
      <c r="ON4" s="503"/>
      <c r="OO4" s="503"/>
      <c r="OP4" s="503"/>
      <c r="OQ4" s="503"/>
      <c r="OR4" s="503"/>
      <c r="OS4" s="504"/>
    </row>
    <row r="5" spans="1:409" ht="19.5" customHeight="1" thickBot="1" x14ac:dyDescent="0.25">
      <c r="B5" s="678"/>
      <c r="C5" s="681"/>
      <c r="D5" s="681"/>
      <c r="E5" s="681"/>
      <c r="F5" s="681"/>
      <c r="G5" s="681"/>
      <c r="H5" s="681"/>
      <c r="I5" s="681"/>
      <c r="J5" s="681"/>
      <c r="K5" s="681"/>
      <c r="L5" s="681"/>
      <c r="M5" s="681"/>
      <c r="N5" s="685" t="s">
        <v>64</v>
      </c>
      <c r="O5" s="686"/>
      <c r="P5" s="686"/>
      <c r="Q5" s="686"/>
      <c r="R5" s="686"/>
      <c r="S5" s="686"/>
      <c r="T5" s="686"/>
      <c r="U5" s="686"/>
      <c r="V5" s="686"/>
      <c r="W5" s="686"/>
      <c r="X5" s="686"/>
      <c r="Y5" s="686"/>
      <c r="Z5" s="686"/>
      <c r="AA5" s="686"/>
      <c r="AB5" s="686"/>
      <c r="AC5" s="686"/>
      <c r="AD5" s="686"/>
      <c r="AE5" s="686"/>
      <c r="AF5" s="686"/>
      <c r="AG5" s="686"/>
      <c r="AH5" s="686"/>
      <c r="AI5" s="686"/>
      <c r="AJ5" s="686"/>
      <c r="AK5" s="686"/>
      <c r="AL5" s="686"/>
      <c r="AM5" s="686"/>
      <c r="AN5" s="686"/>
      <c r="AO5" s="686"/>
      <c r="AP5" s="686"/>
      <c r="AQ5" s="686"/>
      <c r="AR5" s="686"/>
      <c r="AS5" s="686"/>
      <c r="AT5" s="686"/>
      <c r="AU5" s="686"/>
      <c r="AV5" s="686"/>
      <c r="AW5" s="686"/>
      <c r="AX5" s="686"/>
      <c r="AY5" s="686"/>
      <c r="AZ5" s="686"/>
      <c r="BA5" s="686"/>
      <c r="BB5" s="686"/>
      <c r="BC5" s="686"/>
      <c r="BD5" s="686"/>
      <c r="BE5" s="686"/>
      <c r="BF5" s="686"/>
      <c r="BG5" s="686"/>
      <c r="BH5" s="686"/>
      <c r="BI5" s="686"/>
      <c r="BJ5" s="686"/>
      <c r="BK5" s="686"/>
      <c r="BL5" s="686"/>
      <c r="BM5" s="686"/>
      <c r="BN5" s="686"/>
      <c r="BO5" s="686"/>
      <c r="BP5" s="686"/>
      <c r="BQ5" s="686"/>
      <c r="BR5" s="686"/>
      <c r="BS5" s="686"/>
      <c r="BT5" s="686"/>
      <c r="BU5" s="686"/>
      <c r="BV5" s="686"/>
      <c r="BW5" s="686"/>
      <c r="BX5" s="686"/>
      <c r="BY5" s="686"/>
      <c r="BZ5" s="686"/>
      <c r="CA5" s="687"/>
      <c r="CB5" s="685" t="s">
        <v>65</v>
      </c>
      <c r="CC5" s="686"/>
      <c r="CD5" s="686"/>
      <c r="CE5" s="686"/>
      <c r="CF5" s="686"/>
      <c r="CG5" s="686"/>
      <c r="CH5" s="686"/>
      <c r="CI5" s="686"/>
      <c r="CJ5" s="686"/>
      <c r="CK5" s="686"/>
      <c r="CL5" s="686"/>
      <c r="CM5" s="686"/>
      <c r="CN5" s="686"/>
      <c r="CO5" s="686"/>
      <c r="CP5" s="686"/>
      <c r="CQ5" s="686"/>
      <c r="CR5" s="686"/>
      <c r="CS5" s="686"/>
      <c r="CT5" s="686"/>
      <c r="CU5" s="686"/>
      <c r="CV5" s="686"/>
      <c r="CW5" s="686"/>
      <c r="CX5" s="686"/>
      <c r="CY5" s="686"/>
      <c r="CZ5" s="686"/>
      <c r="DA5" s="686"/>
      <c r="DB5" s="686"/>
      <c r="DC5" s="686"/>
      <c r="DD5" s="686"/>
      <c r="DE5" s="686"/>
      <c r="DF5" s="686"/>
      <c r="DG5" s="686"/>
      <c r="DH5" s="687"/>
      <c r="DI5" s="507" t="s">
        <v>66</v>
      </c>
      <c r="DJ5" s="508"/>
      <c r="DK5" s="508"/>
      <c r="DL5" s="508"/>
      <c r="DM5" s="508"/>
      <c r="DN5" s="508"/>
      <c r="DO5" s="508"/>
      <c r="DP5" s="508"/>
      <c r="DQ5" s="508"/>
      <c r="DR5" s="508"/>
      <c r="DS5" s="508"/>
      <c r="DT5" s="508"/>
      <c r="DU5" s="508"/>
      <c r="DV5" s="508"/>
      <c r="DW5" s="508"/>
      <c r="DX5" s="508"/>
      <c r="DY5" s="508"/>
      <c r="DZ5" s="508"/>
      <c r="EA5" s="508"/>
      <c r="EB5" s="508"/>
      <c r="EC5" s="508"/>
      <c r="ED5" s="508"/>
      <c r="EE5" s="508"/>
      <c r="EF5" s="508"/>
      <c r="EG5" s="508"/>
      <c r="EH5" s="508"/>
      <c r="EI5" s="508"/>
      <c r="EJ5" s="508"/>
      <c r="EK5" s="508"/>
      <c r="EL5" s="508"/>
      <c r="EM5" s="508"/>
      <c r="EN5" s="508"/>
      <c r="EO5" s="508"/>
      <c r="EP5" s="508"/>
      <c r="EQ5" s="508"/>
      <c r="ER5" s="508"/>
      <c r="ES5" s="508"/>
      <c r="ET5" s="508"/>
      <c r="EU5" s="508"/>
      <c r="EV5" s="508"/>
      <c r="EW5" s="508"/>
      <c r="EX5" s="508"/>
      <c r="EY5" s="508"/>
      <c r="EZ5" s="508"/>
      <c r="FA5" s="508"/>
      <c r="FB5" s="508"/>
      <c r="FC5" s="508"/>
      <c r="FD5" s="508"/>
      <c r="FE5" s="508"/>
      <c r="FF5" s="508"/>
      <c r="FG5" s="508"/>
      <c r="FH5" s="508"/>
      <c r="FI5" s="508"/>
      <c r="FJ5" s="508"/>
      <c r="FK5" s="509"/>
      <c r="FL5" s="685" t="s">
        <v>67</v>
      </c>
      <c r="FM5" s="686"/>
      <c r="FN5" s="686"/>
      <c r="FO5" s="686"/>
      <c r="FP5" s="686"/>
      <c r="FQ5" s="686"/>
      <c r="FR5" s="686"/>
      <c r="FS5" s="686"/>
      <c r="FT5" s="686"/>
      <c r="FU5" s="686"/>
      <c r="FV5" s="686"/>
      <c r="FW5" s="686"/>
      <c r="FX5" s="686"/>
      <c r="FY5" s="686"/>
      <c r="FZ5" s="686"/>
      <c r="GA5" s="686"/>
      <c r="GB5" s="686"/>
      <c r="GC5" s="686"/>
      <c r="GD5" s="686"/>
      <c r="GE5" s="686"/>
      <c r="GF5" s="686"/>
      <c r="GG5" s="686"/>
      <c r="GH5" s="686"/>
      <c r="GI5" s="686"/>
      <c r="GJ5" s="686"/>
      <c r="GK5" s="686"/>
      <c r="GL5" s="686"/>
      <c r="GM5" s="686"/>
      <c r="GN5" s="686"/>
      <c r="GO5" s="686"/>
      <c r="GP5" s="686"/>
      <c r="GQ5" s="686"/>
      <c r="GR5" s="686"/>
      <c r="GS5" s="686"/>
      <c r="GT5" s="686"/>
      <c r="GU5" s="686"/>
      <c r="GV5" s="686"/>
      <c r="GW5" s="686"/>
      <c r="GX5" s="686"/>
      <c r="GY5" s="686"/>
      <c r="GZ5" s="686"/>
      <c r="HA5" s="686"/>
      <c r="HB5" s="686"/>
      <c r="HC5" s="687"/>
      <c r="HD5" s="688" t="s">
        <v>68</v>
      </c>
      <c r="HE5" s="689"/>
      <c r="HF5" s="689"/>
      <c r="HG5" s="689"/>
      <c r="HH5" s="689"/>
      <c r="HI5" s="689"/>
      <c r="HJ5" s="689"/>
      <c r="HK5" s="689"/>
      <c r="HL5" s="689"/>
      <c r="HM5" s="689"/>
      <c r="HN5" s="690"/>
      <c r="HO5" s="688" t="s">
        <v>69</v>
      </c>
      <c r="HP5" s="689"/>
      <c r="HQ5" s="689"/>
      <c r="HR5" s="689"/>
      <c r="HS5" s="689"/>
      <c r="HT5" s="689"/>
      <c r="HU5" s="689"/>
      <c r="HV5" s="689"/>
      <c r="HW5" s="689"/>
      <c r="HX5" s="689"/>
      <c r="HY5" s="690"/>
      <c r="HZ5" s="617"/>
      <c r="IA5" s="618"/>
      <c r="IB5" s="618"/>
      <c r="IC5" s="618"/>
      <c r="ID5" s="618"/>
      <c r="IE5" s="618"/>
      <c r="IF5" s="618"/>
      <c r="IG5" s="618"/>
      <c r="IH5" s="618"/>
      <c r="II5" s="618"/>
      <c r="IJ5" s="619"/>
      <c r="IK5" s="594" t="s">
        <v>94</v>
      </c>
      <c r="IL5" s="503"/>
      <c r="IM5" s="503"/>
      <c r="IN5" s="503"/>
      <c r="IO5" s="503"/>
      <c r="IP5" s="503"/>
      <c r="IQ5" s="503"/>
      <c r="IR5" s="503"/>
      <c r="IS5" s="503"/>
      <c r="IT5" s="503"/>
      <c r="IU5" s="504"/>
      <c r="IV5" s="594" t="s">
        <v>88</v>
      </c>
      <c r="IW5" s="503"/>
      <c r="IX5" s="503"/>
      <c r="IY5" s="503"/>
      <c r="IZ5" s="503"/>
      <c r="JA5" s="503"/>
      <c r="JB5" s="503"/>
      <c r="JC5" s="503"/>
      <c r="JD5" s="503"/>
      <c r="JE5" s="503"/>
      <c r="JF5" s="504"/>
      <c r="JG5" s="623" t="s">
        <v>144</v>
      </c>
      <c r="JH5" s="624"/>
      <c r="JI5" s="624"/>
      <c r="JJ5" s="624"/>
      <c r="JK5" s="624"/>
      <c r="JL5" s="624"/>
      <c r="JM5" s="624"/>
      <c r="JN5" s="624"/>
      <c r="JO5" s="624"/>
      <c r="JP5" s="624"/>
      <c r="JQ5" s="625"/>
      <c r="JR5" s="594" t="s">
        <v>90</v>
      </c>
      <c r="JS5" s="503"/>
      <c r="JT5" s="503"/>
      <c r="JU5" s="503"/>
      <c r="JV5" s="503"/>
      <c r="JW5" s="503"/>
      <c r="JX5" s="503"/>
      <c r="JY5" s="503"/>
      <c r="JZ5" s="503"/>
      <c r="KA5" s="503"/>
      <c r="KB5" s="504"/>
      <c r="KC5" s="594" t="s">
        <v>89</v>
      </c>
      <c r="KD5" s="503"/>
      <c r="KE5" s="503"/>
      <c r="KF5" s="503"/>
      <c r="KG5" s="503"/>
      <c r="KH5" s="503"/>
      <c r="KI5" s="503"/>
      <c r="KJ5" s="503"/>
      <c r="KK5" s="503"/>
      <c r="KL5" s="503"/>
      <c r="KM5" s="504"/>
      <c r="KN5" s="594" t="s">
        <v>91</v>
      </c>
      <c r="KO5" s="503"/>
      <c r="KP5" s="503"/>
      <c r="KQ5" s="503"/>
      <c r="KR5" s="503"/>
      <c r="KS5" s="503"/>
      <c r="KT5" s="503"/>
      <c r="KU5" s="503"/>
      <c r="KV5" s="503"/>
      <c r="KW5" s="503"/>
      <c r="KX5" s="504"/>
      <c r="KY5" s="594" t="s">
        <v>92</v>
      </c>
      <c r="KZ5" s="503"/>
      <c r="LA5" s="503"/>
      <c r="LB5" s="503"/>
      <c r="LC5" s="503"/>
      <c r="LD5" s="503"/>
      <c r="LE5" s="503"/>
      <c r="LF5" s="503"/>
      <c r="LG5" s="503"/>
      <c r="LH5" s="503"/>
      <c r="LI5" s="504"/>
      <c r="LJ5" s="629" t="s">
        <v>93</v>
      </c>
      <c r="LK5" s="630"/>
      <c r="LL5" s="630"/>
      <c r="LM5" s="630"/>
      <c r="LN5" s="630"/>
      <c r="LO5" s="630"/>
      <c r="LP5" s="630"/>
      <c r="LQ5" s="630"/>
      <c r="LR5" s="630"/>
      <c r="LS5" s="630"/>
      <c r="LT5" s="631"/>
      <c r="LU5" s="632" t="s">
        <v>145</v>
      </c>
      <c r="LV5" s="633"/>
      <c r="LW5" s="633"/>
      <c r="LX5" s="633"/>
      <c r="LY5" s="633"/>
      <c r="LZ5" s="633"/>
      <c r="MA5" s="633"/>
      <c r="MB5" s="633"/>
      <c r="MC5" s="633"/>
      <c r="MD5" s="633"/>
      <c r="ME5" s="634"/>
      <c r="MF5" s="617"/>
      <c r="MG5" s="618"/>
      <c r="MH5" s="618"/>
      <c r="MI5" s="618"/>
      <c r="MJ5" s="618"/>
      <c r="MK5" s="618"/>
      <c r="ML5" s="618"/>
      <c r="MM5" s="618"/>
      <c r="MN5" s="618"/>
      <c r="MO5" s="618"/>
      <c r="MP5" s="619"/>
      <c r="MQ5" s="594" t="s">
        <v>57</v>
      </c>
      <c r="MR5" s="503"/>
      <c r="MS5" s="503"/>
      <c r="MT5" s="503"/>
      <c r="MU5" s="503"/>
      <c r="MV5" s="503"/>
      <c r="MW5" s="503"/>
      <c r="MX5" s="503"/>
      <c r="MY5" s="503"/>
      <c r="MZ5" s="503"/>
      <c r="NA5" s="504"/>
      <c r="NB5" s="594" t="s">
        <v>58</v>
      </c>
      <c r="NC5" s="503"/>
      <c r="ND5" s="503"/>
      <c r="NE5" s="503"/>
      <c r="NF5" s="503"/>
      <c r="NG5" s="503"/>
      <c r="NH5" s="503"/>
      <c r="NI5" s="503"/>
      <c r="NJ5" s="503"/>
      <c r="NK5" s="503"/>
      <c r="NL5" s="504"/>
      <c r="NM5" s="594" t="s">
        <v>59</v>
      </c>
      <c r="NN5" s="503"/>
      <c r="NO5" s="503"/>
      <c r="NP5" s="503"/>
      <c r="NQ5" s="503"/>
      <c r="NR5" s="503"/>
      <c r="NS5" s="503"/>
      <c r="NT5" s="503"/>
      <c r="NU5" s="503"/>
      <c r="NV5" s="503"/>
      <c r="NW5" s="504"/>
      <c r="NX5" s="642" t="s">
        <v>151</v>
      </c>
      <c r="NY5" s="643"/>
      <c r="NZ5" s="643"/>
      <c r="OA5" s="643"/>
      <c r="OB5" s="643"/>
      <c r="OC5" s="643"/>
      <c r="OD5" s="643"/>
      <c r="OE5" s="643"/>
      <c r="OF5" s="643"/>
      <c r="OG5" s="643"/>
      <c r="OH5" s="644"/>
      <c r="OI5" s="614"/>
      <c r="OJ5" s="615"/>
      <c r="OK5" s="615"/>
      <c r="OL5" s="615"/>
      <c r="OM5" s="615"/>
      <c r="ON5" s="615"/>
      <c r="OO5" s="615"/>
      <c r="OP5" s="615"/>
      <c r="OQ5" s="615"/>
      <c r="OR5" s="615"/>
      <c r="OS5" s="616"/>
    </row>
    <row r="6" spans="1:409" ht="19.5" customHeight="1" thickBot="1" x14ac:dyDescent="0.25">
      <c r="B6" s="678"/>
      <c r="C6" s="682"/>
      <c r="D6" s="682"/>
      <c r="E6" s="682"/>
      <c r="F6" s="682"/>
      <c r="G6" s="682"/>
      <c r="H6" s="682"/>
      <c r="I6" s="682"/>
      <c r="J6" s="682"/>
      <c r="K6" s="682"/>
      <c r="L6" s="682"/>
      <c r="M6" s="682"/>
      <c r="N6" s="516"/>
      <c r="O6" s="517"/>
      <c r="P6" s="517"/>
      <c r="Q6" s="517"/>
      <c r="R6" s="517"/>
      <c r="S6" s="517"/>
      <c r="T6" s="517"/>
      <c r="U6" s="517"/>
      <c r="V6" s="517"/>
      <c r="W6" s="517"/>
      <c r="X6" s="518"/>
      <c r="Y6" s="697" t="s">
        <v>70</v>
      </c>
      <c r="Z6" s="520"/>
      <c r="AA6" s="520"/>
      <c r="AB6" s="520"/>
      <c r="AC6" s="520"/>
      <c r="AD6" s="520"/>
      <c r="AE6" s="520"/>
      <c r="AF6" s="520"/>
      <c r="AG6" s="520"/>
      <c r="AH6" s="520"/>
      <c r="AI6" s="521"/>
      <c r="AJ6" s="694" t="s">
        <v>71</v>
      </c>
      <c r="AK6" s="695"/>
      <c r="AL6" s="695"/>
      <c r="AM6" s="695"/>
      <c r="AN6" s="695"/>
      <c r="AO6" s="695"/>
      <c r="AP6" s="695"/>
      <c r="AQ6" s="695"/>
      <c r="AR6" s="695"/>
      <c r="AS6" s="695"/>
      <c r="AT6" s="696"/>
      <c r="AU6" s="694" t="s">
        <v>72</v>
      </c>
      <c r="AV6" s="695"/>
      <c r="AW6" s="695"/>
      <c r="AX6" s="695"/>
      <c r="AY6" s="695"/>
      <c r="AZ6" s="695"/>
      <c r="BA6" s="695"/>
      <c r="BB6" s="695"/>
      <c r="BC6" s="695"/>
      <c r="BD6" s="695"/>
      <c r="BE6" s="696"/>
      <c r="BF6" s="694" t="s">
        <v>73</v>
      </c>
      <c r="BG6" s="695"/>
      <c r="BH6" s="695"/>
      <c r="BI6" s="695"/>
      <c r="BJ6" s="695"/>
      <c r="BK6" s="695"/>
      <c r="BL6" s="695"/>
      <c r="BM6" s="695"/>
      <c r="BN6" s="695"/>
      <c r="BO6" s="695"/>
      <c r="BP6" s="696"/>
      <c r="BQ6" s="694" t="s">
        <v>74</v>
      </c>
      <c r="BR6" s="695"/>
      <c r="BS6" s="695"/>
      <c r="BT6" s="695"/>
      <c r="BU6" s="695"/>
      <c r="BV6" s="695"/>
      <c r="BW6" s="695"/>
      <c r="BX6" s="695"/>
      <c r="BY6" s="695"/>
      <c r="BZ6" s="695"/>
      <c r="CA6" s="696"/>
      <c r="CB6" s="698"/>
      <c r="CC6" s="699"/>
      <c r="CD6" s="699"/>
      <c r="CE6" s="699"/>
      <c r="CF6" s="699"/>
      <c r="CG6" s="699"/>
      <c r="CH6" s="699"/>
      <c r="CI6" s="699"/>
      <c r="CJ6" s="699"/>
      <c r="CK6" s="699"/>
      <c r="CL6" s="700"/>
      <c r="CM6" s="694" t="s">
        <v>75</v>
      </c>
      <c r="CN6" s="695"/>
      <c r="CO6" s="695"/>
      <c r="CP6" s="695"/>
      <c r="CQ6" s="695"/>
      <c r="CR6" s="695"/>
      <c r="CS6" s="695"/>
      <c r="CT6" s="695"/>
      <c r="CU6" s="695"/>
      <c r="CV6" s="695"/>
      <c r="CW6" s="696"/>
      <c r="CX6" s="694" t="s">
        <v>76</v>
      </c>
      <c r="CY6" s="695"/>
      <c r="CZ6" s="695"/>
      <c r="DA6" s="695"/>
      <c r="DB6" s="695"/>
      <c r="DC6" s="695"/>
      <c r="DD6" s="695"/>
      <c r="DE6" s="695"/>
      <c r="DF6" s="695"/>
      <c r="DG6" s="695"/>
      <c r="DH6" s="696"/>
      <c r="DI6" s="698"/>
      <c r="DJ6" s="699"/>
      <c r="DK6" s="699"/>
      <c r="DL6" s="699"/>
      <c r="DM6" s="699"/>
      <c r="DN6" s="699"/>
      <c r="DO6" s="699"/>
      <c r="DP6" s="699"/>
      <c r="DQ6" s="699"/>
      <c r="DR6" s="699"/>
      <c r="DS6" s="699"/>
      <c r="DT6" s="694" t="s">
        <v>77</v>
      </c>
      <c r="DU6" s="695"/>
      <c r="DV6" s="695"/>
      <c r="DW6" s="695"/>
      <c r="DX6" s="695"/>
      <c r="DY6" s="695"/>
      <c r="DZ6" s="695"/>
      <c r="EA6" s="695"/>
      <c r="EB6" s="695"/>
      <c r="EC6" s="695"/>
      <c r="ED6" s="696"/>
      <c r="EE6" s="694" t="s">
        <v>78</v>
      </c>
      <c r="EF6" s="695"/>
      <c r="EG6" s="695"/>
      <c r="EH6" s="695"/>
      <c r="EI6" s="695"/>
      <c r="EJ6" s="695"/>
      <c r="EK6" s="695"/>
      <c r="EL6" s="695"/>
      <c r="EM6" s="695"/>
      <c r="EN6" s="695"/>
      <c r="EO6" s="696"/>
      <c r="EP6" s="694" t="s">
        <v>79</v>
      </c>
      <c r="EQ6" s="695"/>
      <c r="ER6" s="695"/>
      <c r="ES6" s="695"/>
      <c r="ET6" s="695"/>
      <c r="EU6" s="695"/>
      <c r="EV6" s="695"/>
      <c r="EW6" s="695"/>
      <c r="EX6" s="695"/>
      <c r="EY6" s="695"/>
      <c r="EZ6" s="696"/>
      <c r="FA6" s="676" t="s">
        <v>152</v>
      </c>
      <c r="FB6" s="695"/>
      <c r="FC6" s="695"/>
      <c r="FD6" s="695"/>
      <c r="FE6" s="695"/>
      <c r="FF6" s="695"/>
      <c r="FG6" s="695"/>
      <c r="FH6" s="695"/>
      <c r="FI6" s="695"/>
      <c r="FJ6" s="695"/>
      <c r="FK6" s="696"/>
      <c r="FL6" s="698"/>
      <c r="FM6" s="699"/>
      <c r="FN6" s="699"/>
      <c r="FO6" s="699"/>
      <c r="FP6" s="699"/>
      <c r="FQ6" s="699"/>
      <c r="FR6" s="699"/>
      <c r="FS6" s="699"/>
      <c r="FT6" s="699"/>
      <c r="FU6" s="699"/>
      <c r="FV6" s="699"/>
      <c r="FW6" s="694" t="s">
        <v>80</v>
      </c>
      <c r="FX6" s="695"/>
      <c r="FY6" s="695"/>
      <c r="FZ6" s="695"/>
      <c r="GA6" s="695"/>
      <c r="GB6" s="695"/>
      <c r="GC6" s="695"/>
      <c r="GD6" s="695"/>
      <c r="GE6" s="695"/>
      <c r="GF6" s="695"/>
      <c r="GG6" s="696"/>
      <c r="GH6" s="697" t="s">
        <v>81</v>
      </c>
      <c r="GI6" s="520"/>
      <c r="GJ6" s="520"/>
      <c r="GK6" s="520"/>
      <c r="GL6" s="520"/>
      <c r="GM6" s="520"/>
      <c r="GN6" s="520"/>
      <c r="GO6" s="520"/>
      <c r="GP6" s="520"/>
      <c r="GQ6" s="520"/>
      <c r="GR6" s="521"/>
      <c r="GS6" s="697" t="s">
        <v>82</v>
      </c>
      <c r="GT6" s="520"/>
      <c r="GU6" s="520"/>
      <c r="GV6" s="520"/>
      <c r="GW6" s="520"/>
      <c r="GX6" s="520"/>
      <c r="GY6" s="520"/>
      <c r="GZ6" s="520"/>
      <c r="HA6" s="520"/>
      <c r="HB6" s="520"/>
      <c r="HC6" s="521"/>
      <c r="HD6" s="691"/>
      <c r="HE6" s="692"/>
      <c r="HF6" s="692"/>
      <c r="HG6" s="692"/>
      <c r="HH6" s="692"/>
      <c r="HI6" s="692"/>
      <c r="HJ6" s="692"/>
      <c r="HK6" s="692"/>
      <c r="HL6" s="692"/>
      <c r="HM6" s="692"/>
      <c r="HN6" s="693"/>
      <c r="HO6" s="691"/>
      <c r="HP6" s="692"/>
      <c r="HQ6" s="692"/>
      <c r="HR6" s="692"/>
      <c r="HS6" s="692"/>
      <c r="HT6" s="692"/>
      <c r="HU6" s="692"/>
      <c r="HV6" s="692"/>
      <c r="HW6" s="692"/>
      <c r="HX6" s="692"/>
      <c r="HY6" s="693"/>
      <c r="HZ6" s="620"/>
      <c r="IA6" s="621"/>
      <c r="IB6" s="621"/>
      <c r="IC6" s="621"/>
      <c r="ID6" s="621"/>
      <c r="IE6" s="621"/>
      <c r="IF6" s="621"/>
      <c r="IG6" s="621"/>
      <c r="IH6" s="621"/>
      <c r="II6" s="621"/>
      <c r="IJ6" s="622"/>
      <c r="IK6" s="595"/>
      <c r="IL6" s="586"/>
      <c r="IM6" s="586"/>
      <c r="IN6" s="586"/>
      <c r="IO6" s="586"/>
      <c r="IP6" s="586"/>
      <c r="IQ6" s="586"/>
      <c r="IR6" s="586"/>
      <c r="IS6" s="586"/>
      <c r="IT6" s="586"/>
      <c r="IU6" s="596"/>
      <c r="IV6" s="595"/>
      <c r="IW6" s="586"/>
      <c r="IX6" s="586"/>
      <c r="IY6" s="586"/>
      <c r="IZ6" s="586"/>
      <c r="JA6" s="586"/>
      <c r="JB6" s="586"/>
      <c r="JC6" s="586"/>
      <c r="JD6" s="586"/>
      <c r="JE6" s="586"/>
      <c r="JF6" s="596"/>
      <c r="JG6" s="626"/>
      <c r="JH6" s="627"/>
      <c r="JI6" s="627"/>
      <c r="JJ6" s="627"/>
      <c r="JK6" s="627"/>
      <c r="JL6" s="627"/>
      <c r="JM6" s="627"/>
      <c r="JN6" s="627"/>
      <c r="JO6" s="627"/>
      <c r="JP6" s="627"/>
      <c r="JQ6" s="628"/>
      <c r="JR6" s="595"/>
      <c r="JS6" s="586"/>
      <c r="JT6" s="586"/>
      <c r="JU6" s="586"/>
      <c r="JV6" s="586"/>
      <c r="JW6" s="586"/>
      <c r="JX6" s="586"/>
      <c r="JY6" s="586"/>
      <c r="JZ6" s="586"/>
      <c r="KA6" s="586"/>
      <c r="KB6" s="596"/>
      <c r="KC6" s="595"/>
      <c r="KD6" s="586"/>
      <c r="KE6" s="586"/>
      <c r="KF6" s="586"/>
      <c r="KG6" s="586"/>
      <c r="KH6" s="586"/>
      <c r="KI6" s="586"/>
      <c r="KJ6" s="586"/>
      <c r="KK6" s="586"/>
      <c r="KL6" s="586"/>
      <c r="KM6" s="596"/>
      <c r="KN6" s="595"/>
      <c r="KO6" s="586"/>
      <c r="KP6" s="586"/>
      <c r="KQ6" s="586"/>
      <c r="KR6" s="586"/>
      <c r="KS6" s="586"/>
      <c r="KT6" s="586"/>
      <c r="KU6" s="586"/>
      <c r="KV6" s="586"/>
      <c r="KW6" s="586"/>
      <c r="KX6" s="596"/>
      <c r="KY6" s="595"/>
      <c r="KZ6" s="586"/>
      <c r="LA6" s="586"/>
      <c r="LB6" s="586"/>
      <c r="LC6" s="586"/>
      <c r="LD6" s="586"/>
      <c r="LE6" s="586"/>
      <c r="LF6" s="586"/>
      <c r="LG6" s="586"/>
      <c r="LH6" s="586"/>
      <c r="LI6" s="596"/>
      <c r="LJ6" s="620"/>
      <c r="LK6" s="621"/>
      <c r="LL6" s="621"/>
      <c r="LM6" s="621"/>
      <c r="LN6" s="621"/>
      <c r="LO6" s="621"/>
      <c r="LP6" s="621"/>
      <c r="LQ6" s="621"/>
      <c r="LR6" s="621"/>
      <c r="LS6" s="621"/>
      <c r="LT6" s="622"/>
      <c r="LU6" s="635"/>
      <c r="LV6" s="636"/>
      <c r="LW6" s="636"/>
      <c r="LX6" s="636"/>
      <c r="LY6" s="636"/>
      <c r="LZ6" s="636"/>
      <c r="MA6" s="636"/>
      <c r="MB6" s="636"/>
      <c r="MC6" s="636"/>
      <c r="MD6" s="636"/>
      <c r="ME6" s="637"/>
      <c r="MF6" s="620"/>
      <c r="MG6" s="621"/>
      <c r="MH6" s="621"/>
      <c r="MI6" s="621"/>
      <c r="MJ6" s="621"/>
      <c r="MK6" s="621"/>
      <c r="ML6" s="621"/>
      <c r="MM6" s="621"/>
      <c r="MN6" s="621"/>
      <c r="MO6" s="621"/>
      <c r="MP6" s="622"/>
      <c r="MQ6" s="595"/>
      <c r="MR6" s="586"/>
      <c r="MS6" s="586"/>
      <c r="MT6" s="586"/>
      <c r="MU6" s="586"/>
      <c r="MV6" s="586"/>
      <c r="MW6" s="586"/>
      <c r="MX6" s="586"/>
      <c r="MY6" s="586"/>
      <c r="MZ6" s="586"/>
      <c r="NA6" s="596"/>
      <c r="NB6" s="595"/>
      <c r="NC6" s="586"/>
      <c r="ND6" s="586"/>
      <c r="NE6" s="586"/>
      <c r="NF6" s="586"/>
      <c r="NG6" s="586"/>
      <c r="NH6" s="586"/>
      <c r="NI6" s="586"/>
      <c r="NJ6" s="586"/>
      <c r="NK6" s="586"/>
      <c r="NL6" s="596"/>
      <c r="NM6" s="595"/>
      <c r="NN6" s="586"/>
      <c r="NO6" s="586"/>
      <c r="NP6" s="586"/>
      <c r="NQ6" s="586"/>
      <c r="NR6" s="586"/>
      <c r="NS6" s="586"/>
      <c r="NT6" s="586"/>
      <c r="NU6" s="586"/>
      <c r="NV6" s="586"/>
      <c r="NW6" s="596"/>
      <c r="NX6" s="645"/>
      <c r="NY6" s="646"/>
      <c r="NZ6" s="646"/>
      <c r="OA6" s="646"/>
      <c r="OB6" s="646"/>
      <c r="OC6" s="646"/>
      <c r="OD6" s="646"/>
      <c r="OE6" s="646"/>
      <c r="OF6" s="646"/>
      <c r="OG6" s="646"/>
      <c r="OH6" s="647"/>
      <c r="OI6" s="595"/>
      <c r="OJ6" s="586"/>
      <c r="OK6" s="586"/>
      <c r="OL6" s="586"/>
      <c r="OM6" s="586"/>
      <c r="ON6" s="586"/>
      <c r="OO6" s="586"/>
      <c r="OP6" s="586"/>
      <c r="OQ6" s="586"/>
      <c r="OR6" s="586"/>
      <c r="OS6" s="596"/>
    </row>
    <row r="7" spans="1:409" ht="23.25" customHeight="1" x14ac:dyDescent="0.2">
      <c r="B7" s="678"/>
      <c r="C7" s="701" t="s">
        <v>61</v>
      </c>
      <c r="D7" s="701"/>
      <c r="E7" s="701"/>
      <c r="F7" s="702" t="s">
        <v>62</v>
      </c>
      <c r="G7" s="701"/>
      <c r="H7" s="701"/>
      <c r="I7" s="701"/>
      <c r="J7" s="701"/>
      <c r="K7" s="701"/>
      <c r="L7" s="701"/>
      <c r="M7" s="702" t="s">
        <v>52</v>
      </c>
      <c r="N7" s="704" t="s">
        <v>61</v>
      </c>
      <c r="O7" s="701"/>
      <c r="P7" s="701"/>
      <c r="Q7" s="702" t="s">
        <v>62</v>
      </c>
      <c r="R7" s="701"/>
      <c r="S7" s="701"/>
      <c r="T7" s="701"/>
      <c r="U7" s="701"/>
      <c r="V7" s="701"/>
      <c r="W7" s="705"/>
      <c r="X7" s="709" t="s">
        <v>52</v>
      </c>
      <c r="Y7" s="516" t="s">
        <v>61</v>
      </c>
      <c r="Z7" s="517"/>
      <c r="AA7" s="711"/>
      <c r="AB7" s="712" t="s">
        <v>62</v>
      </c>
      <c r="AC7" s="517"/>
      <c r="AD7" s="517"/>
      <c r="AE7" s="517"/>
      <c r="AF7" s="517"/>
      <c r="AG7" s="517"/>
      <c r="AH7" s="711"/>
      <c r="AI7" s="518" t="s">
        <v>52</v>
      </c>
      <c r="AJ7" s="714" t="s">
        <v>61</v>
      </c>
      <c r="AK7" s="707"/>
      <c r="AL7" s="715"/>
      <c r="AM7" s="706" t="s">
        <v>62</v>
      </c>
      <c r="AN7" s="707"/>
      <c r="AO7" s="707"/>
      <c r="AP7" s="707"/>
      <c r="AQ7" s="707"/>
      <c r="AR7" s="707"/>
      <c r="AS7" s="708"/>
      <c r="AT7" s="518" t="s">
        <v>52</v>
      </c>
      <c r="AU7" s="714" t="s">
        <v>61</v>
      </c>
      <c r="AV7" s="707"/>
      <c r="AW7" s="715"/>
      <c r="AX7" s="706" t="s">
        <v>62</v>
      </c>
      <c r="AY7" s="707"/>
      <c r="AZ7" s="707"/>
      <c r="BA7" s="707"/>
      <c r="BB7" s="707"/>
      <c r="BC7" s="707"/>
      <c r="BD7" s="708"/>
      <c r="BE7" s="518" t="s">
        <v>52</v>
      </c>
      <c r="BF7" s="714" t="s">
        <v>61</v>
      </c>
      <c r="BG7" s="707"/>
      <c r="BH7" s="715"/>
      <c r="BI7" s="706" t="s">
        <v>62</v>
      </c>
      <c r="BJ7" s="707"/>
      <c r="BK7" s="707"/>
      <c r="BL7" s="707"/>
      <c r="BM7" s="707"/>
      <c r="BN7" s="707"/>
      <c r="BO7" s="708"/>
      <c r="BP7" s="518" t="s">
        <v>52</v>
      </c>
      <c r="BQ7" s="714" t="s">
        <v>61</v>
      </c>
      <c r="BR7" s="707"/>
      <c r="BS7" s="715"/>
      <c r="BT7" s="706" t="s">
        <v>62</v>
      </c>
      <c r="BU7" s="707"/>
      <c r="BV7" s="707"/>
      <c r="BW7" s="707"/>
      <c r="BX7" s="707"/>
      <c r="BY7" s="707"/>
      <c r="BZ7" s="708"/>
      <c r="CA7" s="518" t="s">
        <v>52</v>
      </c>
      <c r="CB7" s="716" t="s">
        <v>61</v>
      </c>
      <c r="CC7" s="717"/>
      <c r="CD7" s="718"/>
      <c r="CE7" s="719" t="s">
        <v>62</v>
      </c>
      <c r="CF7" s="717"/>
      <c r="CG7" s="717"/>
      <c r="CH7" s="717"/>
      <c r="CI7" s="717"/>
      <c r="CJ7" s="717"/>
      <c r="CK7" s="720"/>
      <c r="CL7" s="709" t="s">
        <v>52</v>
      </c>
      <c r="CM7" s="714" t="s">
        <v>61</v>
      </c>
      <c r="CN7" s="707"/>
      <c r="CO7" s="708"/>
      <c r="CP7" s="706" t="s">
        <v>62</v>
      </c>
      <c r="CQ7" s="707"/>
      <c r="CR7" s="707"/>
      <c r="CS7" s="707"/>
      <c r="CT7" s="707"/>
      <c r="CU7" s="707"/>
      <c r="CV7" s="708"/>
      <c r="CW7" s="721" t="s">
        <v>52</v>
      </c>
      <c r="CX7" s="714" t="s">
        <v>61</v>
      </c>
      <c r="CY7" s="707"/>
      <c r="CZ7" s="708"/>
      <c r="DA7" s="706" t="s">
        <v>62</v>
      </c>
      <c r="DB7" s="707"/>
      <c r="DC7" s="707"/>
      <c r="DD7" s="707"/>
      <c r="DE7" s="707"/>
      <c r="DF7" s="707"/>
      <c r="DG7" s="708"/>
      <c r="DH7" s="721" t="s">
        <v>52</v>
      </c>
      <c r="DI7" s="716" t="s">
        <v>61</v>
      </c>
      <c r="DJ7" s="717"/>
      <c r="DK7" s="720"/>
      <c r="DL7" s="719" t="s">
        <v>62</v>
      </c>
      <c r="DM7" s="717"/>
      <c r="DN7" s="717"/>
      <c r="DO7" s="717"/>
      <c r="DP7" s="717"/>
      <c r="DQ7" s="717"/>
      <c r="DR7" s="720"/>
      <c r="DS7" s="709" t="s">
        <v>52</v>
      </c>
      <c r="DT7" s="714" t="s">
        <v>61</v>
      </c>
      <c r="DU7" s="707"/>
      <c r="DV7" s="715"/>
      <c r="DW7" s="706" t="s">
        <v>62</v>
      </c>
      <c r="DX7" s="707"/>
      <c r="DY7" s="707"/>
      <c r="DZ7" s="707"/>
      <c r="EA7" s="707"/>
      <c r="EB7" s="707"/>
      <c r="EC7" s="708"/>
      <c r="ED7" s="518" t="s">
        <v>52</v>
      </c>
      <c r="EE7" s="714" t="s">
        <v>61</v>
      </c>
      <c r="EF7" s="707"/>
      <c r="EG7" s="715"/>
      <c r="EH7" s="706" t="s">
        <v>62</v>
      </c>
      <c r="EI7" s="707"/>
      <c r="EJ7" s="707"/>
      <c r="EK7" s="707"/>
      <c r="EL7" s="707"/>
      <c r="EM7" s="707"/>
      <c r="EN7" s="708"/>
      <c r="EO7" s="518" t="s">
        <v>52</v>
      </c>
      <c r="EP7" s="714" t="s">
        <v>61</v>
      </c>
      <c r="EQ7" s="707"/>
      <c r="ER7" s="715"/>
      <c r="ES7" s="706" t="s">
        <v>62</v>
      </c>
      <c r="ET7" s="707"/>
      <c r="EU7" s="707"/>
      <c r="EV7" s="707"/>
      <c r="EW7" s="707"/>
      <c r="EX7" s="707"/>
      <c r="EY7" s="708"/>
      <c r="EZ7" s="518" t="s">
        <v>52</v>
      </c>
      <c r="FA7" s="714" t="s">
        <v>61</v>
      </c>
      <c r="FB7" s="707"/>
      <c r="FC7" s="715"/>
      <c r="FD7" s="706" t="s">
        <v>62</v>
      </c>
      <c r="FE7" s="707"/>
      <c r="FF7" s="707"/>
      <c r="FG7" s="707"/>
      <c r="FH7" s="707"/>
      <c r="FI7" s="707"/>
      <c r="FJ7" s="708"/>
      <c r="FK7" s="518" t="s">
        <v>52</v>
      </c>
      <c r="FL7" s="716" t="s">
        <v>61</v>
      </c>
      <c r="FM7" s="717"/>
      <c r="FN7" s="718"/>
      <c r="FO7" s="719" t="s">
        <v>62</v>
      </c>
      <c r="FP7" s="717"/>
      <c r="FQ7" s="717"/>
      <c r="FR7" s="717"/>
      <c r="FS7" s="717"/>
      <c r="FT7" s="717"/>
      <c r="FU7" s="720"/>
      <c r="FV7" s="701" t="s">
        <v>52</v>
      </c>
      <c r="FW7" s="714" t="s">
        <v>61</v>
      </c>
      <c r="FX7" s="707"/>
      <c r="FY7" s="715"/>
      <c r="FZ7" s="706" t="s">
        <v>62</v>
      </c>
      <c r="GA7" s="707"/>
      <c r="GB7" s="707"/>
      <c r="GC7" s="707"/>
      <c r="GD7" s="707"/>
      <c r="GE7" s="707"/>
      <c r="GF7" s="708"/>
      <c r="GG7" s="518" t="s">
        <v>52</v>
      </c>
      <c r="GH7" s="516" t="s">
        <v>61</v>
      </c>
      <c r="GI7" s="517"/>
      <c r="GJ7" s="517"/>
      <c r="GK7" s="712" t="s">
        <v>62</v>
      </c>
      <c r="GL7" s="517"/>
      <c r="GM7" s="517"/>
      <c r="GN7" s="517"/>
      <c r="GO7" s="517"/>
      <c r="GP7" s="517"/>
      <c r="GQ7" s="711"/>
      <c r="GR7" s="722" t="s">
        <v>52</v>
      </c>
      <c r="GS7" s="516" t="s">
        <v>61</v>
      </c>
      <c r="GT7" s="517"/>
      <c r="GU7" s="711"/>
      <c r="GV7" s="712" t="s">
        <v>62</v>
      </c>
      <c r="GW7" s="517"/>
      <c r="GX7" s="517"/>
      <c r="GY7" s="517"/>
      <c r="GZ7" s="517"/>
      <c r="HA7" s="517"/>
      <c r="HB7" s="711"/>
      <c r="HC7" s="722" t="s">
        <v>52</v>
      </c>
      <c r="HD7" s="714" t="s">
        <v>61</v>
      </c>
      <c r="HE7" s="707"/>
      <c r="HF7" s="715"/>
      <c r="HG7" s="706" t="s">
        <v>62</v>
      </c>
      <c r="HH7" s="707"/>
      <c r="HI7" s="707"/>
      <c r="HJ7" s="707"/>
      <c r="HK7" s="707"/>
      <c r="HL7" s="707"/>
      <c r="HM7" s="708"/>
      <c r="HN7" s="518" t="s">
        <v>52</v>
      </c>
      <c r="HO7" s="714" t="s">
        <v>61</v>
      </c>
      <c r="HP7" s="707"/>
      <c r="HQ7" s="715"/>
      <c r="HR7" s="706" t="s">
        <v>62</v>
      </c>
      <c r="HS7" s="707"/>
      <c r="HT7" s="707"/>
      <c r="HU7" s="707"/>
      <c r="HV7" s="707"/>
      <c r="HW7" s="707"/>
      <c r="HX7" s="708"/>
      <c r="HY7" s="518" t="s">
        <v>52</v>
      </c>
      <c r="HZ7" s="573" t="s">
        <v>61</v>
      </c>
      <c r="IA7" s="574"/>
      <c r="IB7" s="575"/>
      <c r="IC7" s="609" t="s">
        <v>62</v>
      </c>
      <c r="ID7" s="574"/>
      <c r="IE7" s="574"/>
      <c r="IF7" s="574"/>
      <c r="IG7" s="574"/>
      <c r="IH7" s="574"/>
      <c r="II7" s="610"/>
      <c r="IJ7" s="577" t="s">
        <v>52</v>
      </c>
      <c r="IK7" s="590" t="s">
        <v>61</v>
      </c>
      <c r="IL7" s="583"/>
      <c r="IM7" s="584"/>
      <c r="IN7" s="612" t="s">
        <v>62</v>
      </c>
      <c r="IO7" s="583"/>
      <c r="IP7" s="583"/>
      <c r="IQ7" s="583"/>
      <c r="IR7" s="583"/>
      <c r="IS7" s="583"/>
      <c r="IT7" s="613"/>
      <c r="IU7" s="596" t="s">
        <v>52</v>
      </c>
      <c r="IV7" s="590" t="s">
        <v>61</v>
      </c>
      <c r="IW7" s="583"/>
      <c r="IX7" s="613"/>
      <c r="IY7" s="612" t="s">
        <v>62</v>
      </c>
      <c r="IZ7" s="583"/>
      <c r="JA7" s="583"/>
      <c r="JB7" s="583"/>
      <c r="JC7" s="583"/>
      <c r="JD7" s="583"/>
      <c r="JE7" s="613"/>
      <c r="JF7" s="596" t="s">
        <v>52</v>
      </c>
      <c r="JG7" s="590" t="s">
        <v>61</v>
      </c>
      <c r="JH7" s="583"/>
      <c r="JI7" s="584"/>
      <c r="JJ7" s="612" t="s">
        <v>62</v>
      </c>
      <c r="JK7" s="583"/>
      <c r="JL7" s="583"/>
      <c r="JM7" s="583"/>
      <c r="JN7" s="583"/>
      <c r="JO7" s="583"/>
      <c r="JP7" s="613"/>
      <c r="JQ7" s="607" t="s">
        <v>52</v>
      </c>
      <c r="JR7" s="590" t="s">
        <v>61</v>
      </c>
      <c r="JS7" s="583"/>
      <c r="JT7" s="584"/>
      <c r="JU7" s="612" t="s">
        <v>62</v>
      </c>
      <c r="JV7" s="583"/>
      <c r="JW7" s="583"/>
      <c r="JX7" s="583"/>
      <c r="JY7" s="583"/>
      <c r="JZ7" s="583"/>
      <c r="KA7" s="613"/>
      <c r="KB7" s="607" t="s">
        <v>52</v>
      </c>
      <c r="KC7" s="590" t="s">
        <v>61</v>
      </c>
      <c r="KD7" s="583"/>
      <c r="KE7" s="584"/>
      <c r="KF7" s="612" t="s">
        <v>62</v>
      </c>
      <c r="KG7" s="583"/>
      <c r="KH7" s="583"/>
      <c r="KI7" s="583"/>
      <c r="KJ7" s="583"/>
      <c r="KK7" s="583"/>
      <c r="KL7" s="613"/>
      <c r="KM7" s="607" t="s">
        <v>52</v>
      </c>
      <c r="KN7" s="590" t="s">
        <v>61</v>
      </c>
      <c r="KO7" s="583"/>
      <c r="KP7" s="584"/>
      <c r="KQ7" s="612" t="s">
        <v>62</v>
      </c>
      <c r="KR7" s="583"/>
      <c r="KS7" s="583"/>
      <c r="KT7" s="583"/>
      <c r="KU7" s="583"/>
      <c r="KV7" s="583"/>
      <c r="KW7" s="613"/>
      <c r="KX7" s="607" t="s">
        <v>52</v>
      </c>
      <c r="KY7" s="590" t="s">
        <v>61</v>
      </c>
      <c r="KZ7" s="583"/>
      <c r="LA7" s="584"/>
      <c r="LB7" s="612" t="s">
        <v>62</v>
      </c>
      <c r="LC7" s="583"/>
      <c r="LD7" s="583"/>
      <c r="LE7" s="583"/>
      <c r="LF7" s="583"/>
      <c r="LG7" s="583"/>
      <c r="LH7" s="613"/>
      <c r="LI7" s="607" t="s">
        <v>52</v>
      </c>
      <c r="LJ7" s="590" t="s">
        <v>61</v>
      </c>
      <c r="LK7" s="583"/>
      <c r="LL7" s="584"/>
      <c r="LM7" s="612" t="s">
        <v>62</v>
      </c>
      <c r="LN7" s="583"/>
      <c r="LO7" s="583"/>
      <c r="LP7" s="583"/>
      <c r="LQ7" s="583"/>
      <c r="LR7" s="583"/>
      <c r="LS7" s="613"/>
      <c r="LT7" s="607" t="s">
        <v>52</v>
      </c>
      <c r="LU7" s="590" t="s">
        <v>61</v>
      </c>
      <c r="LV7" s="583"/>
      <c r="LW7" s="584"/>
      <c r="LX7" s="612" t="s">
        <v>62</v>
      </c>
      <c r="LY7" s="583"/>
      <c r="LZ7" s="583"/>
      <c r="MA7" s="583"/>
      <c r="MB7" s="583"/>
      <c r="MC7" s="583"/>
      <c r="MD7" s="613"/>
      <c r="ME7" s="607" t="s">
        <v>52</v>
      </c>
      <c r="MF7" s="573" t="s">
        <v>61</v>
      </c>
      <c r="MG7" s="574"/>
      <c r="MH7" s="575"/>
      <c r="MI7" s="609" t="s">
        <v>62</v>
      </c>
      <c r="MJ7" s="574"/>
      <c r="MK7" s="574"/>
      <c r="ML7" s="574"/>
      <c r="MM7" s="574"/>
      <c r="MN7" s="574"/>
      <c r="MO7" s="610"/>
      <c r="MP7" s="611" t="s">
        <v>52</v>
      </c>
      <c r="MQ7" s="590" t="s">
        <v>61</v>
      </c>
      <c r="MR7" s="583"/>
      <c r="MS7" s="584"/>
      <c r="MT7" s="612" t="s">
        <v>62</v>
      </c>
      <c r="MU7" s="583"/>
      <c r="MV7" s="583"/>
      <c r="MW7" s="583"/>
      <c r="MX7" s="583"/>
      <c r="MY7" s="583"/>
      <c r="MZ7" s="613"/>
      <c r="NA7" s="607" t="s">
        <v>52</v>
      </c>
      <c r="NB7" s="590" t="s">
        <v>61</v>
      </c>
      <c r="NC7" s="583"/>
      <c r="ND7" s="584"/>
      <c r="NE7" s="612" t="s">
        <v>62</v>
      </c>
      <c r="NF7" s="583"/>
      <c r="NG7" s="583"/>
      <c r="NH7" s="583"/>
      <c r="NI7" s="583"/>
      <c r="NJ7" s="583"/>
      <c r="NK7" s="613"/>
      <c r="NL7" s="607" t="s">
        <v>52</v>
      </c>
      <c r="NM7" s="590" t="s">
        <v>61</v>
      </c>
      <c r="NN7" s="583"/>
      <c r="NO7" s="584"/>
      <c r="NP7" s="612" t="s">
        <v>62</v>
      </c>
      <c r="NQ7" s="583"/>
      <c r="NR7" s="583"/>
      <c r="NS7" s="583"/>
      <c r="NT7" s="583"/>
      <c r="NU7" s="583"/>
      <c r="NV7" s="613"/>
      <c r="NW7" s="607" t="s">
        <v>52</v>
      </c>
      <c r="NX7" s="590" t="s">
        <v>61</v>
      </c>
      <c r="NY7" s="583"/>
      <c r="NZ7" s="584"/>
      <c r="OA7" s="612" t="s">
        <v>62</v>
      </c>
      <c r="OB7" s="583"/>
      <c r="OC7" s="583"/>
      <c r="OD7" s="583"/>
      <c r="OE7" s="583"/>
      <c r="OF7" s="583"/>
      <c r="OG7" s="613"/>
      <c r="OH7" s="607" t="s">
        <v>52</v>
      </c>
      <c r="OI7" s="573" t="s">
        <v>61</v>
      </c>
      <c r="OJ7" s="574"/>
      <c r="OK7" s="575"/>
      <c r="OL7" s="609" t="s">
        <v>62</v>
      </c>
      <c r="OM7" s="574"/>
      <c r="ON7" s="574"/>
      <c r="OO7" s="574"/>
      <c r="OP7" s="574"/>
      <c r="OQ7" s="574"/>
      <c r="OR7" s="610"/>
      <c r="OS7" s="611" t="s">
        <v>52</v>
      </c>
    </row>
    <row r="8" spans="1:409" ht="28.5" customHeight="1" thickBot="1" x14ac:dyDescent="0.25">
      <c r="B8" s="679"/>
      <c r="C8" s="326" t="s">
        <v>43</v>
      </c>
      <c r="D8" s="47" t="s">
        <v>44</v>
      </c>
      <c r="E8" s="327" t="s">
        <v>45</v>
      </c>
      <c r="F8" s="52" t="s">
        <v>83</v>
      </c>
      <c r="G8" s="47" t="s">
        <v>47</v>
      </c>
      <c r="H8" s="47" t="s">
        <v>48</v>
      </c>
      <c r="I8" s="47" t="s">
        <v>49</v>
      </c>
      <c r="J8" s="47" t="s">
        <v>50</v>
      </c>
      <c r="K8" s="47" t="s">
        <v>51</v>
      </c>
      <c r="L8" s="48" t="s">
        <v>45</v>
      </c>
      <c r="M8" s="703"/>
      <c r="N8" s="51" t="s">
        <v>43</v>
      </c>
      <c r="O8" s="47" t="s">
        <v>44</v>
      </c>
      <c r="P8" s="48" t="s">
        <v>45</v>
      </c>
      <c r="Q8" s="52" t="s">
        <v>83</v>
      </c>
      <c r="R8" s="47" t="s">
        <v>47</v>
      </c>
      <c r="S8" s="47" t="s">
        <v>48</v>
      </c>
      <c r="T8" s="47" t="s">
        <v>49</v>
      </c>
      <c r="U8" s="47" t="s">
        <v>50</v>
      </c>
      <c r="V8" s="47" t="s">
        <v>51</v>
      </c>
      <c r="W8" s="48" t="s">
        <v>45</v>
      </c>
      <c r="X8" s="710"/>
      <c r="Y8" s="51" t="s">
        <v>43</v>
      </c>
      <c r="Z8" s="47" t="s">
        <v>44</v>
      </c>
      <c r="AA8" s="48" t="s">
        <v>45</v>
      </c>
      <c r="AB8" s="52" t="s">
        <v>83</v>
      </c>
      <c r="AC8" s="47" t="s">
        <v>47</v>
      </c>
      <c r="AD8" s="47" t="s">
        <v>48</v>
      </c>
      <c r="AE8" s="47" t="s">
        <v>49</v>
      </c>
      <c r="AF8" s="47" t="s">
        <v>50</v>
      </c>
      <c r="AG8" s="47" t="s">
        <v>51</v>
      </c>
      <c r="AH8" s="48" t="s">
        <v>45</v>
      </c>
      <c r="AI8" s="713"/>
      <c r="AJ8" s="51" t="s">
        <v>43</v>
      </c>
      <c r="AK8" s="47" t="s">
        <v>44</v>
      </c>
      <c r="AL8" s="327" t="s">
        <v>45</v>
      </c>
      <c r="AM8" s="52" t="s">
        <v>83</v>
      </c>
      <c r="AN8" s="47" t="s">
        <v>47</v>
      </c>
      <c r="AO8" s="47" t="s">
        <v>48</v>
      </c>
      <c r="AP8" s="47" t="s">
        <v>49</v>
      </c>
      <c r="AQ8" s="47" t="s">
        <v>50</v>
      </c>
      <c r="AR8" s="47" t="s">
        <v>51</v>
      </c>
      <c r="AS8" s="48" t="s">
        <v>45</v>
      </c>
      <c r="AT8" s="713"/>
      <c r="AU8" s="51" t="s">
        <v>43</v>
      </c>
      <c r="AV8" s="47" t="s">
        <v>44</v>
      </c>
      <c r="AW8" s="327" t="s">
        <v>45</v>
      </c>
      <c r="AX8" s="52" t="s">
        <v>83</v>
      </c>
      <c r="AY8" s="47" t="s">
        <v>47</v>
      </c>
      <c r="AZ8" s="47" t="s">
        <v>48</v>
      </c>
      <c r="BA8" s="47" t="s">
        <v>49</v>
      </c>
      <c r="BB8" s="47" t="s">
        <v>50</v>
      </c>
      <c r="BC8" s="47" t="s">
        <v>51</v>
      </c>
      <c r="BD8" s="48" t="s">
        <v>45</v>
      </c>
      <c r="BE8" s="713"/>
      <c r="BF8" s="328" t="s">
        <v>43</v>
      </c>
      <c r="BG8" s="47" t="s">
        <v>44</v>
      </c>
      <c r="BH8" s="327" t="s">
        <v>45</v>
      </c>
      <c r="BI8" s="52" t="s">
        <v>83</v>
      </c>
      <c r="BJ8" s="47" t="s">
        <v>47</v>
      </c>
      <c r="BK8" s="47" t="s">
        <v>48</v>
      </c>
      <c r="BL8" s="47" t="s">
        <v>49</v>
      </c>
      <c r="BM8" s="47" t="s">
        <v>50</v>
      </c>
      <c r="BN8" s="47" t="s">
        <v>51</v>
      </c>
      <c r="BO8" s="48" t="s">
        <v>45</v>
      </c>
      <c r="BP8" s="713"/>
      <c r="BQ8" s="51" t="s">
        <v>43</v>
      </c>
      <c r="BR8" s="47" t="s">
        <v>44</v>
      </c>
      <c r="BS8" s="327" t="s">
        <v>45</v>
      </c>
      <c r="BT8" s="52" t="s">
        <v>83</v>
      </c>
      <c r="BU8" s="47" t="s">
        <v>47</v>
      </c>
      <c r="BV8" s="47" t="s">
        <v>48</v>
      </c>
      <c r="BW8" s="47" t="s">
        <v>49</v>
      </c>
      <c r="BX8" s="47" t="s">
        <v>50</v>
      </c>
      <c r="BY8" s="47" t="s">
        <v>51</v>
      </c>
      <c r="BZ8" s="48" t="s">
        <v>45</v>
      </c>
      <c r="CA8" s="713"/>
      <c r="CB8" s="51" t="s">
        <v>43</v>
      </c>
      <c r="CC8" s="47" t="s">
        <v>44</v>
      </c>
      <c r="CD8" s="327" t="s">
        <v>45</v>
      </c>
      <c r="CE8" s="52" t="s">
        <v>83</v>
      </c>
      <c r="CF8" s="47" t="s">
        <v>47</v>
      </c>
      <c r="CG8" s="47" t="s">
        <v>48</v>
      </c>
      <c r="CH8" s="47" t="s">
        <v>49</v>
      </c>
      <c r="CI8" s="47" t="s">
        <v>50</v>
      </c>
      <c r="CJ8" s="47" t="s">
        <v>51</v>
      </c>
      <c r="CK8" s="48" t="s">
        <v>45</v>
      </c>
      <c r="CL8" s="710"/>
      <c r="CM8" s="51" t="s">
        <v>43</v>
      </c>
      <c r="CN8" s="47" t="s">
        <v>44</v>
      </c>
      <c r="CO8" s="48" t="s">
        <v>45</v>
      </c>
      <c r="CP8" s="52" t="s">
        <v>83</v>
      </c>
      <c r="CQ8" s="47" t="s">
        <v>47</v>
      </c>
      <c r="CR8" s="47" t="s">
        <v>48</v>
      </c>
      <c r="CS8" s="47" t="s">
        <v>49</v>
      </c>
      <c r="CT8" s="47" t="s">
        <v>50</v>
      </c>
      <c r="CU8" s="47" t="s">
        <v>51</v>
      </c>
      <c r="CV8" s="48" t="s">
        <v>45</v>
      </c>
      <c r="CW8" s="710"/>
      <c r="CX8" s="51" t="s">
        <v>43</v>
      </c>
      <c r="CY8" s="47" t="s">
        <v>44</v>
      </c>
      <c r="CZ8" s="48" t="s">
        <v>45</v>
      </c>
      <c r="DA8" s="52" t="s">
        <v>83</v>
      </c>
      <c r="DB8" s="47" t="s">
        <v>47</v>
      </c>
      <c r="DC8" s="47" t="s">
        <v>48</v>
      </c>
      <c r="DD8" s="47" t="s">
        <v>49</v>
      </c>
      <c r="DE8" s="47" t="s">
        <v>50</v>
      </c>
      <c r="DF8" s="47" t="s">
        <v>51</v>
      </c>
      <c r="DG8" s="48" t="s">
        <v>45</v>
      </c>
      <c r="DH8" s="710"/>
      <c r="DI8" s="51" t="s">
        <v>43</v>
      </c>
      <c r="DJ8" s="47" t="s">
        <v>44</v>
      </c>
      <c r="DK8" s="48" t="s">
        <v>45</v>
      </c>
      <c r="DL8" s="52" t="s">
        <v>83</v>
      </c>
      <c r="DM8" s="47" t="s">
        <v>47</v>
      </c>
      <c r="DN8" s="47" t="s">
        <v>48</v>
      </c>
      <c r="DO8" s="47" t="s">
        <v>49</v>
      </c>
      <c r="DP8" s="47" t="s">
        <v>50</v>
      </c>
      <c r="DQ8" s="47" t="s">
        <v>51</v>
      </c>
      <c r="DR8" s="48" t="s">
        <v>45</v>
      </c>
      <c r="DS8" s="710"/>
      <c r="DT8" s="51" t="s">
        <v>43</v>
      </c>
      <c r="DU8" s="47" t="s">
        <v>44</v>
      </c>
      <c r="DV8" s="327" t="s">
        <v>45</v>
      </c>
      <c r="DW8" s="52" t="s">
        <v>83</v>
      </c>
      <c r="DX8" s="47" t="s">
        <v>47</v>
      </c>
      <c r="DY8" s="47" t="s">
        <v>48</v>
      </c>
      <c r="DZ8" s="47" t="s">
        <v>49</v>
      </c>
      <c r="EA8" s="47" t="s">
        <v>50</v>
      </c>
      <c r="EB8" s="47" t="s">
        <v>51</v>
      </c>
      <c r="EC8" s="48" t="s">
        <v>45</v>
      </c>
      <c r="ED8" s="713"/>
      <c r="EE8" s="51" t="s">
        <v>43</v>
      </c>
      <c r="EF8" s="47" t="s">
        <v>44</v>
      </c>
      <c r="EG8" s="327" t="s">
        <v>45</v>
      </c>
      <c r="EH8" s="52" t="s">
        <v>83</v>
      </c>
      <c r="EI8" s="47" t="s">
        <v>47</v>
      </c>
      <c r="EJ8" s="47" t="s">
        <v>48</v>
      </c>
      <c r="EK8" s="47" t="s">
        <v>49</v>
      </c>
      <c r="EL8" s="47" t="s">
        <v>50</v>
      </c>
      <c r="EM8" s="47" t="s">
        <v>51</v>
      </c>
      <c r="EN8" s="48" t="s">
        <v>45</v>
      </c>
      <c r="EO8" s="713"/>
      <c r="EP8" s="51" t="s">
        <v>43</v>
      </c>
      <c r="EQ8" s="47" t="s">
        <v>44</v>
      </c>
      <c r="ER8" s="327" t="s">
        <v>45</v>
      </c>
      <c r="ES8" s="52" t="s">
        <v>83</v>
      </c>
      <c r="ET8" s="47" t="s">
        <v>47</v>
      </c>
      <c r="EU8" s="47" t="s">
        <v>48</v>
      </c>
      <c r="EV8" s="47" t="s">
        <v>49</v>
      </c>
      <c r="EW8" s="47" t="s">
        <v>50</v>
      </c>
      <c r="EX8" s="47" t="s">
        <v>51</v>
      </c>
      <c r="EY8" s="48" t="s">
        <v>45</v>
      </c>
      <c r="EZ8" s="713"/>
      <c r="FA8" s="51" t="s">
        <v>43</v>
      </c>
      <c r="FB8" s="47" t="s">
        <v>44</v>
      </c>
      <c r="FC8" s="327" t="s">
        <v>45</v>
      </c>
      <c r="FD8" s="52" t="s">
        <v>83</v>
      </c>
      <c r="FE8" s="47" t="s">
        <v>47</v>
      </c>
      <c r="FF8" s="47" t="s">
        <v>48</v>
      </c>
      <c r="FG8" s="47" t="s">
        <v>49</v>
      </c>
      <c r="FH8" s="47" t="s">
        <v>50</v>
      </c>
      <c r="FI8" s="47" t="s">
        <v>51</v>
      </c>
      <c r="FJ8" s="48" t="s">
        <v>45</v>
      </c>
      <c r="FK8" s="713"/>
      <c r="FL8" s="51" t="s">
        <v>43</v>
      </c>
      <c r="FM8" s="47" t="s">
        <v>44</v>
      </c>
      <c r="FN8" s="327" t="s">
        <v>45</v>
      </c>
      <c r="FO8" s="52" t="s">
        <v>83</v>
      </c>
      <c r="FP8" s="47" t="s">
        <v>47</v>
      </c>
      <c r="FQ8" s="47" t="s">
        <v>48</v>
      </c>
      <c r="FR8" s="47" t="s">
        <v>49</v>
      </c>
      <c r="FS8" s="47" t="s">
        <v>50</v>
      </c>
      <c r="FT8" s="47" t="s">
        <v>51</v>
      </c>
      <c r="FU8" s="48" t="s">
        <v>45</v>
      </c>
      <c r="FV8" s="724"/>
      <c r="FW8" s="51" t="s">
        <v>43</v>
      </c>
      <c r="FX8" s="47" t="s">
        <v>44</v>
      </c>
      <c r="FY8" s="327" t="s">
        <v>45</v>
      </c>
      <c r="FZ8" s="52" t="s">
        <v>83</v>
      </c>
      <c r="GA8" s="47" t="s">
        <v>47</v>
      </c>
      <c r="GB8" s="47" t="s">
        <v>48</v>
      </c>
      <c r="GC8" s="47" t="s">
        <v>49</v>
      </c>
      <c r="GD8" s="47" t="s">
        <v>50</v>
      </c>
      <c r="GE8" s="47" t="s">
        <v>51</v>
      </c>
      <c r="GF8" s="48" t="s">
        <v>45</v>
      </c>
      <c r="GG8" s="713"/>
      <c r="GH8" s="51" t="s">
        <v>43</v>
      </c>
      <c r="GI8" s="47" t="s">
        <v>44</v>
      </c>
      <c r="GJ8" s="327" t="s">
        <v>45</v>
      </c>
      <c r="GK8" s="52" t="s">
        <v>83</v>
      </c>
      <c r="GL8" s="47" t="s">
        <v>47</v>
      </c>
      <c r="GM8" s="47" t="s">
        <v>48</v>
      </c>
      <c r="GN8" s="47" t="s">
        <v>49</v>
      </c>
      <c r="GO8" s="47" t="s">
        <v>50</v>
      </c>
      <c r="GP8" s="47" t="s">
        <v>51</v>
      </c>
      <c r="GQ8" s="48" t="s">
        <v>45</v>
      </c>
      <c r="GR8" s="723"/>
      <c r="GS8" s="51" t="s">
        <v>43</v>
      </c>
      <c r="GT8" s="47" t="s">
        <v>44</v>
      </c>
      <c r="GU8" s="327" t="s">
        <v>45</v>
      </c>
      <c r="GV8" s="52" t="s">
        <v>83</v>
      </c>
      <c r="GW8" s="47" t="s">
        <v>47</v>
      </c>
      <c r="GX8" s="47" t="s">
        <v>48</v>
      </c>
      <c r="GY8" s="47" t="s">
        <v>49</v>
      </c>
      <c r="GZ8" s="47" t="s">
        <v>50</v>
      </c>
      <c r="HA8" s="47" t="s">
        <v>51</v>
      </c>
      <c r="HB8" s="48" t="s">
        <v>45</v>
      </c>
      <c r="HC8" s="723"/>
      <c r="HD8" s="51" t="s">
        <v>43</v>
      </c>
      <c r="HE8" s="47" t="s">
        <v>44</v>
      </c>
      <c r="HF8" s="327" t="s">
        <v>45</v>
      </c>
      <c r="HG8" s="52" t="s">
        <v>83</v>
      </c>
      <c r="HH8" s="47" t="s">
        <v>47</v>
      </c>
      <c r="HI8" s="47" t="s">
        <v>48</v>
      </c>
      <c r="HJ8" s="47" t="s">
        <v>49</v>
      </c>
      <c r="HK8" s="47" t="s">
        <v>50</v>
      </c>
      <c r="HL8" s="47" t="s">
        <v>51</v>
      </c>
      <c r="HM8" s="48" t="s">
        <v>45</v>
      </c>
      <c r="HN8" s="713"/>
      <c r="HO8" s="51" t="s">
        <v>43</v>
      </c>
      <c r="HP8" s="47" t="s">
        <v>44</v>
      </c>
      <c r="HQ8" s="327" t="s">
        <v>45</v>
      </c>
      <c r="HR8" s="52" t="s">
        <v>83</v>
      </c>
      <c r="HS8" s="47" t="s">
        <v>47</v>
      </c>
      <c r="HT8" s="47" t="s">
        <v>48</v>
      </c>
      <c r="HU8" s="47" t="s">
        <v>49</v>
      </c>
      <c r="HV8" s="47" t="s">
        <v>50</v>
      </c>
      <c r="HW8" s="47" t="s">
        <v>51</v>
      </c>
      <c r="HX8" s="48" t="s">
        <v>45</v>
      </c>
      <c r="HY8" s="713"/>
      <c r="HZ8" s="369" t="s">
        <v>43</v>
      </c>
      <c r="IA8" s="370" t="s">
        <v>44</v>
      </c>
      <c r="IB8" s="41" t="s">
        <v>45</v>
      </c>
      <c r="IC8" s="42" t="s">
        <v>83</v>
      </c>
      <c r="ID8" s="370" t="s">
        <v>47</v>
      </c>
      <c r="IE8" s="370" t="s">
        <v>48</v>
      </c>
      <c r="IF8" s="370" t="s">
        <v>49</v>
      </c>
      <c r="IG8" s="370" t="s">
        <v>50</v>
      </c>
      <c r="IH8" s="370" t="s">
        <v>51</v>
      </c>
      <c r="II8" s="17" t="s">
        <v>45</v>
      </c>
      <c r="IJ8" s="649"/>
      <c r="IK8" s="369" t="s">
        <v>43</v>
      </c>
      <c r="IL8" s="370" t="s">
        <v>44</v>
      </c>
      <c r="IM8" s="41" t="s">
        <v>45</v>
      </c>
      <c r="IN8" s="42" t="s">
        <v>83</v>
      </c>
      <c r="IO8" s="59" t="s">
        <v>47</v>
      </c>
      <c r="IP8" s="59" t="s">
        <v>48</v>
      </c>
      <c r="IQ8" s="59" t="s">
        <v>49</v>
      </c>
      <c r="IR8" s="59" t="s">
        <v>50</v>
      </c>
      <c r="IS8" s="59" t="s">
        <v>51</v>
      </c>
      <c r="IT8" s="64" t="s">
        <v>45</v>
      </c>
      <c r="IU8" s="648"/>
      <c r="IV8" s="61" t="s">
        <v>43</v>
      </c>
      <c r="IW8" s="59" t="s">
        <v>44</v>
      </c>
      <c r="IX8" s="64" t="s">
        <v>45</v>
      </c>
      <c r="IY8" s="33" t="s">
        <v>83</v>
      </c>
      <c r="IZ8" s="59" t="s">
        <v>47</v>
      </c>
      <c r="JA8" s="59" t="s">
        <v>48</v>
      </c>
      <c r="JB8" s="59" t="s">
        <v>49</v>
      </c>
      <c r="JC8" s="59" t="s">
        <v>50</v>
      </c>
      <c r="JD8" s="59" t="s">
        <v>51</v>
      </c>
      <c r="JE8" s="64" t="s">
        <v>45</v>
      </c>
      <c r="JF8" s="648"/>
      <c r="JG8" s="61" t="s">
        <v>43</v>
      </c>
      <c r="JH8" s="59" t="s">
        <v>44</v>
      </c>
      <c r="JI8" s="60" t="s">
        <v>45</v>
      </c>
      <c r="JJ8" s="33" t="s">
        <v>83</v>
      </c>
      <c r="JK8" s="59" t="s">
        <v>47</v>
      </c>
      <c r="JL8" s="59" t="s">
        <v>48</v>
      </c>
      <c r="JM8" s="59" t="s">
        <v>49</v>
      </c>
      <c r="JN8" s="59" t="s">
        <v>50</v>
      </c>
      <c r="JO8" s="59" t="s">
        <v>51</v>
      </c>
      <c r="JP8" s="64" t="s">
        <v>45</v>
      </c>
      <c r="JQ8" s="608"/>
      <c r="JR8" s="61" t="s">
        <v>43</v>
      </c>
      <c r="JS8" s="59" t="s">
        <v>44</v>
      </c>
      <c r="JT8" s="60" t="s">
        <v>45</v>
      </c>
      <c r="JU8" s="33" t="s">
        <v>83</v>
      </c>
      <c r="JV8" s="59" t="s">
        <v>47</v>
      </c>
      <c r="JW8" s="59" t="s">
        <v>48</v>
      </c>
      <c r="JX8" s="59" t="s">
        <v>49</v>
      </c>
      <c r="JY8" s="59" t="s">
        <v>50</v>
      </c>
      <c r="JZ8" s="59" t="s">
        <v>51</v>
      </c>
      <c r="KA8" s="64" t="s">
        <v>45</v>
      </c>
      <c r="KB8" s="608"/>
      <c r="KC8" s="61" t="s">
        <v>43</v>
      </c>
      <c r="KD8" s="59" t="s">
        <v>44</v>
      </c>
      <c r="KE8" s="60" t="s">
        <v>45</v>
      </c>
      <c r="KF8" s="33" t="s">
        <v>83</v>
      </c>
      <c r="KG8" s="59" t="s">
        <v>47</v>
      </c>
      <c r="KH8" s="59" t="s">
        <v>48</v>
      </c>
      <c r="KI8" s="59" t="s">
        <v>49</v>
      </c>
      <c r="KJ8" s="59" t="s">
        <v>50</v>
      </c>
      <c r="KK8" s="59" t="s">
        <v>51</v>
      </c>
      <c r="KL8" s="64" t="s">
        <v>45</v>
      </c>
      <c r="KM8" s="608"/>
      <c r="KN8" s="61" t="s">
        <v>43</v>
      </c>
      <c r="KO8" s="59" t="s">
        <v>44</v>
      </c>
      <c r="KP8" s="60" t="s">
        <v>45</v>
      </c>
      <c r="KQ8" s="42" t="s">
        <v>83</v>
      </c>
      <c r="KR8" s="59" t="s">
        <v>47</v>
      </c>
      <c r="KS8" s="59" t="s">
        <v>48</v>
      </c>
      <c r="KT8" s="59" t="s">
        <v>49</v>
      </c>
      <c r="KU8" s="59" t="s">
        <v>50</v>
      </c>
      <c r="KV8" s="59" t="s">
        <v>51</v>
      </c>
      <c r="KW8" s="64" t="s">
        <v>45</v>
      </c>
      <c r="KX8" s="608"/>
      <c r="KY8" s="61" t="s">
        <v>43</v>
      </c>
      <c r="KZ8" s="59" t="s">
        <v>44</v>
      </c>
      <c r="LA8" s="60" t="s">
        <v>45</v>
      </c>
      <c r="LB8" s="42" t="s">
        <v>83</v>
      </c>
      <c r="LC8" s="59" t="s">
        <v>47</v>
      </c>
      <c r="LD8" s="59" t="s">
        <v>48</v>
      </c>
      <c r="LE8" s="59" t="s">
        <v>49</v>
      </c>
      <c r="LF8" s="59" t="s">
        <v>50</v>
      </c>
      <c r="LG8" s="59" t="s">
        <v>51</v>
      </c>
      <c r="LH8" s="64" t="s">
        <v>45</v>
      </c>
      <c r="LI8" s="608"/>
      <c r="LJ8" s="61" t="s">
        <v>43</v>
      </c>
      <c r="LK8" s="59" t="s">
        <v>44</v>
      </c>
      <c r="LL8" s="60" t="s">
        <v>45</v>
      </c>
      <c r="LM8" s="42" t="s">
        <v>83</v>
      </c>
      <c r="LN8" s="59" t="s">
        <v>47</v>
      </c>
      <c r="LO8" s="59" t="s">
        <v>48</v>
      </c>
      <c r="LP8" s="59" t="s">
        <v>49</v>
      </c>
      <c r="LQ8" s="59" t="s">
        <v>50</v>
      </c>
      <c r="LR8" s="59" t="s">
        <v>51</v>
      </c>
      <c r="LS8" s="64" t="s">
        <v>45</v>
      </c>
      <c r="LT8" s="608"/>
      <c r="LU8" s="61" t="s">
        <v>43</v>
      </c>
      <c r="LV8" s="59" t="s">
        <v>44</v>
      </c>
      <c r="LW8" s="60" t="s">
        <v>45</v>
      </c>
      <c r="LX8" s="42" t="s">
        <v>83</v>
      </c>
      <c r="LY8" s="59" t="s">
        <v>47</v>
      </c>
      <c r="LZ8" s="59" t="s">
        <v>48</v>
      </c>
      <c r="MA8" s="59" t="s">
        <v>49</v>
      </c>
      <c r="MB8" s="59" t="s">
        <v>50</v>
      </c>
      <c r="MC8" s="59" t="s">
        <v>51</v>
      </c>
      <c r="MD8" s="64" t="s">
        <v>45</v>
      </c>
      <c r="ME8" s="608"/>
      <c r="MF8" s="61" t="s">
        <v>43</v>
      </c>
      <c r="MG8" s="59" t="s">
        <v>44</v>
      </c>
      <c r="MH8" s="60" t="s">
        <v>45</v>
      </c>
      <c r="MI8" s="42" t="s">
        <v>83</v>
      </c>
      <c r="MJ8" s="59" t="s">
        <v>47</v>
      </c>
      <c r="MK8" s="59" t="s">
        <v>48</v>
      </c>
      <c r="ML8" s="59" t="s">
        <v>49</v>
      </c>
      <c r="MM8" s="59" t="s">
        <v>50</v>
      </c>
      <c r="MN8" s="59" t="s">
        <v>51</v>
      </c>
      <c r="MO8" s="64" t="s">
        <v>45</v>
      </c>
      <c r="MP8" s="608"/>
      <c r="MQ8" s="61" t="s">
        <v>43</v>
      </c>
      <c r="MR8" s="59" t="s">
        <v>44</v>
      </c>
      <c r="MS8" s="60" t="s">
        <v>45</v>
      </c>
      <c r="MT8" s="42" t="s">
        <v>83</v>
      </c>
      <c r="MU8" s="59" t="s">
        <v>47</v>
      </c>
      <c r="MV8" s="59" t="s">
        <v>48</v>
      </c>
      <c r="MW8" s="59" t="s">
        <v>49</v>
      </c>
      <c r="MX8" s="59" t="s">
        <v>50</v>
      </c>
      <c r="MY8" s="59" t="s">
        <v>51</v>
      </c>
      <c r="MZ8" s="64" t="s">
        <v>45</v>
      </c>
      <c r="NA8" s="608"/>
      <c r="NB8" s="61" t="s">
        <v>43</v>
      </c>
      <c r="NC8" s="59" t="s">
        <v>44</v>
      </c>
      <c r="ND8" s="60" t="s">
        <v>45</v>
      </c>
      <c r="NE8" s="42" t="s">
        <v>83</v>
      </c>
      <c r="NF8" s="59" t="s">
        <v>47</v>
      </c>
      <c r="NG8" s="59" t="s">
        <v>48</v>
      </c>
      <c r="NH8" s="59" t="s">
        <v>49</v>
      </c>
      <c r="NI8" s="59" t="s">
        <v>50</v>
      </c>
      <c r="NJ8" s="59" t="s">
        <v>51</v>
      </c>
      <c r="NK8" s="64" t="s">
        <v>45</v>
      </c>
      <c r="NL8" s="608"/>
      <c r="NM8" s="61" t="s">
        <v>43</v>
      </c>
      <c r="NN8" s="59" t="s">
        <v>44</v>
      </c>
      <c r="NO8" s="60" t="s">
        <v>45</v>
      </c>
      <c r="NP8" s="42" t="s">
        <v>83</v>
      </c>
      <c r="NQ8" s="59" t="s">
        <v>47</v>
      </c>
      <c r="NR8" s="59" t="s">
        <v>48</v>
      </c>
      <c r="NS8" s="59" t="s">
        <v>49</v>
      </c>
      <c r="NT8" s="59" t="s">
        <v>50</v>
      </c>
      <c r="NU8" s="59" t="s">
        <v>51</v>
      </c>
      <c r="NV8" s="64" t="s">
        <v>45</v>
      </c>
      <c r="NW8" s="608"/>
      <c r="NX8" s="61" t="s">
        <v>43</v>
      </c>
      <c r="NY8" s="59" t="s">
        <v>44</v>
      </c>
      <c r="NZ8" s="60" t="s">
        <v>45</v>
      </c>
      <c r="OA8" s="42" t="s">
        <v>83</v>
      </c>
      <c r="OB8" s="59" t="s">
        <v>47</v>
      </c>
      <c r="OC8" s="59" t="s">
        <v>48</v>
      </c>
      <c r="OD8" s="59" t="s">
        <v>49</v>
      </c>
      <c r="OE8" s="59" t="s">
        <v>50</v>
      </c>
      <c r="OF8" s="59" t="s">
        <v>51</v>
      </c>
      <c r="OG8" s="64" t="s">
        <v>45</v>
      </c>
      <c r="OH8" s="608"/>
      <c r="OI8" s="61" t="s">
        <v>43</v>
      </c>
      <c r="OJ8" s="59" t="s">
        <v>44</v>
      </c>
      <c r="OK8" s="60" t="s">
        <v>45</v>
      </c>
      <c r="OL8" s="33" t="s">
        <v>83</v>
      </c>
      <c r="OM8" s="59" t="s">
        <v>47</v>
      </c>
      <c r="ON8" s="59" t="s">
        <v>48</v>
      </c>
      <c r="OO8" s="59" t="s">
        <v>49</v>
      </c>
      <c r="OP8" s="59" t="s">
        <v>50</v>
      </c>
      <c r="OQ8" s="59" t="s">
        <v>51</v>
      </c>
      <c r="OR8" s="64" t="s">
        <v>45</v>
      </c>
      <c r="OS8" s="608"/>
    </row>
    <row r="9" spans="1:409" s="474" customFormat="1" ht="20.25" customHeight="1" x14ac:dyDescent="0.2">
      <c r="A9" s="44"/>
      <c r="B9" s="468" t="s">
        <v>4</v>
      </c>
      <c r="C9" s="388">
        <v>28271935</v>
      </c>
      <c r="D9" s="389">
        <v>42869640</v>
      </c>
      <c r="E9" s="390">
        <v>71141575</v>
      </c>
      <c r="F9" s="391">
        <v>0</v>
      </c>
      <c r="G9" s="389">
        <v>300520812</v>
      </c>
      <c r="H9" s="389">
        <v>389165603</v>
      </c>
      <c r="I9" s="389">
        <v>360215998</v>
      </c>
      <c r="J9" s="389">
        <v>310168201</v>
      </c>
      <c r="K9" s="389">
        <v>199931549</v>
      </c>
      <c r="L9" s="392">
        <v>1560002163</v>
      </c>
      <c r="M9" s="393">
        <v>1631143738</v>
      </c>
      <c r="N9" s="388">
        <v>7671107</v>
      </c>
      <c r="O9" s="389">
        <v>14400307</v>
      </c>
      <c r="P9" s="394">
        <v>22071414</v>
      </c>
      <c r="Q9" s="388">
        <v>0</v>
      </c>
      <c r="R9" s="389">
        <v>92601344</v>
      </c>
      <c r="S9" s="389">
        <v>128602388</v>
      </c>
      <c r="T9" s="389">
        <v>115387818</v>
      </c>
      <c r="U9" s="389">
        <v>114744776</v>
      </c>
      <c r="V9" s="389">
        <v>101781936</v>
      </c>
      <c r="W9" s="394">
        <v>553118262</v>
      </c>
      <c r="X9" s="393">
        <v>575189676</v>
      </c>
      <c r="Y9" s="388">
        <v>0</v>
      </c>
      <c r="Z9" s="389">
        <v>0</v>
      </c>
      <c r="AA9" s="394">
        <v>0</v>
      </c>
      <c r="AB9" s="395">
        <v>0</v>
      </c>
      <c r="AC9" s="396">
        <v>40627133</v>
      </c>
      <c r="AD9" s="396">
        <v>56994973</v>
      </c>
      <c r="AE9" s="396">
        <v>57416687</v>
      </c>
      <c r="AF9" s="396">
        <v>57965147</v>
      </c>
      <c r="AG9" s="396">
        <v>52777574</v>
      </c>
      <c r="AH9" s="394">
        <v>265781514</v>
      </c>
      <c r="AI9" s="393">
        <v>265781514</v>
      </c>
      <c r="AJ9" s="397">
        <v>0</v>
      </c>
      <c r="AK9" s="396">
        <v>50670</v>
      </c>
      <c r="AL9" s="394">
        <v>50670</v>
      </c>
      <c r="AM9" s="395">
        <v>0</v>
      </c>
      <c r="AN9" s="396">
        <v>237167</v>
      </c>
      <c r="AO9" s="392">
        <v>1725989</v>
      </c>
      <c r="AP9" s="396">
        <v>3349511</v>
      </c>
      <c r="AQ9" s="396">
        <v>7297994</v>
      </c>
      <c r="AR9" s="396">
        <v>13820953</v>
      </c>
      <c r="AS9" s="394">
        <v>26431614</v>
      </c>
      <c r="AT9" s="393">
        <v>26482284</v>
      </c>
      <c r="AU9" s="397">
        <v>3739250</v>
      </c>
      <c r="AV9" s="396">
        <v>9470182</v>
      </c>
      <c r="AW9" s="394">
        <v>13209432</v>
      </c>
      <c r="AX9" s="395">
        <v>0</v>
      </c>
      <c r="AY9" s="396">
        <v>32975440</v>
      </c>
      <c r="AZ9" s="396">
        <v>46592085</v>
      </c>
      <c r="BA9" s="396">
        <v>33516980</v>
      </c>
      <c r="BB9" s="396">
        <v>30212553</v>
      </c>
      <c r="BC9" s="396">
        <v>23597095</v>
      </c>
      <c r="BD9" s="394">
        <v>166894153</v>
      </c>
      <c r="BE9" s="398">
        <v>180103585</v>
      </c>
      <c r="BF9" s="397">
        <v>462321</v>
      </c>
      <c r="BG9" s="392">
        <v>1637703</v>
      </c>
      <c r="BH9" s="399">
        <v>2100024</v>
      </c>
      <c r="BI9" s="395">
        <v>0</v>
      </c>
      <c r="BJ9" s="396">
        <v>2083440</v>
      </c>
      <c r="BK9" s="396">
        <v>3875078</v>
      </c>
      <c r="BL9" s="396">
        <v>2375680</v>
      </c>
      <c r="BM9" s="396">
        <v>2984087</v>
      </c>
      <c r="BN9" s="396">
        <v>1103438</v>
      </c>
      <c r="BO9" s="394">
        <v>12421723</v>
      </c>
      <c r="BP9" s="393">
        <v>14521747</v>
      </c>
      <c r="BQ9" s="397">
        <v>3469536</v>
      </c>
      <c r="BR9" s="396">
        <v>3241752</v>
      </c>
      <c r="BS9" s="394">
        <v>6711288</v>
      </c>
      <c r="BT9" s="395">
        <v>0</v>
      </c>
      <c r="BU9" s="396">
        <v>16678164</v>
      </c>
      <c r="BV9" s="396">
        <v>19414263</v>
      </c>
      <c r="BW9" s="396">
        <v>18728960</v>
      </c>
      <c r="BX9" s="396">
        <v>16284995</v>
      </c>
      <c r="BY9" s="396">
        <v>10482876</v>
      </c>
      <c r="BZ9" s="394">
        <v>81589258</v>
      </c>
      <c r="CA9" s="393">
        <v>88300546</v>
      </c>
      <c r="CB9" s="397">
        <v>2625282</v>
      </c>
      <c r="CC9" s="396">
        <v>6068657</v>
      </c>
      <c r="CD9" s="394">
        <v>8693939</v>
      </c>
      <c r="CE9" s="395">
        <v>0</v>
      </c>
      <c r="CF9" s="396">
        <v>93099020</v>
      </c>
      <c r="CG9" s="396">
        <v>115425190</v>
      </c>
      <c r="CH9" s="400">
        <v>88993391</v>
      </c>
      <c r="CI9" s="396">
        <v>50156265</v>
      </c>
      <c r="CJ9" s="396">
        <v>17975712</v>
      </c>
      <c r="CK9" s="394">
        <v>365649578</v>
      </c>
      <c r="CL9" s="393">
        <v>374343517</v>
      </c>
      <c r="CM9" s="388">
        <v>0</v>
      </c>
      <c r="CN9" s="389">
        <v>0</v>
      </c>
      <c r="CO9" s="394">
        <v>0</v>
      </c>
      <c r="CP9" s="395">
        <v>0</v>
      </c>
      <c r="CQ9" s="396">
        <v>74160469</v>
      </c>
      <c r="CR9" s="396">
        <v>84196773</v>
      </c>
      <c r="CS9" s="396">
        <v>65790294</v>
      </c>
      <c r="CT9" s="396">
        <v>34771725</v>
      </c>
      <c r="CU9" s="396">
        <v>14233569</v>
      </c>
      <c r="CV9" s="401">
        <v>273152830</v>
      </c>
      <c r="CW9" s="393">
        <v>273152830</v>
      </c>
      <c r="CX9" s="397">
        <v>2625282</v>
      </c>
      <c r="CY9" s="396">
        <v>6068657</v>
      </c>
      <c r="CZ9" s="394">
        <v>8693939</v>
      </c>
      <c r="DA9" s="395">
        <v>0</v>
      </c>
      <c r="DB9" s="396">
        <v>18938551</v>
      </c>
      <c r="DC9" s="396">
        <v>31228417</v>
      </c>
      <c r="DD9" s="396">
        <v>23203097</v>
      </c>
      <c r="DE9" s="396">
        <v>15384540</v>
      </c>
      <c r="DF9" s="396">
        <v>3742143</v>
      </c>
      <c r="DG9" s="394">
        <v>92496748</v>
      </c>
      <c r="DH9" s="393">
        <v>101190687</v>
      </c>
      <c r="DI9" s="397">
        <v>212175</v>
      </c>
      <c r="DJ9" s="396">
        <v>949485</v>
      </c>
      <c r="DK9" s="399">
        <v>1161660</v>
      </c>
      <c r="DL9" s="395">
        <v>0</v>
      </c>
      <c r="DM9" s="396">
        <v>11179453</v>
      </c>
      <c r="DN9" s="396">
        <v>18781823</v>
      </c>
      <c r="DO9" s="396">
        <v>36222402</v>
      </c>
      <c r="DP9" s="396">
        <v>29791893</v>
      </c>
      <c r="DQ9" s="396">
        <v>9516882</v>
      </c>
      <c r="DR9" s="402">
        <v>105492453</v>
      </c>
      <c r="DS9" s="393">
        <v>106654113</v>
      </c>
      <c r="DT9" s="397">
        <v>212175</v>
      </c>
      <c r="DU9" s="396">
        <v>924701</v>
      </c>
      <c r="DV9" s="394">
        <v>1136876</v>
      </c>
      <c r="DW9" s="395">
        <v>0</v>
      </c>
      <c r="DX9" s="396">
        <v>9779286</v>
      </c>
      <c r="DY9" s="396">
        <v>16149109</v>
      </c>
      <c r="DZ9" s="396">
        <v>31154386</v>
      </c>
      <c r="EA9" s="396">
        <v>25945302</v>
      </c>
      <c r="EB9" s="396">
        <v>7949140</v>
      </c>
      <c r="EC9" s="394">
        <v>90977223</v>
      </c>
      <c r="ED9" s="393">
        <v>92114099</v>
      </c>
      <c r="EE9" s="397">
        <v>0</v>
      </c>
      <c r="EF9" s="392">
        <v>24784</v>
      </c>
      <c r="EG9" s="394">
        <v>24784</v>
      </c>
      <c r="EH9" s="398">
        <v>0</v>
      </c>
      <c r="EI9" s="396">
        <v>1400167</v>
      </c>
      <c r="EJ9" s="396">
        <v>2632714</v>
      </c>
      <c r="EK9" s="396">
        <v>5068016</v>
      </c>
      <c r="EL9" s="396">
        <v>3846591</v>
      </c>
      <c r="EM9" s="400">
        <v>1567742</v>
      </c>
      <c r="EN9" s="392">
        <v>14515230</v>
      </c>
      <c r="EO9" s="393">
        <v>14540014</v>
      </c>
      <c r="EP9" s="397">
        <v>0</v>
      </c>
      <c r="EQ9" s="396">
        <v>0</v>
      </c>
      <c r="ER9" s="392">
        <v>0</v>
      </c>
      <c r="ES9" s="395">
        <v>0</v>
      </c>
      <c r="ET9" s="396">
        <v>0</v>
      </c>
      <c r="EU9" s="396">
        <v>0</v>
      </c>
      <c r="EV9" s="396">
        <v>0</v>
      </c>
      <c r="EW9" s="396">
        <v>0</v>
      </c>
      <c r="EX9" s="396">
        <v>0</v>
      </c>
      <c r="EY9" s="401">
        <v>0</v>
      </c>
      <c r="EZ9" s="393">
        <v>0</v>
      </c>
      <c r="FA9" s="397">
        <v>0</v>
      </c>
      <c r="FB9" s="396">
        <v>0</v>
      </c>
      <c r="FC9" s="392">
        <v>0</v>
      </c>
      <c r="FD9" s="403">
        <v>0</v>
      </c>
      <c r="FE9" s="396">
        <v>0</v>
      </c>
      <c r="FF9" s="396">
        <v>0</v>
      </c>
      <c r="FG9" s="396">
        <v>0</v>
      </c>
      <c r="FH9" s="396">
        <v>0</v>
      </c>
      <c r="FI9" s="396">
        <v>0</v>
      </c>
      <c r="FJ9" s="401">
        <v>0</v>
      </c>
      <c r="FK9" s="393">
        <v>0</v>
      </c>
      <c r="FL9" s="397">
        <v>6530497</v>
      </c>
      <c r="FM9" s="396">
        <v>9058874</v>
      </c>
      <c r="FN9" s="394">
        <v>15589371</v>
      </c>
      <c r="FO9" s="395">
        <v>0</v>
      </c>
      <c r="FP9" s="396">
        <v>15123071</v>
      </c>
      <c r="FQ9" s="396">
        <v>36191604</v>
      </c>
      <c r="FR9" s="396">
        <v>27618602</v>
      </c>
      <c r="FS9" s="396">
        <v>24276302</v>
      </c>
      <c r="FT9" s="396">
        <v>15842840</v>
      </c>
      <c r="FU9" s="394">
        <v>119052419</v>
      </c>
      <c r="FV9" s="393">
        <v>134641790</v>
      </c>
      <c r="FW9" s="397">
        <v>2650748</v>
      </c>
      <c r="FX9" s="396">
        <v>5906384</v>
      </c>
      <c r="FY9" s="392">
        <v>8557132</v>
      </c>
      <c r="FZ9" s="398">
        <v>0</v>
      </c>
      <c r="GA9" s="396">
        <v>10949256</v>
      </c>
      <c r="GB9" s="404">
        <v>32606826</v>
      </c>
      <c r="GC9" s="396">
        <v>25762752</v>
      </c>
      <c r="GD9" s="404">
        <v>23147828</v>
      </c>
      <c r="GE9" s="396">
        <v>14384800</v>
      </c>
      <c r="GF9" s="401">
        <v>106851462</v>
      </c>
      <c r="GG9" s="405">
        <v>115408594</v>
      </c>
      <c r="GH9" s="406">
        <v>481324</v>
      </c>
      <c r="GI9" s="396">
        <v>450530</v>
      </c>
      <c r="GJ9" s="404">
        <v>931854</v>
      </c>
      <c r="GK9" s="391">
        <v>0</v>
      </c>
      <c r="GL9" s="396">
        <v>619136</v>
      </c>
      <c r="GM9" s="392">
        <v>810708</v>
      </c>
      <c r="GN9" s="396">
        <v>504277</v>
      </c>
      <c r="GO9" s="392">
        <v>510434</v>
      </c>
      <c r="GP9" s="396">
        <v>479180</v>
      </c>
      <c r="GQ9" s="402">
        <v>2923735</v>
      </c>
      <c r="GR9" s="393">
        <v>3855589</v>
      </c>
      <c r="GS9" s="392">
        <v>3398425</v>
      </c>
      <c r="GT9" s="396">
        <v>2701960</v>
      </c>
      <c r="GU9" s="394">
        <v>6100385</v>
      </c>
      <c r="GV9" s="392">
        <v>0</v>
      </c>
      <c r="GW9" s="396">
        <v>3554679</v>
      </c>
      <c r="GX9" s="392">
        <v>2774070</v>
      </c>
      <c r="GY9" s="396">
        <v>1351573</v>
      </c>
      <c r="GZ9" s="392">
        <v>618040</v>
      </c>
      <c r="HA9" s="396">
        <v>978860</v>
      </c>
      <c r="HB9" s="392">
        <v>9277222</v>
      </c>
      <c r="HC9" s="393">
        <v>15377607</v>
      </c>
      <c r="HD9" s="392">
        <v>11232874</v>
      </c>
      <c r="HE9" s="396">
        <v>12392317</v>
      </c>
      <c r="HF9" s="392">
        <v>23625191</v>
      </c>
      <c r="HG9" s="398">
        <v>0</v>
      </c>
      <c r="HH9" s="396">
        <v>88517924</v>
      </c>
      <c r="HI9" s="404">
        <v>90164598</v>
      </c>
      <c r="HJ9" s="396">
        <v>91993785</v>
      </c>
      <c r="HK9" s="404">
        <v>91198965</v>
      </c>
      <c r="HL9" s="396">
        <v>54814179</v>
      </c>
      <c r="HM9" s="401">
        <v>416689451</v>
      </c>
      <c r="HN9" s="392">
        <v>440314642</v>
      </c>
      <c r="HO9" s="469"/>
      <c r="HP9" s="470"/>
      <c r="HQ9" s="471"/>
      <c r="HR9" s="472"/>
      <c r="HS9" s="470"/>
      <c r="HT9" s="472"/>
      <c r="HU9" s="470"/>
      <c r="HV9" s="472"/>
      <c r="HW9" s="470"/>
      <c r="HX9" s="472"/>
      <c r="HY9" s="473"/>
      <c r="HZ9" s="407">
        <v>746812</v>
      </c>
      <c r="IA9" s="408">
        <v>1038053</v>
      </c>
      <c r="IB9" s="409">
        <v>1784865</v>
      </c>
      <c r="IC9" s="410">
        <v>0</v>
      </c>
      <c r="ID9" s="408">
        <v>86649228</v>
      </c>
      <c r="IE9" s="411">
        <v>101530687</v>
      </c>
      <c r="IF9" s="412">
        <v>114828915</v>
      </c>
      <c r="IG9" s="408">
        <v>85935184</v>
      </c>
      <c r="IH9" s="412">
        <v>47555978</v>
      </c>
      <c r="II9" s="413">
        <v>436499992</v>
      </c>
      <c r="IJ9" s="414">
        <v>438284857</v>
      </c>
      <c r="IK9" s="415">
        <v>0</v>
      </c>
      <c r="IL9" s="416">
        <v>0</v>
      </c>
      <c r="IM9" s="417">
        <v>0</v>
      </c>
      <c r="IN9" s="418"/>
      <c r="IO9" s="419">
        <v>1287110</v>
      </c>
      <c r="IP9" s="419">
        <v>3163367</v>
      </c>
      <c r="IQ9" s="419">
        <v>3653410</v>
      </c>
      <c r="IR9" s="419">
        <v>5564437</v>
      </c>
      <c r="IS9" s="419">
        <v>4888552</v>
      </c>
      <c r="IT9" s="420">
        <v>18556876</v>
      </c>
      <c r="IU9" s="421">
        <v>18556876</v>
      </c>
      <c r="IV9" s="422">
        <v>0</v>
      </c>
      <c r="IW9" s="419">
        <v>0</v>
      </c>
      <c r="IX9" s="423">
        <v>0</v>
      </c>
      <c r="IY9" s="424"/>
      <c r="IZ9" s="419">
        <v>342997</v>
      </c>
      <c r="JA9" s="419">
        <v>670561</v>
      </c>
      <c r="JB9" s="419">
        <v>1075089</v>
      </c>
      <c r="JC9" s="419">
        <v>760940</v>
      </c>
      <c r="JD9" s="419">
        <v>1386418</v>
      </c>
      <c r="JE9" s="423">
        <v>4236005</v>
      </c>
      <c r="JF9" s="425">
        <v>4236005</v>
      </c>
      <c r="JG9" s="422">
        <v>0</v>
      </c>
      <c r="JH9" s="419">
        <v>0</v>
      </c>
      <c r="JI9" s="420">
        <v>0</v>
      </c>
      <c r="JJ9" s="426">
        <v>0</v>
      </c>
      <c r="JK9" s="419">
        <v>38004006</v>
      </c>
      <c r="JL9" s="419">
        <v>35653409</v>
      </c>
      <c r="JM9" s="419">
        <v>30527471</v>
      </c>
      <c r="JN9" s="419">
        <v>16155684</v>
      </c>
      <c r="JO9" s="419">
        <v>6844065</v>
      </c>
      <c r="JP9" s="423">
        <v>127184635</v>
      </c>
      <c r="JQ9" s="421">
        <v>127184635</v>
      </c>
      <c r="JR9" s="422">
        <v>26231</v>
      </c>
      <c r="JS9" s="419">
        <v>100974</v>
      </c>
      <c r="JT9" s="420">
        <v>127205</v>
      </c>
      <c r="JU9" s="426">
        <v>0</v>
      </c>
      <c r="JV9" s="419">
        <v>6367496</v>
      </c>
      <c r="JW9" s="419">
        <v>7233961</v>
      </c>
      <c r="JX9" s="419">
        <v>8408837</v>
      </c>
      <c r="JY9" s="419">
        <v>4512719</v>
      </c>
      <c r="JZ9" s="419">
        <v>3016163</v>
      </c>
      <c r="KA9" s="423">
        <v>29539176</v>
      </c>
      <c r="KB9" s="421">
        <v>29666381</v>
      </c>
      <c r="KC9" s="427">
        <v>720581</v>
      </c>
      <c r="KD9" s="428">
        <v>937079</v>
      </c>
      <c r="KE9" s="423">
        <v>1657660</v>
      </c>
      <c r="KF9" s="426">
        <v>0</v>
      </c>
      <c r="KG9" s="419">
        <v>12125412</v>
      </c>
      <c r="KH9" s="419">
        <v>13724417</v>
      </c>
      <c r="KI9" s="419">
        <v>16840716</v>
      </c>
      <c r="KJ9" s="419">
        <v>15470136</v>
      </c>
      <c r="KK9" s="419">
        <v>4566363</v>
      </c>
      <c r="KL9" s="423">
        <v>62727044</v>
      </c>
      <c r="KM9" s="429">
        <v>64384704</v>
      </c>
      <c r="KN9" s="415">
        <v>0</v>
      </c>
      <c r="KO9" s="416">
        <v>0</v>
      </c>
      <c r="KP9" s="417">
        <v>0</v>
      </c>
      <c r="KQ9" s="418"/>
      <c r="KR9" s="419">
        <v>25313894</v>
      </c>
      <c r="KS9" s="419">
        <v>36904344</v>
      </c>
      <c r="KT9" s="419">
        <v>43858815</v>
      </c>
      <c r="KU9" s="419">
        <v>31852921</v>
      </c>
      <c r="KV9" s="419">
        <v>11883324</v>
      </c>
      <c r="KW9" s="423">
        <v>149813298</v>
      </c>
      <c r="KX9" s="421">
        <v>149813298</v>
      </c>
      <c r="KY9" s="422">
        <v>0</v>
      </c>
      <c r="KZ9" s="419">
        <v>0</v>
      </c>
      <c r="LA9" s="423">
        <v>0</v>
      </c>
      <c r="LB9" s="430"/>
      <c r="LC9" s="419">
        <v>319938</v>
      </c>
      <c r="LD9" s="419">
        <v>1023059</v>
      </c>
      <c r="LE9" s="419">
        <v>703995</v>
      </c>
      <c r="LF9" s="419">
        <v>2294721</v>
      </c>
      <c r="LG9" s="419">
        <v>706219</v>
      </c>
      <c r="LH9" s="423">
        <v>5047932</v>
      </c>
      <c r="LI9" s="425">
        <v>5047932</v>
      </c>
      <c r="LJ9" s="422">
        <v>0</v>
      </c>
      <c r="LK9" s="419">
        <v>0</v>
      </c>
      <c r="LL9" s="423">
        <v>0</v>
      </c>
      <c r="LM9" s="430"/>
      <c r="LN9" s="419">
        <v>0</v>
      </c>
      <c r="LO9" s="419">
        <v>246456</v>
      </c>
      <c r="LP9" s="419">
        <v>4326450</v>
      </c>
      <c r="LQ9" s="419">
        <v>3602148</v>
      </c>
      <c r="LR9" s="419">
        <v>2456809</v>
      </c>
      <c r="LS9" s="423">
        <v>10631863</v>
      </c>
      <c r="LT9" s="421">
        <v>10631863</v>
      </c>
      <c r="LU9" s="422">
        <v>0</v>
      </c>
      <c r="LV9" s="419">
        <v>0</v>
      </c>
      <c r="LW9" s="423">
        <v>0</v>
      </c>
      <c r="LX9" s="430"/>
      <c r="LY9" s="419">
        <v>2888375</v>
      </c>
      <c r="LZ9" s="419">
        <v>2911113</v>
      </c>
      <c r="MA9" s="419">
        <v>5434132</v>
      </c>
      <c r="MB9" s="419">
        <v>5721478</v>
      </c>
      <c r="MC9" s="419">
        <v>11808065</v>
      </c>
      <c r="MD9" s="423">
        <v>28763163</v>
      </c>
      <c r="ME9" s="425">
        <v>28763163</v>
      </c>
      <c r="MF9" s="422">
        <v>0</v>
      </c>
      <c r="MG9" s="419">
        <v>0</v>
      </c>
      <c r="MH9" s="423">
        <v>0</v>
      </c>
      <c r="MI9" s="430"/>
      <c r="MJ9" s="419">
        <v>24951978</v>
      </c>
      <c r="MK9" s="419">
        <v>60070112</v>
      </c>
      <c r="ML9" s="419">
        <v>185019455</v>
      </c>
      <c r="MM9" s="419">
        <v>268530139</v>
      </c>
      <c r="MN9" s="419">
        <v>168811515</v>
      </c>
      <c r="MO9" s="423">
        <v>707383199</v>
      </c>
      <c r="MP9" s="429">
        <v>707383199</v>
      </c>
      <c r="MQ9" s="422">
        <v>0</v>
      </c>
      <c r="MR9" s="419">
        <v>0</v>
      </c>
      <c r="MS9" s="423">
        <v>0</v>
      </c>
      <c r="MT9" s="430"/>
      <c r="MU9" s="419">
        <v>1672809</v>
      </c>
      <c r="MV9" s="419">
        <v>11884889</v>
      </c>
      <c r="MW9" s="419">
        <v>106876263</v>
      </c>
      <c r="MX9" s="419">
        <v>161371974</v>
      </c>
      <c r="MY9" s="419">
        <v>104603473</v>
      </c>
      <c r="MZ9" s="423">
        <v>386409408</v>
      </c>
      <c r="NA9" s="429">
        <v>386409408</v>
      </c>
      <c r="NB9" s="422">
        <v>0</v>
      </c>
      <c r="NC9" s="419">
        <v>0</v>
      </c>
      <c r="ND9" s="423">
        <v>0</v>
      </c>
      <c r="NE9" s="430"/>
      <c r="NF9" s="419">
        <v>23206082</v>
      </c>
      <c r="NG9" s="419">
        <v>47958095</v>
      </c>
      <c r="NH9" s="419">
        <v>76872855</v>
      </c>
      <c r="NI9" s="419">
        <v>96757600</v>
      </c>
      <c r="NJ9" s="419">
        <v>49902195</v>
      </c>
      <c r="NK9" s="423">
        <v>294696827</v>
      </c>
      <c r="NL9" s="421">
        <v>294696827</v>
      </c>
      <c r="NM9" s="422">
        <v>0</v>
      </c>
      <c r="NN9" s="419">
        <v>0</v>
      </c>
      <c r="NO9" s="423">
        <v>0</v>
      </c>
      <c r="NP9" s="430"/>
      <c r="NQ9" s="419">
        <v>73087</v>
      </c>
      <c r="NR9" s="419">
        <v>0</v>
      </c>
      <c r="NS9" s="419">
        <v>635073</v>
      </c>
      <c r="NT9" s="419">
        <v>4626178</v>
      </c>
      <c r="NU9" s="419">
        <v>4373543</v>
      </c>
      <c r="NV9" s="423">
        <v>9707881</v>
      </c>
      <c r="NW9" s="425">
        <v>9707881</v>
      </c>
      <c r="NX9" s="422">
        <v>0</v>
      </c>
      <c r="NY9" s="419">
        <v>0</v>
      </c>
      <c r="NZ9" s="423">
        <v>0</v>
      </c>
      <c r="OA9" s="430"/>
      <c r="OB9" s="419">
        <v>0</v>
      </c>
      <c r="OC9" s="419">
        <v>227128</v>
      </c>
      <c r="OD9" s="419">
        <v>635264</v>
      </c>
      <c r="OE9" s="419">
        <v>5774387</v>
      </c>
      <c r="OF9" s="419">
        <v>9932304</v>
      </c>
      <c r="OG9" s="423">
        <v>16569083</v>
      </c>
      <c r="OH9" s="425">
        <v>16569083</v>
      </c>
      <c r="OI9" s="422">
        <v>29018747</v>
      </c>
      <c r="OJ9" s="419">
        <v>43907693</v>
      </c>
      <c r="OK9" s="420">
        <v>72926440</v>
      </c>
      <c r="OL9" s="426">
        <v>0</v>
      </c>
      <c r="OM9" s="419">
        <v>412122018</v>
      </c>
      <c r="ON9" s="419">
        <v>550766402</v>
      </c>
      <c r="OO9" s="419">
        <v>660064368</v>
      </c>
      <c r="OP9" s="419">
        <v>664633524</v>
      </c>
      <c r="OQ9" s="419">
        <v>416299042</v>
      </c>
      <c r="OR9" s="423">
        <v>2703885354</v>
      </c>
      <c r="OS9" s="429">
        <v>2776811794</v>
      </c>
    </row>
    <row r="10" spans="1:409" s="474" customFormat="1" ht="20.25" customHeight="1" x14ac:dyDescent="0.2">
      <c r="A10" s="44"/>
      <c r="B10" s="475" t="s">
        <v>5</v>
      </c>
      <c r="C10" s="433">
        <v>11797478</v>
      </c>
      <c r="D10" s="434">
        <v>22180618</v>
      </c>
      <c r="E10" s="435">
        <v>33978096</v>
      </c>
      <c r="F10" s="436">
        <v>0</v>
      </c>
      <c r="G10" s="434">
        <v>112317167</v>
      </c>
      <c r="H10" s="434">
        <v>180466391</v>
      </c>
      <c r="I10" s="434">
        <v>164488430</v>
      </c>
      <c r="J10" s="434">
        <v>136356660</v>
      </c>
      <c r="K10" s="434">
        <v>85641150</v>
      </c>
      <c r="L10" s="436">
        <v>679269798</v>
      </c>
      <c r="M10" s="437">
        <v>713247894</v>
      </c>
      <c r="N10" s="433">
        <v>3509600</v>
      </c>
      <c r="O10" s="434">
        <v>8162523</v>
      </c>
      <c r="P10" s="435">
        <v>11672123</v>
      </c>
      <c r="Q10" s="433">
        <v>0</v>
      </c>
      <c r="R10" s="434">
        <v>36536209</v>
      </c>
      <c r="S10" s="434">
        <v>63772642</v>
      </c>
      <c r="T10" s="434">
        <v>52566987</v>
      </c>
      <c r="U10" s="434">
        <v>48972138</v>
      </c>
      <c r="V10" s="434">
        <v>42633261</v>
      </c>
      <c r="W10" s="435">
        <v>244481237</v>
      </c>
      <c r="X10" s="437">
        <v>256153360</v>
      </c>
      <c r="Y10" s="433">
        <v>0</v>
      </c>
      <c r="Z10" s="434">
        <v>0</v>
      </c>
      <c r="AA10" s="435">
        <v>0</v>
      </c>
      <c r="AB10" s="433">
        <v>0</v>
      </c>
      <c r="AC10" s="434">
        <v>16317038</v>
      </c>
      <c r="AD10" s="434">
        <v>26045743</v>
      </c>
      <c r="AE10" s="434">
        <v>23897272</v>
      </c>
      <c r="AF10" s="434">
        <v>23080971</v>
      </c>
      <c r="AG10" s="434">
        <v>20647958</v>
      </c>
      <c r="AH10" s="435">
        <v>109988982</v>
      </c>
      <c r="AI10" s="437">
        <v>109988982</v>
      </c>
      <c r="AJ10" s="433">
        <v>0</v>
      </c>
      <c r="AK10" s="434">
        <v>50670</v>
      </c>
      <c r="AL10" s="435">
        <v>50670</v>
      </c>
      <c r="AM10" s="433">
        <v>0</v>
      </c>
      <c r="AN10" s="434">
        <v>70962</v>
      </c>
      <c r="AO10" s="434">
        <v>883516</v>
      </c>
      <c r="AP10" s="434">
        <v>1173103</v>
      </c>
      <c r="AQ10" s="434">
        <v>2666195</v>
      </c>
      <c r="AR10" s="434">
        <v>6165907</v>
      </c>
      <c r="AS10" s="435">
        <v>10959683</v>
      </c>
      <c r="AT10" s="437">
        <v>11010353</v>
      </c>
      <c r="AU10" s="433">
        <v>1796254</v>
      </c>
      <c r="AV10" s="434">
        <v>5530427</v>
      </c>
      <c r="AW10" s="435">
        <v>7326681</v>
      </c>
      <c r="AX10" s="433">
        <v>0</v>
      </c>
      <c r="AY10" s="434">
        <v>13463489</v>
      </c>
      <c r="AZ10" s="434">
        <v>26015454</v>
      </c>
      <c r="BA10" s="434">
        <v>17598196</v>
      </c>
      <c r="BB10" s="434">
        <v>15070561</v>
      </c>
      <c r="BC10" s="434">
        <v>10714506</v>
      </c>
      <c r="BD10" s="435">
        <v>82862206</v>
      </c>
      <c r="BE10" s="437">
        <v>90188887</v>
      </c>
      <c r="BF10" s="433">
        <v>209610</v>
      </c>
      <c r="BG10" s="434">
        <v>938618</v>
      </c>
      <c r="BH10" s="438">
        <v>1148228</v>
      </c>
      <c r="BI10" s="439">
        <v>0</v>
      </c>
      <c r="BJ10" s="434">
        <v>435556</v>
      </c>
      <c r="BK10" s="434">
        <v>1804406</v>
      </c>
      <c r="BL10" s="434">
        <v>1129872</v>
      </c>
      <c r="BM10" s="434">
        <v>1158496</v>
      </c>
      <c r="BN10" s="434">
        <v>529446</v>
      </c>
      <c r="BO10" s="435">
        <v>5057776</v>
      </c>
      <c r="BP10" s="437">
        <v>6206004</v>
      </c>
      <c r="BQ10" s="433">
        <v>1503736</v>
      </c>
      <c r="BR10" s="434">
        <v>1642808</v>
      </c>
      <c r="BS10" s="435">
        <v>3146544</v>
      </c>
      <c r="BT10" s="433">
        <v>0</v>
      </c>
      <c r="BU10" s="434">
        <v>6249164</v>
      </c>
      <c r="BV10" s="434">
        <v>9023523</v>
      </c>
      <c r="BW10" s="434">
        <v>8768544</v>
      </c>
      <c r="BX10" s="434">
        <v>6995915</v>
      </c>
      <c r="BY10" s="434">
        <v>4575444</v>
      </c>
      <c r="BZ10" s="435">
        <v>35612590</v>
      </c>
      <c r="CA10" s="437">
        <v>38759134</v>
      </c>
      <c r="CB10" s="433">
        <v>1333920</v>
      </c>
      <c r="CC10" s="434">
        <v>3553553</v>
      </c>
      <c r="CD10" s="435">
        <v>4887473</v>
      </c>
      <c r="CE10" s="433">
        <v>0</v>
      </c>
      <c r="CF10" s="434">
        <v>33215402</v>
      </c>
      <c r="CG10" s="434">
        <v>51168509</v>
      </c>
      <c r="CH10" s="434">
        <v>36818115</v>
      </c>
      <c r="CI10" s="434">
        <v>19280881</v>
      </c>
      <c r="CJ10" s="434">
        <v>7417035</v>
      </c>
      <c r="CK10" s="435">
        <v>147899942</v>
      </c>
      <c r="CL10" s="437">
        <v>152787415</v>
      </c>
      <c r="CM10" s="433">
        <v>0</v>
      </c>
      <c r="CN10" s="434">
        <v>0</v>
      </c>
      <c r="CO10" s="435">
        <v>0</v>
      </c>
      <c r="CP10" s="439">
        <v>0</v>
      </c>
      <c r="CQ10" s="434">
        <v>26514478</v>
      </c>
      <c r="CR10" s="434">
        <v>37011276</v>
      </c>
      <c r="CS10" s="434">
        <v>25478651</v>
      </c>
      <c r="CT10" s="434">
        <v>12798956</v>
      </c>
      <c r="CU10" s="434">
        <v>5649216</v>
      </c>
      <c r="CV10" s="435">
        <v>107452577</v>
      </c>
      <c r="CW10" s="437">
        <v>107452577</v>
      </c>
      <c r="CX10" s="433">
        <v>1333920</v>
      </c>
      <c r="CY10" s="434">
        <v>3553553</v>
      </c>
      <c r="CZ10" s="435">
        <v>4887473</v>
      </c>
      <c r="DA10" s="433">
        <v>0</v>
      </c>
      <c r="DB10" s="434">
        <v>6700924</v>
      </c>
      <c r="DC10" s="434">
        <v>14157233</v>
      </c>
      <c r="DD10" s="434">
        <v>11339464</v>
      </c>
      <c r="DE10" s="434">
        <v>6481925</v>
      </c>
      <c r="DF10" s="434">
        <v>1767819</v>
      </c>
      <c r="DG10" s="435">
        <v>40447365</v>
      </c>
      <c r="DH10" s="437">
        <v>45334838</v>
      </c>
      <c r="DI10" s="433">
        <v>95775</v>
      </c>
      <c r="DJ10" s="434">
        <v>663673</v>
      </c>
      <c r="DK10" s="438">
        <v>759448</v>
      </c>
      <c r="DL10" s="439">
        <v>0</v>
      </c>
      <c r="DM10" s="434">
        <v>4171771</v>
      </c>
      <c r="DN10" s="434">
        <v>7569070</v>
      </c>
      <c r="DO10" s="434">
        <v>16815741</v>
      </c>
      <c r="DP10" s="434">
        <v>15386810</v>
      </c>
      <c r="DQ10" s="434">
        <v>3967413</v>
      </c>
      <c r="DR10" s="435">
        <v>47910805</v>
      </c>
      <c r="DS10" s="437">
        <v>48670253</v>
      </c>
      <c r="DT10" s="433">
        <v>95775</v>
      </c>
      <c r="DU10" s="434">
        <v>638889</v>
      </c>
      <c r="DV10" s="435">
        <v>734664</v>
      </c>
      <c r="DW10" s="433">
        <v>0</v>
      </c>
      <c r="DX10" s="434">
        <v>3583463</v>
      </c>
      <c r="DY10" s="434">
        <v>6267214</v>
      </c>
      <c r="DZ10" s="434">
        <v>13570231</v>
      </c>
      <c r="EA10" s="434">
        <v>13130045</v>
      </c>
      <c r="EB10" s="434">
        <v>3144597</v>
      </c>
      <c r="EC10" s="435">
        <v>39695550</v>
      </c>
      <c r="ED10" s="437">
        <v>40430214</v>
      </c>
      <c r="EE10" s="433">
        <v>0</v>
      </c>
      <c r="EF10" s="438">
        <v>24784</v>
      </c>
      <c r="EG10" s="435">
        <v>24784</v>
      </c>
      <c r="EH10" s="433">
        <v>0</v>
      </c>
      <c r="EI10" s="434">
        <v>588308</v>
      </c>
      <c r="EJ10" s="434">
        <v>1301856</v>
      </c>
      <c r="EK10" s="434">
        <v>3245510</v>
      </c>
      <c r="EL10" s="434">
        <v>2256765</v>
      </c>
      <c r="EM10" s="434">
        <v>822816</v>
      </c>
      <c r="EN10" s="438">
        <v>8215255</v>
      </c>
      <c r="EO10" s="437">
        <v>8240039</v>
      </c>
      <c r="EP10" s="433">
        <v>0</v>
      </c>
      <c r="EQ10" s="434">
        <v>0</v>
      </c>
      <c r="ER10" s="438">
        <v>0</v>
      </c>
      <c r="ES10" s="439">
        <v>0</v>
      </c>
      <c r="ET10" s="434">
        <v>0</v>
      </c>
      <c r="EU10" s="434">
        <v>0</v>
      </c>
      <c r="EV10" s="434">
        <v>0</v>
      </c>
      <c r="EW10" s="434">
        <v>0</v>
      </c>
      <c r="EX10" s="434">
        <v>0</v>
      </c>
      <c r="EY10" s="435">
        <v>0</v>
      </c>
      <c r="EZ10" s="437">
        <v>0</v>
      </c>
      <c r="FA10" s="433">
        <v>0</v>
      </c>
      <c r="FB10" s="434">
        <v>0</v>
      </c>
      <c r="FC10" s="438">
        <v>0</v>
      </c>
      <c r="FD10" s="440">
        <v>0</v>
      </c>
      <c r="FE10" s="434">
        <v>0</v>
      </c>
      <c r="FF10" s="434">
        <v>0</v>
      </c>
      <c r="FG10" s="434">
        <v>0</v>
      </c>
      <c r="FH10" s="434">
        <v>0</v>
      </c>
      <c r="FI10" s="434">
        <v>0</v>
      </c>
      <c r="FJ10" s="435">
        <v>0</v>
      </c>
      <c r="FK10" s="437">
        <v>0</v>
      </c>
      <c r="FL10" s="433">
        <v>2565453</v>
      </c>
      <c r="FM10" s="434">
        <v>4592512</v>
      </c>
      <c r="FN10" s="435">
        <v>7157965</v>
      </c>
      <c r="FO10" s="433">
        <v>0</v>
      </c>
      <c r="FP10" s="434">
        <v>4700688</v>
      </c>
      <c r="FQ10" s="434">
        <v>15952064</v>
      </c>
      <c r="FR10" s="434">
        <v>11393125</v>
      </c>
      <c r="FS10" s="434">
        <v>9866222</v>
      </c>
      <c r="FT10" s="434">
        <v>6742752</v>
      </c>
      <c r="FU10" s="435">
        <v>48654851</v>
      </c>
      <c r="FV10" s="437">
        <v>55812816</v>
      </c>
      <c r="FW10" s="441">
        <v>924512</v>
      </c>
      <c r="FX10" s="434">
        <v>2751856</v>
      </c>
      <c r="FY10" s="438">
        <v>3676368</v>
      </c>
      <c r="FZ10" s="439">
        <v>0</v>
      </c>
      <c r="GA10" s="434">
        <v>3200016</v>
      </c>
      <c r="GB10" s="434">
        <v>14132368</v>
      </c>
      <c r="GC10" s="434">
        <v>10821336</v>
      </c>
      <c r="GD10" s="434">
        <v>9389340</v>
      </c>
      <c r="GE10" s="434">
        <v>6110760</v>
      </c>
      <c r="GF10" s="435">
        <v>43653820</v>
      </c>
      <c r="GG10" s="442">
        <v>47330188</v>
      </c>
      <c r="GH10" s="441">
        <v>172301</v>
      </c>
      <c r="GI10" s="434">
        <v>256176</v>
      </c>
      <c r="GJ10" s="438">
        <v>428477</v>
      </c>
      <c r="GK10" s="439">
        <v>0</v>
      </c>
      <c r="GL10" s="434">
        <v>218832</v>
      </c>
      <c r="GM10" s="434">
        <v>436256</v>
      </c>
      <c r="GN10" s="434">
        <v>218909</v>
      </c>
      <c r="GO10" s="434">
        <v>186482</v>
      </c>
      <c r="GP10" s="434">
        <v>127512</v>
      </c>
      <c r="GQ10" s="435">
        <v>1187991</v>
      </c>
      <c r="GR10" s="437">
        <v>1616468</v>
      </c>
      <c r="GS10" s="433">
        <v>1468640</v>
      </c>
      <c r="GT10" s="434">
        <v>1584480</v>
      </c>
      <c r="GU10" s="435">
        <v>3053120</v>
      </c>
      <c r="GV10" s="433">
        <v>0</v>
      </c>
      <c r="GW10" s="434">
        <v>1281840</v>
      </c>
      <c r="GX10" s="434">
        <v>1383440</v>
      </c>
      <c r="GY10" s="434">
        <v>352880</v>
      </c>
      <c r="GZ10" s="434">
        <v>290400</v>
      </c>
      <c r="HA10" s="434">
        <v>504480</v>
      </c>
      <c r="HB10" s="438">
        <v>3813040</v>
      </c>
      <c r="HC10" s="437">
        <v>6866160</v>
      </c>
      <c r="HD10" s="433">
        <v>4292730</v>
      </c>
      <c r="HE10" s="434">
        <v>5208357</v>
      </c>
      <c r="HF10" s="438">
        <v>9501087</v>
      </c>
      <c r="HG10" s="439">
        <v>0</v>
      </c>
      <c r="HH10" s="434">
        <v>33693097</v>
      </c>
      <c r="HI10" s="434">
        <v>42004106</v>
      </c>
      <c r="HJ10" s="434">
        <v>46894462</v>
      </c>
      <c r="HK10" s="434">
        <v>42850609</v>
      </c>
      <c r="HL10" s="434">
        <v>24880689</v>
      </c>
      <c r="HM10" s="435">
        <v>190322963</v>
      </c>
      <c r="HN10" s="436">
        <v>199824050</v>
      </c>
      <c r="HO10" s="476"/>
      <c r="HP10" s="477"/>
      <c r="HQ10" s="478"/>
      <c r="HR10" s="479"/>
      <c r="HS10" s="477"/>
      <c r="HT10" s="477"/>
      <c r="HU10" s="477"/>
      <c r="HV10" s="477"/>
      <c r="HW10" s="477"/>
      <c r="HX10" s="480"/>
      <c r="HY10" s="481"/>
      <c r="HZ10" s="443">
        <v>306219</v>
      </c>
      <c r="IA10" s="444">
        <v>829387</v>
      </c>
      <c r="IB10" s="445">
        <v>1135606</v>
      </c>
      <c r="IC10" s="446">
        <v>0</v>
      </c>
      <c r="ID10" s="447">
        <v>31825113</v>
      </c>
      <c r="IE10" s="448">
        <v>44850235</v>
      </c>
      <c r="IF10" s="449">
        <v>48127866</v>
      </c>
      <c r="IG10" s="447">
        <v>32865456</v>
      </c>
      <c r="IH10" s="449">
        <v>22060319</v>
      </c>
      <c r="II10" s="450">
        <v>179728989</v>
      </c>
      <c r="IJ10" s="451">
        <v>180864595</v>
      </c>
      <c r="IK10" s="452">
        <v>0</v>
      </c>
      <c r="IL10" s="453">
        <v>0</v>
      </c>
      <c r="IM10" s="454">
        <v>0</v>
      </c>
      <c r="IN10" s="455"/>
      <c r="IO10" s="456">
        <v>311339</v>
      </c>
      <c r="IP10" s="456">
        <v>1555552</v>
      </c>
      <c r="IQ10" s="456">
        <v>1811287</v>
      </c>
      <c r="IR10" s="456">
        <v>1656206</v>
      </c>
      <c r="IS10" s="456">
        <v>2085499</v>
      </c>
      <c r="IT10" s="457">
        <v>7419883</v>
      </c>
      <c r="IU10" s="458">
        <v>7419883</v>
      </c>
      <c r="IV10" s="459">
        <v>0</v>
      </c>
      <c r="IW10" s="456">
        <v>0</v>
      </c>
      <c r="IX10" s="460">
        <v>0</v>
      </c>
      <c r="IY10" s="461"/>
      <c r="IZ10" s="456">
        <v>231556</v>
      </c>
      <c r="JA10" s="456">
        <v>470268</v>
      </c>
      <c r="JB10" s="456">
        <v>765396</v>
      </c>
      <c r="JC10" s="456">
        <v>616857</v>
      </c>
      <c r="JD10" s="456">
        <v>1239356</v>
      </c>
      <c r="JE10" s="460">
        <v>3323433</v>
      </c>
      <c r="JF10" s="462">
        <v>3323433</v>
      </c>
      <c r="JG10" s="459">
        <v>0</v>
      </c>
      <c r="JH10" s="456">
        <v>0</v>
      </c>
      <c r="JI10" s="457">
        <v>0</v>
      </c>
      <c r="JJ10" s="463">
        <v>0</v>
      </c>
      <c r="JK10" s="456">
        <v>14574139</v>
      </c>
      <c r="JL10" s="456">
        <v>17265419</v>
      </c>
      <c r="JM10" s="456">
        <v>15743083</v>
      </c>
      <c r="JN10" s="456">
        <v>8453621</v>
      </c>
      <c r="JO10" s="456">
        <v>3373922</v>
      </c>
      <c r="JP10" s="460">
        <v>59410184</v>
      </c>
      <c r="JQ10" s="458">
        <v>59410184</v>
      </c>
      <c r="JR10" s="459">
        <v>0</v>
      </c>
      <c r="JS10" s="456">
        <v>100974</v>
      </c>
      <c r="JT10" s="457">
        <v>100974</v>
      </c>
      <c r="JU10" s="463">
        <v>0</v>
      </c>
      <c r="JV10" s="456">
        <v>2820187</v>
      </c>
      <c r="JW10" s="456">
        <v>3916597</v>
      </c>
      <c r="JX10" s="456">
        <v>4761990</v>
      </c>
      <c r="JY10" s="456">
        <v>3165231</v>
      </c>
      <c r="JZ10" s="456">
        <v>1636839</v>
      </c>
      <c r="KA10" s="460">
        <v>16300844</v>
      </c>
      <c r="KB10" s="458">
        <v>16401818</v>
      </c>
      <c r="KC10" s="464">
        <v>306219</v>
      </c>
      <c r="KD10" s="465">
        <v>728413</v>
      </c>
      <c r="KE10" s="460">
        <v>1034632</v>
      </c>
      <c r="KF10" s="463">
        <v>0</v>
      </c>
      <c r="KG10" s="456">
        <v>4248119</v>
      </c>
      <c r="KH10" s="456">
        <v>4895640</v>
      </c>
      <c r="KI10" s="456">
        <v>6281743</v>
      </c>
      <c r="KJ10" s="456">
        <v>6274314</v>
      </c>
      <c r="KK10" s="456">
        <v>1991790</v>
      </c>
      <c r="KL10" s="460">
        <v>23691606</v>
      </c>
      <c r="KM10" s="466">
        <v>24726238</v>
      </c>
      <c r="KN10" s="452">
        <v>0</v>
      </c>
      <c r="KO10" s="453">
        <v>0</v>
      </c>
      <c r="KP10" s="454">
        <v>0</v>
      </c>
      <c r="KQ10" s="455"/>
      <c r="KR10" s="456">
        <v>8616518</v>
      </c>
      <c r="KS10" s="456">
        <v>15803123</v>
      </c>
      <c r="KT10" s="456">
        <v>17693327</v>
      </c>
      <c r="KU10" s="456">
        <v>11248553</v>
      </c>
      <c r="KV10" s="456">
        <v>3623768</v>
      </c>
      <c r="KW10" s="460">
        <v>56985289</v>
      </c>
      <c r="KX10" s="458">
        <v>56985289</v>
      </c>
      <c r="KY10" s="459">
        <v>0</v>
      </c>
      <c r="KZ10" s="456">
        <v>0</v>
      </c>
      <c r="LA10" s="460">
        <v>0</v>
      </c>
      <c r="LB10" s="467"/>
      <c r="LC10" s="456">
        <v>0</v>
      </c>
      <c r="LD10" s="456">
        <v>0</v>
      </c>
      <c r="LE10" s="456">
        <v>0</v>
      </c>
      <c r="LF10" s="456">
        <v>0</v>
      </c>
      <c r="LG10" s="456">
        <v>0</v>
      </c>
      <c r="LH10" s="460">
        <v>0</v>
      </c>
      <c r="LI10" s="462">
        <v>0</v>
      </c>
      <c r="LJ10" s="459">
        <v>0</v>
      </c>
      <c r="LK10" s="456">
        <v>0</v>
      </c>
      <c r="LL10" s="460">
        <v>0</v>
      </c>
      <c r="LM10" s="467"/>
      <c r="LN10" s="456">
        <v>0</v>
      </c>
      <c r="LO10" s="456">
        <v>246456</v>
      </c>
      <c r="LP10" s="456">
        <v>810060</v>
      </c>
      <c r="LQ10" s="456">
        <v>533023</v>
      </c>
      <c r="LR10" s="456">
        <v>614598</v>
      </c>
      <c r="LS10" s="460">
        <v>2204137</v>
      </c>
      <c r="LT10" s="458">
        <v>2204137</v>
      </c>
      <c r="LU10" s="459">
        <v>0</v>
      </c>
      <c r="LV10" s="456">
        <v>0</v>
      </c>
      <c r="LW10" s="460">
        <v>0</v>
      </c>
      <c r="LX10" s="467"/>
      <c r="LY10" s="456">
        <v>1023255</v>
      </c>
      <c r="LZ10" s="456">
        <v>697180</v>
      </c>
      <c r="MA10" s="456">
        <v>260980</v>
      </c>
      <c r="MB10" s="456">
        <v>917651</v>
      </c>
      <c r="MC10" s="456">
        <v>7494547</v>
      </c>
      <c r="MD10" s="460">
        <v>10393613</v>
      </c>
      <c r="ME10" s="462">
        <v>10393613</v>
      </c>
      <c r="MF10" s="459">
        <v>0</v>
      </c>
      <c r="MG10" s="456">
        <v>0</v>
      </c>
      <c r="MH10" s="460">
        <v>0</v>
      </c>
      <c r="MI10" s="467"/>
      <c r="MJ10" s="456">
        <v>10861886</v>
      </c>
      <c r="MK10" s="456">
        <v>34625887</v>
      </c>
      <c r="ML10" s="456">
        <v>94006866</v>
      </c>
      <c r="MM10" s="456">
        <v>123955902</v>
      </c>
      <c r="MN10" s="456">
        <v>85674340</v>
      </c>
      <c r="MO10" s="460">
        <v>349124881</v>
      </c>
      <c r="MP10" s="466">
        <v>349124881</v>
      </c>
      <c r="MQ10" s="459">
        <v>0</v>
      </c>
      <c r="MR10" s="456">
        <v>0</v>
      </c>
      <c r="MS10" s="460">
        <v>0</v>
      </c>
      <c r="MT10" s="467"/>
      <c r="MU10" s="456">
        <v>424639</v>
      </c>
      <c r="MV10" s="456">
        <v>7362711</v>
      </c>
      <c r="MW10" s="456">
        <v>56907303</v>
      </c>
      <c r="MX10" s="456">
        <v>71368552</v>
      </c>
      <c r="MY10" s="456">
        <v>51081083</v>
      </c>
      <c r="MZ10" s="460">
        <v>187144288</v>
      </c>
      <c r="NA10" s="466">
        <v>187144288</v>
      </c>
      <c r="NB10" s="459">
        <v>0</v>
      </c>
      <c r="NC10" s="456">
        <v>0</v>
      </c>
      <c r="ND10" s="460">
        <v>0</v>
      </c>
      <c r="NE10" s="467"/>
      <c r="NF10" s="456">
        <v>10437247</v>
      </c>
      <c r="NG10" s="456">
        <v>27263176</v>
      </c>
      <c r="NH10" s="456">
        <v>37099563</v>
      </c>
      <c r="NI10" s="456">
        <v>49525397</v>
      </c>
      <c r="NJ10" s="456">
        <v>28740591</v>
      </c>
      <c r="NK10" s="460">
        <v>153065974</v>
      </c>
      <c r="NL10" s="458">
        <v>153065974</v>
      </c>
      <c r="NM10" s="459">
        <v>0</v>
      </c>
      <c r="NN10" s="456">
        <v>0</v>
      </c>
      <c r="NO10" s="460">
        <v>0</v>
      </c>
      <c r="NP10" s="467"/>
      <c r="NQ10" s="456">
        <v>0</v>
      </c>
      <c r="NR10" s="456">
        <v>0</v>
      </c>
      <c r="NS10" s="456">
        <v>0</v>
      </c>
      <c r="NT10" s="456">
        <v>980051</v>
      </c>
      <c r="NU10" s="456">
        <v>1700713</v>
      </c>
      <c r="NV10" s="460">
        <v>2680764</v>
      </c>
      <c r="NW10" s="462">
        <v>2680764</v>
      </c>
      <c r="NX10" s="459">
        <v>0</v>
      </c>
      <c r="NY10" s="456">
        <v>0</v>
      </c>
      <c r="NZ10" s="460">
        <v>0</v>
      </c>
      <c r="OA10" s="467"/>
      <c r="OB10" s="456">
        <v>0</v>
      </c>
      <c r="OC10" s="456">
        <v>0</v>
      </c>
      <c r="OD10" s="456">
        <v>0</v>
      </c>
      <c r="OE10" s="456">
        <v>2081902</v>
      </c>
      <c r="OF10" s="456">
        <v>4151953</v>
      </c>
      <c r="OG10" s="460">
        <v>6233855</v>
      </c>
      <c r="OH10" s="462">
        <v>6233855</v>
      </c>
      <c r="OI10" s="459">
        <v>12103697</v>
      </c>
      <c r="OJ10" s="456">
        <v>23010005</v>
      </c>
      <c r="OK10" s="457">
        <v>35113702</v>
      </c>
      <c r="OL10" s="463">
        <v>0</v>
      </c>
      <c r="OM10" s="456">
        <v>155004166</v>
      </c>
      <c r="ON10" s="456">
        <v>259942513</v>
      </c>
      <c r="OO10" s="456">
        <v>306623162</v>
      </c>
      <c r="OP10" s="456">
        <v>293178018</v>
      </c>
      <c r="OQ10" s="456">
        <v>193375809</v>
      </c>
      <c r="OR10" s="460">
        <v>1208123668</v>
      </c>
      <c r="OS10" s="466">
        <v>1243237370</v>
      </c>
    </row>
    <row r="11" spans="1:409" ht="20.25" customHeight="1" x14ac:dyDescent="0.2">
      <c r="B11" s="126" t="s">
        <v>6</v>
      </c>
      <c r="C11" s="110">
        <v>4862188</v>
      </c>
      <c r="D11" s="114">
        <v>4176460</v>
      </c>
      <c r="E11" s="113">
        <v>9038648</v>
      </c>
      <c r="F11" s="109">
        <v>0</v>
      </c>
      <c r="G11" s="114">
        <v>39285253</v>
      </c>
      <c r="H11" s="114">
        <v>43880849</v>
      </c>
      <c r="I11" s="114">
        <v>41376660</v>
      </c>
      <c r="J11" s="114">
        <v>41275180</v>
      </c>
      <c r="K11" s="114">
        <v>29106378</v>
      </c>
      <c r="L11" s="109">
        <v>194924320</v>
      </c>
      <c r="M11" s="116">
        <v>203962968</v>
      </c>
      <c r="N11" s="110">
        <v>1090380</v>
      </c>
      <c r="O11" s="114">
        <v>1386781</v>
      </c>
      <c r="P11" s="113">
        <v>2477161</v>
      </c>
      <c r="Q11" s="110">
        <v>0</v>
      </c>
      <c r="R11" s="114">
        <v>12773300</v>
      </c>
      <c r="S11" s="114">
        <v>14110044</v>
      </c>
      <c r="T11" s="114">
        <v>13433466</v>
      </c>
      <c r="U11" s="114">
        <v>16924137</v>
      </c>
      <c r="V11" s="114">
        <v>14680145</v>
      </c>
      <c r="W11" s="113">
        <v>71921092</v>
      </c>
      <c r="X11" s="116">
        <v>74398253</v>
      </c>
      <c r="Y11" s="110">
        <v>0</v>
      </c>
      <c r="Z11" s="114">
        <v>0</v>
      </c>
      <c r="AA11" s="113">
        <v>0</v>
      </c>
      <c r="AB11" s="110">
        <v>0</v>
      </c>
      <c r="AC11" s="114">
        <v>5374609</v>
      </c>
      <c r="AD11" s="114">
        <v>6009703</v>
      </c>
      <c r="AE11" s="114">
        <v>7310353</v>
      </c>
      <c r="AF11" s="114">
        <v>8918724</v>
      </c>
      <c r="AG11" s="114">
        <v>7683814</v>
      </c>
      <c r="AH11" s="113">
        <v>35297203</v>
      </c>
      <c r="AI11" s="116">
        <v>35297203</v>
      </c>
      <c r="AJ11" s="110">
        <v>0</v>
      </c>
      <c r="AK11" s="114">
        <v>0</v>
      </c>
      <c r="AL11" s="113">
        <v>0</v>
      </c>
      <c r="AM11" s="110">
        <v>0</v>
      </c>
      <c r="AN11" s="114">
        <v>62048</v>
      </c>
      <c r="AO11" s="114">
        <v>204463</v>
      </c>
      <c r="AP11" s="114">
        <v>218206</v>
      </c>
      <c r="AQ11" s="114">
        <v>880679</v>
      </c>
      <c r="AR11" s="114">
        <v>1490075</v>
      </c>
      <c r="AS11" s="113">
        <v>2855471</v>
      </c>
      <c r="AT11" s="116">
        <v>2855471</v>
      </c>
      <c r="AU11" s="110">
        <v>409740</v>
      </c>
      <c r="AV11" s="114">
        <v>952349</v>
      </c>
      <c r="AW11" s="113">
        <v>1362089</v>
      </c>
      <c r="AX11" s="110">
        <v>0</v>
      </c>
      <c r="AY11" s="114">
        <v>4700050</v>
      </c>
      <c r="AZ11" s="114">
        <v>4771268</v>
      </c>
      <c r="BA11" s="114">
        <v>3219908</v>
      </c>
      <c r="BB11" s="114">
        <v>4286402</v>
      </c>
      <c r="BC11" s="114">
        <v>3587606</v>
      </c>
      <c r="BD11" s="113">
        <v>20565234</v>
      </c>
      <c r="BE11" s="116">
        <v>21927323</v>
      </c>
      <c r="BF11" s="110">
        <v>16032</v>
      </c>
      <c r="BG11" s="114">
        <v>32064</v>
      </c>
      <c r="BH11" s="112">
        <v>48096</v>
      </c>
      <c r="BI11" s="111">
        <v>0</v>
      </c>
      <c r="BJ11" s="114">
        <v>277449</v>
      </c>
      <c r="BK11" s="114">
        <v>334970</v>
      </c>
      <c r="BL11" s="114">
        <v>147623</v>
      </c>
      <c r="BM11" s="114">
        <v>315124</v>
      </c>
      <c r="BN11" s="114">
        <v>148234</v>
      </c>
      <c r="BO11" s="113">
        <v>1223400</v>
      </c>
      <c r="BP11" s="116">
        <v>1271496</v>
      </c>
      <c r="BQ11" s="110">
        <v>664608</v>
      </c>
      <c r="BR11" s="114">
        <v>402368</v>
      </c>
      <c r="BS11" s="113">
        <v>1066976</v>
      </c>
      <c r="BT11" s="110">
        <v>0</v>
      </c>
      <c r="BU11" s="114">
        <v>2359144</v>
      </c>
      <c r="BV11" s="114">
        <v>2789640</v>
      </c>
      <c r="BW11" s="114">
        <v>2537376</v>
      </c>
      <c r="BX11" s="114">
        <v>2523208</v>
      </c>
      <c r="BY11" s="114">
        <v>1770416</v>
      </c>
      <c r="BZ11" s="113">
        <v>11979784</v>
      </c>
      <c r="CA11" s="116">
        <v>13046760</v>
      </c>
      <c r="CB11" s="110">
        <v>130283</v>
      </c>
      <c r="CC11" s="114">
        <v>431961</v>
      </c>
      <c r="CD11" s="113">
        <v>562244</v>
      </c>
      <c r="CE11" s="110">
        <v>0</v>
      </c>
      <c r="CF11" s="114">
        <v>12053053</v>
      </c>
      <c r="CG11" s="114">
        <v>12374632</v>
      </c>
      <c r="CH11" s="114">
        <v>11502104</v>
      </c>
      <c r="CI11" s="114">
        <v>6840867</v>
      </c>
      <c r="CJ11" s="114">
        <v>3163280</v>
      </c>
      <c r="CK11" s="113">
        <v>45933936</v>
      </c>
      <c r="CL11" s="116">
        <v>46496180</v>
      </c>
      <c r="CM11" s="110">
        <v>0</v>
      </c>
      <c r="CN11" s="114">
        <v>0</v>
      </c>
      <c r="CO11" s="113">
        <v>0</v>
      </c>
      <c r="CP11" s="111">
        <v>0</v>
      </c>
      <c r="CQ11" s="114">
        <v>9913668</v>
      </c>
      <c r="CR11" s="114">
        <v>8819209</v>
      </c>
      <c r="CS11" s="114">
        <v>8670887</v>
      </c>
      <c r="CT11" s="114">
        <v>4979980</v>
      </c>
      <c r="CU11" s="114">
        <v>2279684</v>
      </c>
      <c r="CV11" s="113">
        <v>34663428</v>
      </c>
      <c r="CW11" s="116">
        <v>34663428</v>
      </c>
      <c r="CX11" s="110">
        <v>130283</v>
      </c>
      <c r="CY11" s="114">
        <v>431961</v>
      </c>
      <c r="CZ11" s="113">
        <v>562244</v>
      </c>
      <c r="DA11" s="110">
        <v>0</v>
      </c>
      <c r="DB11" s="114">
        <v>2139385</v>
      </c>
      <c r="DC11" s="114">
        <v>3555423</v>
      </c>
      <c r="DD11" s="114">
        <v>2831217</v>
      </c>
      <c r="DE11" s="114">
        <v>1860887</v>
      </c>
      <c r="DF11" s="114">
        <v>883596</v>
      </c>
      <c r="DG11" s="113">
        <v>11270508</v>
      </c>
      <c r="DH11" s="116">
        <v>11832752</v>
      </c>
      <c r="DI11" s="110">
        <v>24596</v>
      </c>
      <c r="DJ11" s="114">
        <v>92548</v>
      </c>
      <c r="DK11" s="112">
        <v>117144</v>
      </c>
      <c r="DL11" s="111">
        <v>0</v>
      </c>
      <c r="DM11" s="114">
        <v>1117155</v>
      </c>
      <c r="DN11" s="114">
        <v>1887063</v>
      </c>
      <c r="DO11" s="114">
        <v>2223086</v>
      </c>
      <c r="DP11" s="114">
        <v>1748848</v>
      </c>
      <c r="DQ11" s="114">
        <v>1333369</v>
      </c>
      <c r="DR11" s="113">
        <v>8309521</v>
      </c>
      <c r="DS11" s="116">
        <v>8426665</v>
      </c>
      <c r="DT11" s="110">
        <v>24596</v>
      </c>
      <c r="DU11" s="114">
        <v>92548</v>
      </c>
      <c r="DV11" s="113">
        <v>117144</v>
      </c>
      <c r="DW11" s="110">
        <v>0</v>
      </c>
      <c r="DX11" s="114">
        <v>888067</v>
      </c>
      <c r="DY11" s="114">
        <v>1543974</v>
      </c>
      <c r="DZ11" s="114">
        <v>1616441</v>
      </c>
      <c r="EA11" s="114">
        <v>1347821</v>
      </c>
      <c r="EB11" s="114">
        <v>770948</v>
      </c>
      <c r="EC11" s="113">
        <v>6167251</v>
      </c>
      <c r="ED11" s="116">
        <v>6284395</v>
      </c>
      <c r="EE11" s="110">
        <v>0</v>
      </c>
      <c r="EF11" s="112">
        <v>0</v>
      </c>
      <c r="EG11" s="113">
        <v>0</v>
      </c>
      <c r="EH11" s="110">
        <v>0</v>
      </c>
      <c r="EI11" s="114">
        <v>229088</v>
      </c>
      <c r="EJ11" s="114">
        <v>343089</v>
      </c>
      <c r="EK11" s="114">
        <v>606645</v>
      </c>
      <c r="EL11" s="114">
        <v>401027</v>
      </c>
      <c r="EM11" s="114">
        <v>562421</v>
      </c>
      <c r="EN11" s="112">
        <v>2142270</v>
      </c>
      <c r="EO11" s="116">
        <v>2142270</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8">
        <v>0</v>
      </c>
      <c r="FE11" s="114">
        <v>0</v>
      </c>
      <c r="FF11" s="114">
        <v>0</v>
      </c>
      <c r="FG11" s="114">
        <v>0</v>
      </c>
      <c r="FH11" s="114">
        <v>0</v>
      </c>
      <c r="FI11" s="114">
        <v>0</v>
      </c>
      <c r="FJ11" s="113">
        <v>0</v>
      </c>
      <c r="FK11" s="116">
        <v>0</v>
      </c>
      <c r="FL11" s="110">
        <v>777753</v>
      </c>
      <c r="FM11" s="114">
        <v>776436</v>
      </c>
      <c r="FN11" s="113">
        <v>1554189</v>
      </c>
      <c r="FO11" s="110">
        <v>0</v>
      </c>
      <c r="FP11" s="114">
        <v>2139992</v>
      </c>
      <c r="FQ11" s="114">
        <v>4082808</v>
      </c>
      <c r="FR11" s="114">
        <v>3742040</v>
      </c>
      <c r="FS11" s="114">
        <v>3533616</v>
      </c>
      <c r="FT11" s="114">
        <v>2501212</v>
      </c>
      <c r="FU11" s="113">
        <v>15999668</v>
      </c>
      <c r="FV11" s="116">
        <v>17553857</v>
      </c>
      <c r="FW11" s="115">
        <v>332880</v>
      </c>
      <c r="FX11" s="114">
        <v>652000</v>
      </c>
      <c r="FY11" s="112">
        <v>984880</v>
      </c>
      <c r="FZ11" s="111">
        <v>0</v>
      </c>
      <c r="GA11" s="114">
        <v>1734888</v>
      </c>
      <c r="GB11" s="114">
        <v>3635544</v>
      </c>
      <c r="GC11" s="114">
        <v>3193016</v>
      </c>
      <c r="GD11" s="114">
        <v>3477696</v>
      </c>
      <c r="GE11" s="114">
        <v>2323440</v>
      </c>
      <c r="GF11" s="113">
        <v>14364584</v>
      </c>
      <c r="GG11" s="319">
        <v>15349464</v>
      </c>
      <c r="GH11" s="115">
        <v>0</v>
      </c>
      <c r="GI11" s="114">
        <v>49236</v>
      </c>
      <c r="GJ11" s="112">
        <v>49236</v>
      </c>
      <c r="GK11" s="111">
        <v>0</v>
      </c>
      <c r="GL11" s="114">
        <v>156704</v>
      </c>
      <c r="GM11" s="114">
        <v>95224</v>
      </c>
      <c r="GN11" s="114">
        <v>57184</v>
      </c>
      <c r="GO11" s="114">
        <v>38320</v>
      </c>
      <c r="GP11" s="114">
        <v>119372</v>
      </c>
      <c r="GQ11" s="113">
        <v>466804</v>
      </c>
      <c r="GR11" s="116">
        <v>516040</v>
      </c>
      <c r="GS11" s="110">
        <v>444873</v>
      </c>
      <c r="GT11" s="114">
        <v>75200</v>
      </c>
      <c r="GU11" s="113">
        <v>520073</v>
      </c>
      <c r="GV11" s="110">
        <v>0</v>
      </c>
      <c r="GW11" s="114">
        <v>248400</v>
      </c>
      <c r="GX11" s="114">
        <v>352040</v>
      </c>
      <c r="GY11" s="114">
        <v>491840</v>
      </c>
      <c r="GZ11" s="114">
        <v>17600</v>
      </c>
      <c r="HA11" s="114">
        <v>58400</v>
      </c>
      <c r="HB11" s="112">
        <v>1168280</v>
      </c>
      <c r="HC11" s="116">
        <v>1688353</v>
      </c>
      <c r="HD11" s="110">
        <v>2839176</v>
      </c>
      <c r="HE11" s="114">
        <v>1488734</v>
      </c>
      <c r="HF11" s="112">
        <v>4327910</v>
      </c>
      <c r="HG11" s="111">
        <v>0</v>
      </c>
      <c r="HH11" s="114">
        <v>11201753</v>
      </c>
      <c r="HI11" s="114">
        <v>11426302</v>
      </c>
      <c r="HJ11" s="114">
        <v>10475964</v>
      </c>
      <c r="HK11" s="114">
        <v>12227712</v>
      </c>
      <c r="HL11" s="114">
        <v>7428372</v>
      </c>
      <c r="HM11" s="113">
        <v>52760103</v>
      </c>
      <c r="HN11" s="109">
        <v>57088013</v>
      </c>
      <c r="HO11" s="329"/>
      <c r="HP11" s="330"/>
      <c r="HQ11" s="331"/>
      <c r="HR11" s="332"/>
      <c r="HS11" s="330"/>
      <c r="HT11" s="330"/>
      <c r="HU11" s="330"/>
      <c r="HV11" s="330"/>
      <c r="HW11" s="330"/>
      <c r="HX11" s="333"/>
      <c r="HY11" s="334"/>
      <c r="HZ11" s="131">
        <v>43424</v>
      </c>
      <c r="IA11" s="132">
        <v>68152</v>
      </c>
      <c r="IB11" s="133">
        <v>111576</v>
      </c>
      <c r="IC11" s="146">
        <v>0</v>
      </c>
      <c r="ID11" s="132">
        <v>12492855</v>
      </c>
      <c r="IE11" s="147">
        <v>14807104</v>
      </c>
      <c r="IF11" s="133">
        <v>18343803</v>
      </c>
      <c r="IG11" s="132">
        <v>14729198</v>
      </c>
      <c r="IH11" s="133">
        <v>9329280</v>
      </c>
      <c r="II11" s="148">
        <v>69702240</v>
      </c>
      <c r="IJ11" s="139">
        <v>69813816</v>
      </c>
      <c r="IK11" s="232">
        <v>0</v>
      </c>
      <c r="IL11" s="236">
        <v>0</v>
      </c>
      <c r="IM11" s="237">
        <v>0</v>
      </c>
      <c r="IN11" s="140"/>
      <c r="IO11" s="119">
        <v>356501</v>
      </c>
      <c r="IP11" s="119">
        <v>692234</v>
      </c>
      <c r="IQ11" s="119">
        <v>875956</v>
      </c>
      <c r="IR11" s="119">
        <v>2658423</v>
      </c>
      <c r="IS11" s="119">
        <v>1208759</v>
      </c>
      <c r="IT11" s="141">
        <v>5791873</v>
      </c>
      <c r="IU11" s="321">
        <v>5791873</v>
      </c>
      <c r="IV11" s="142">
        <v>0</v>
      </c>
      <c r="IW11" s="119">
        <v>0</v>
      </c>
      <c r="IX11" s="120">
        <v>0</v>
      </c>
      <c r="IY11" s="144"/>
      <c r="IZ11" s="119">
        <v>84463</v>
      </c>
      <c r="JA11" s="119">
        <v>166864</v>
      </c>
      <c r="JB11" s="119">
        <v>296444</v>
      </c>
      <c r="JC11" s="119">
        <v>144083</v>
      </c>
      <c r="JD11" s="119">
        <v>132331</v>
      </c>
      <c r="JE11" s="120">
        <v>824185</v>
      </c>
      <c r="JF11" s="121">
        <v>824185</v>
      </c>
      <c r="JG11" s="142">
        <v>0</v>
      </c>
      <c r="JH11" s="119">
        <v>0</v>
      </c>
      <c r="JI11" s="141">
        <v>0</v>
      </c>
      <c r="JJ11" s="118">
        <v>0</v>
      </c>
      <c r="JK11" s="119">
        <v>4727671</v>
      </c>
      <c r="JL11" s="119">
        <v>3406073</v>
      </c>
      <c r="JM11" s="119">
        <v>3436003</v>
      </c>
      <c r="JN11" s="119">
        <v>1834683</v>
      </c>
      <c r="JO11" s="119">
        <v>1231492</v>
      </c>
      <c r="JP11" s="120">
        <v>14635922</v>
      </c>
      <c r="JQ11" s="321">
        <v>14635922</v>
      </c>
      <c r="JR11" s="142">
        <v>0</v>
      </c>
      <c r="JS11" s="119">
        <v>0</v>
      </c>
      <c r="JT11" s="141">
        <v>0</v>
      </c>
      <c r="JU11" s="118">
        <v>0</v>
      </c>
      <c r="JV11" s="119">
        <v>1407177</v>
      </c>
      <c r="JW11" s="119">
        <v>1299011</v>
      </c>
      <c r="JX11" s="119">
        <v>1594840</v>
      </c>
      <c r="JY11" s="119">
        <v>528208</v>
      </c>
      <c r="JZ11" s="119">
        <v>506170</v>
      </c>
      <c r="KA11" s="120">
        <v>5335406</v>
      </c>
      <c r="KB11" s="321">
        <v>5335406</v>
      </c>
      <c r="KC11" s="234">
        <v>43424</v>
      </c>
      <c r="KD11" s="230">
        <v>68152</v>
      </c>
      <c r="KE11" s="120">
        <v>111576</v>
      </c>
      <c r="KF11" s="118">
        <v>0</v>
      </c>
      <c r="KG11" s="119">
        <v>1248015</v>
      </c>
      <c r="KH11" s="119">
        <v>2690846</v>
      </c>
      <c r="KI11" s="119">
        <v>2474051</v>
      </c>
      <c r="KJ11" s="119">
        <v>2268829</v>
      </c>
      <c r="KK11" s="119">
        <v>415632</v>
      </c>
      <c r="KL11" s="120">
        <v>9097373</v>
      </c>
      <c r="KM11" s="143">
        <v>9208949</v>
      </c>
      <c r="KN11" s="232">
        <v>0</v>
      </c>
      <c r="KO11" s="236">
        <v>0</v>
      </c>
      <c r="KP11" s="237">
        <v>0</v>
      </c>
      <c r="KQ11" s="140"/>
      <c r="KR11" s="119">
        <v>4091956</v>
      </c>
      <c r="KS11" s="119">
        <v>5913857</v>
      </c>
      <c r="KT11" s="119">
        <v>7718852</v>
      </c>
      <c r="KU11" s="119">
        <v>4942271</v>
      </c>
      <c r="KV11" s="119">
        <v>2919235</v>
      </c>
      <c r="KW11" s="120">
        <v>25586171</v>
      </c>
      <c r="KX11" s="321">
        <v>25586171</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1831373</v>
      </c>
      <c r="LQ11" s="119">
        <v>769840</v>
      </c>
      <c r="LR11" s="119">
        <v>657624</v>
      </c>
      <c r="LS11" s="120">
        <v>3258837</v>
      </c>
      <c r="LT11" s="321">
        <v>3258837</v>
      </c>
      <c r="LU11" s="142">
        <v>0</v>
      </c>
      <c r="LV11" s="119">
        <v>0</v>
      </c>
      <c r="LW11" s="120">
        <v>0</v>
      </c>
      <c r="LX11" s="145"/>
      <c r="LY11" s="119">
        <v>577072</v>
      </c>
      <c r="LZ11" s="119">
        <v>638219</v>
      </c>
      <c r="MA11" s="119">
        <v>116284</v>
      </c>
      <c r="MB11" s="119">
        <v>1582861</v>
      </c>
      <c r="MC11" s="119">
        <v>2258037</v>
      </c>
      <c r="MD11" s="120">
        <v>5172473</v>
      </c>
      <c r="ME11" s="121">
        <v>5172473</v>
      </c>
      <c r="MF11" s="142">
        <v>0</v>
      </c>
      <c r="MG11" s="119">
        <v>0</v>
      </c>
      <c r="MH11" s="120">
        <v>0</v>
      </c>
      <c r="MI11" s="145"/>
      <c r="MJ11" s="119">
        <v>2761311</v>
      </c>
      <c r="MK11" s="119">
        <v>6996321</v>
      </c>
      <c r="ML11" s="119">
        <v>18299004</v>
      </c>
      <c r="MM11" s="119">
        <v>28488188</v>
      </c>
      <c r="MN11" s="119">
        <v>22243240</v>
      </c>
      <c r="MO11" s="120">
        <v>78788064</v>
      </c>
      <c r="MP11" s="143">
        <v>78788064</v>
      </c>
      <c r="MQ11" s="142">
        <v>0</v>
      </c>
      <c r="MR11" s="119">
        <v>0</v>
      </c>
      <c r="MS11" s="120">
        <v>0</v>
      </c>
      <c r="MT11" s="145"/>
      <c r="MU11" s="119">
        <v>172634</v>
      </c>
      <c r="MV11" s="119">
        <v>1332261</v>
      </c>
      <c r="MW11" s="119">
        <v>10027225</v>
      </c>
      <c r="MX11" s="119">
        <v>13991286</v>
      </c>
      <c r="MY11" s="119">
        <v>12037279</v>
      </c>
      <c r="MZ11" s="120">
        <v>37560685</v>
      </c>
      <c r="NA11" s="143">
        <v>37560685</v>
      </c>
      <c r="NB11" s="142">
        <v>0</v>
      </c>
      <c r="NC11" s="119">
        <v>0</v>
      </c>
      <c r="ND11" s="120">
        <v>0</v>
      </c>
      <c r="NE11" s="145"/>
      <c r="NF11" s="119">
        <v>2515590</v>
      </c>
      <c r="NG11" s="119">
        <v>5664060</v>
      </c>
      <c r="NH11" s="119">
        <v>7636706</v>
      </c>
      <c r="NI11" s="119">
        <v>11548102</v>
      </c>
      <c r="NJ11" s="119">
        <v>5476209</v>
      </c>
      <c r="NK11" s="120">
        <v>32840667</v>
      </c>
      <c r="NL11" s="321">
        <v>32840667</v>
      </c>
      <c r="NM11" s="142">
        <v>0</v>
      </c>
      <c r="NN11" s="119">
        <v>0</v>
      </c>
      <c r="NO11" s="120">
        <v>0</v>
      </c>
      <c r="NP11" s="145"/>
      <c r="NQ11" s="119">
        <v>73087</v>
      </c>
      <c r="NR11" s="119">
        <v>0</v>
      </c>
      <c r="NS11" s="119">
        <v>635073</v>
      </c>
      <c r="NT11" s="119">
        <v>2514410</v>
      </c>
      <c r="NU11" s="119">
        <v>2050518</v>
      </c>
      <c r="NV11" s="120">
        <v>5273088</v>
      </c>
      <c r="NW11" s="121">
        <v>5273088</v>
      </c>
      <c r="NX11" s="142">
        <v>0</v>
      </c>
      <c r="NY11" s="119">
        <v>0</v>
      </c>
      <c r="NZ11" s="120">
        <v>0</v>
      </c>
      <c r="OA11" s="145"/>
      <c r="OB11" s="119">
        <v>0</v>
      </c>
      <c r="OC11" s="119">
        <v>0</v>
      </c>
      <c r="OD11" s="119">
        <v>0</v>
      </c>
      <c r="OE11" s="119">
        <v>434390</v>
      </c>
      <c r="OF11" s="119">
        <v>2679234</v>
      </c>
      <c r="OG11" s="120">
        <v>3113624</v>
      </c>
      <c r="OH11" s="121">
        <v>3113624</v>
      </c>
      <c r="OI11" s="142">
        <v>4905612</v>
      </c>
      <c r="OJ11" s="119">
        <v>4244612</v>
      </c>
      <c r="OK11" s="141">
        <v>9150224</v>
      </c>
      <c r="OL11" s="118">
        <v>0</v>
      </c>
      <c r="OM11" s="119">
        <v>54539419</v>
      </c>
      <c r="ON11" s="119">
        <v>65684274</v>
      </c>
      <c r="OO11" s="119">
        <v>78019467</v>
      </c>
      <c r="OP11" s="119">
        <v>84492566</v>
      </c>
      <c r="OQ11" s="119">
        <v>60678898</v>
      </c>
      <c r="OR11" s="120">
        <v>343414624</v>
      </c>
      <c r="OS11" s="143">
        <v>352564848</v>
      </c>
    </row>
    <row r="12" spans="1:409" ht="20.25" customHeight="1" x14ac:dyDescent="0.2">
      <c r="B12" s="126" t="s">
        <v>14</v>
      </c>
      <c r="C12" s="110">
        <v>1730275</v>
      </c>
      <c r="D12" s="114">
        <v>3437017</v>
      </c>
      <c r="E12" s="113">
        <v>5167292</v>
      </c>
      <c r="F12" s="109">
        <v>0</v>
      </c>
      <c r="G12" s="114">
        <v>19951153</v>
      </c>
      <c r="H12" s="114">
        <v>27467240</v>
      </c>
      <c r="I12" s="114">
        <v>24271424</v>
      </c>
      <c r="J12" s="114">
        <v>17109090</v>
      </c>
      <c r="K12" s="114">
        <v>13613796</v>
      </c>
      <c r="L12" s="112">
        <v>102412703</v>
      </c>
      <c r="M12" s="116">
        <v>107579995</v>
      </c>
      <c r="N12" s="110">
        <v>397221</v>
      </c>
      <c r="O12" s="114">
        <v>954518</v>
      </c>
      <c r="P12" s="113">
        <v>1351739</v>
      </c>
      <c r="Q12" s="110">
        <v>0</v>
      </c>
      <c r="R12" s="114">
        <v>6004596</v>
      </c>
      <c r="S12" s="114">
        <v>9150381</v>
      </c>
      <c r="T12" s="114">
        <v>7118675</v>
      </c>
      <c r="U12" s="114">
        <v>4521761</v>
      </c>
      <c r="V12" s="114">
        <v>7205041</v>
      </c>
      <c r="W12" s="113">
        <v>34000454</v>
      </c>
      <c r="X12" s="116">
        <v>35352193</v>
      </c>
      <c r="Y12" s="110">
        <v>0</v>
      </c>
      <c r="Z12" s="114">
        <v>0</v>
      </c>
      <c r="AA12" s="113">
        <v>0</v>
      </c>
      <c r="AB12" s="110">
        <v>0</v>
      </c>
      <c r="AC12" s="114">
        <v>2815598</v>
      </c>
      <c r="AD12" s="114">
        <v>4900580</v>
      </c>
      <c r="AE12" s="114">
        <v>3370859</v>
      </c>
      <c r="AF12" s="114">
        <v>1639655</v>
      </c>
      <c r="AG12" s="114">
        <v>3502580</v>
      </c>
      <c r="AH12" s="113">
        <v>16229272</v>
      </c>
      <c r="AI12" s="116">
        <v>16229272</v>
      </c>
      <c r="AJ12" s="110">
        <v>0</v>
      </c>
      <c r="AK12" s="114">
        <v>0</v>
      </c>
      <c r="AL12" s="113">
        <v>0</v>
      </c>
      <c r="AM12" s="110">
        <v>0</v>
      </c>
      <c r="AN12" s="114">
        <v>0</v>
      </c>
      <c r="AO12" s="114">
        <v>36707</v>
      </c>
      <c r="AP12" s="114">
        <v>132802</v>
      </c>
      <c r="AQ12" s="114">
        <v>225883</v>
      </c>
      <c r="AR12" s="114">
        <v>746184</v>
      </c>
      <c r="AS12" s="113">
        <v>1141576</v>
      </c>
      <c r="AT12" s="116">
        <v>1141576</v>
      </c>
      <c r="AU12" s="110">
        <v>126119</v>
      </c>
      <c r="AV12" s="114">
        <v>595644</v>
      </c>
      <c r="AW12" s="113">
        <v>721763</v>
      </c>
      <c r="AX12" s="110">
        <v>0</v>
      </c>
      <c r="AY12" s="114">
        <v>1973638</v>
      </c>
      <c r="AZ12" s="114">
        <v>2779358</v>
      </c>
      <c r="BA12" s="114">
        <v>2317837</v>
      </c>
      <c r="BB12" s="114">
        <v>1579214</v>
      </c>
      <c r="BC12" s="114">
        <v>2279517</v>
      </c>
      <c r="BD12" s="113">
        <v>10929564</v>
      </c>
      <c r="BE12" s="116">
        <v>11651327</v>
      </c>
      <c r="BF12" s="110">
        <v>17038</v>
      </c>
      <c r="BG12" s="114">
        <v>109962</v>
      </c>
      <c r="BH12" s="112">
        <v>127000</v>
      </c>
      <c r="BI12" s="111">
        <v>0</v>
      </c>
      <c r="BJ12" s="114">
        <v>0</v>
      </c>
      <c r="BK12" s="114">
        <v>21376</v>
      </c>
      <c r="BL12" s="114">
        <v>44713</v>
      </c>
      <c r="BM12" s="114">
        <v>121649</v>
      </c>
      <c r="BN12" s="114">
        <v>0</v>
      </c>
      <c r="BO12" s="113">
        <v>187738</v>
      </c>
      <c r="BP12" s="116">
        <v>314738</v>
      </c>
      <c r="BQ12" s="110">
        <v>254064</v>
      </c>
      <c r="BR12" s="114">
        <v>248912</v>
      </c>
      <c r="BS12" s="113">
        <v>502976</v>
      </c>
      <c r="BT12" s="110">
        <v>0</v>
      </c>
      <c r="BU12" s="114">
        <v>1215360</v>
      </c>
      <c r="BV12" s="114">
        <v>1412360</v>
      </c>
      <c r="BW12" s="114">
        <v>1252464</v>
      </c>
      <c r="BX12" s="114">
        <v>955360</v>
      </c>
      <c r="BY12" s="114">
        <v>676760</v>
      </c>
      <c r="BZ12" s="113">
        <v>5512304</v>
      </c>
      <c r="CA12" s="116">
        <v>6015280</v>
      </c>
      <c r="CB12" s="110">
        <v>165206</v>
      </c>
      <c r="CC12" s="114">
        <v>268532</v>
      </c>
      <c r="CD12" s="113">
        <v>433738</v>
      </c>
      <c r="CE12" s="110">
        <v>0</v>
      </c>
      <c r="CF12" s="114">
        <v>6229448</v>
      </c>
      <c r="CG12" s="114">
        <v>8549985</v>
      </c>
      <c r="CH12" s="114">
        <v>8330109</v>
      </c>
      <c r="CI12" s="114">
        <v>4800928</v>
      </c>
      <c r="CJ12" s="114">
        <v>1178518</v>
      </c>
      <c r="CK12" s="113">
        <v>29088988</v>
      </c>
      <c r="CL12" s="116">
        <v>29522726</v>
      </c>
      <c r="CM12" s="110">
        <v>0</v>
      </c>
      <c r="CN12" s="114">
        <v>0</v>
      </c>
      <c r="CO12" s="113">
        <v>0</v>
      </c>
      <c r="CP12" s="111">
        <v>0</v>
      </c>
      <c r="CQ12" s="114">
        <v>5754208</v>
      </c>
      <c r="CR12" s="114">
        <v>7121014</v>
      </c>
      <c r="CS12" s="114">
        <v>6445985</v>
      </c>
      <c r="CT12" s="114">
        <v>3838726</v>
      </c>
      <c r="CU12" s="114">
        <v>921111</v>
      </c>
      <c r="CV12" s="113">
        <v>24081044</v>
      </c>
      <c r="CW12" s="116">
        <v>24081044</v>
      </c>
      <c r="CX12" s="110">
        <v>165206</v>
      </c>
      <c r="CY12" s="114">
        <v>268532</v>
      </c>
      <c r="CZ12" s="113">
        <v>433738</v>
      </c>
      <c r="DA12" s="110">
        <v>0</v>
      </c>
      <c r="DB12" s="114">
        <v>475240</v>
      </c>
      <c r="DC12" s="114">
        <v>1428971</v>
      </c>
      <c r="DD12" s="114">
        <v>1884124</v>
      </c>
      <c r="DE12" s="114">
        <v>962202</v>
      </c>
      <c r="DF12" s="114">
        <v>257407</v>
      </c>
      <c r="DG12" s="113">
        <v>5007944</v>
      </c>
      <c r="DH12" s="116">
        <v>5441682</v>
      </c>
      <c r="DI12" s="110">
        <v>0</v>
      </c>
      <c r="DJ12" s="114">
        <v>0</v>
      </c>
      <c r="DK12" s="112">
        <v>0</v>
      </c>
      <c r="DL12" s="111">
        <v>0</v>
      </c>
      <c r="DM12" s="114">
        <v>868085</v>
      </c>
      <c r="DN12" s="114">
        <v>1436743</v>
      </c>
      <c r="DO12" s="114">
        <v>2118784</v>
      </c>
      <c r="DP12" s="114">
        <v>2084802</v>
      </c>
      <c r="DQ12" s="114">
        <v>765814</v>
      </c>
      <c r="DR12" s="113">
        <v>7274228</v>
      </c>
      <c r="DS12" s="116">
        <v>7274228</v>
      </c>
      <c r="DT12" s="110">
        <v>0</v>
      </c>
      <c r="DU12" s="114">
        <v>0</v>
      </c>
      <c r="DV12" s="113">
        <v>0</v>
      </c>
      <c r="DW12" s="110">
        <v>0</v>
      </c>
      <c r="DX12" s="114">
        <v>781031</v>
      </c>
      <c r="DY12" s="114">
        <v>1436743</v>
      </c>
      <c r="DZ12" s="114">
        <v>1984740</v>
      </c>
      <c r="EA12" s="114">
        <v>2049254</v>
      </c>
      <c r="EB12" s="114">
        <v>708131</v>
      </c>
      <c r="EC12" s="113">
        <v>6959899</v>
      </c>
      <c r="ED12" s="116">
        <v>6959899</v>
      </c>
      <c r="EE12" s="110">
        <v>0</v>
      </c>
      <c r="EF12" s="112">
        <v>0</v>
      </c>
      <c r="EG12" s="113">
        <v>0</v>
      </c>
      <c r="EH12" s="110">
        <v>0</v>
      </c>
      <c r="EI12" s="114">
        <v>87054</v>
      </c>
      <c r="EJ12" s="114">
        <v>0</v>
      </c>
      <c r="EK12" s="114">
        <v>134044</v>
      </c>
      <c r="EL12" s="114">
        <v>35548</v>
      </c>
      <c r="EM12" s="114">
        <v>57683</v>
      </c>
      <c r="EN12" s="112">
        <v>314329</v>
      </c>
      <c r="EO12" s="116">
        <v>314329</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8">
        <v>0</v>
      </c>
      <c r="FE12" s="114">
        <v>0</v>
      </c>
      <c r="FF12" s="114">
        <v>0</v>
      </c>
      <c r="FG12" s="114">
        <v>0</v>
      </c>
      <c r="FH12" s="114">
        <v>0</v>
      </c>
      <c r="FI12" s="114">
        <v>0</v>
      </c>
      <c r="FJ12" s="113">
        <v>0</v>
      </c>
      <c r="FK12" s="116">
        <v>0</v>
      </c>
      <c r="FL12" s="110">
        <v>274496</v>
      </c>
      <c r="FM12" s="114">
        <v>1235256</v>
      </c>
      <c r="FN12" s="113">
        <v>1509752</v>
      </c>
      <c r="FO12" s="110">
        <v>0</v>
      </c>
      <c r="FP12" s="114">
        <v>798476</v>
      </c>
      <c r="FQ12" s="114">
        <v>2415708</v>
      </c>
      <c r="FR12" s="114">
        <v>2108960</v>
      </c>
      <c r="FS12" s="114">
        <v>1716360</v>
      </c>
      <c r="FT12" s="114">
        <v>1194392</v>
      </c>
      <c r="FU12" s="113">
        <v>8233896</v>
      </c>
      <c r="FV12" s="116">
        <v>9743648</v>
      </c>
      <c r="FW12" s="115">
        <v>217800</v>
      </c>
      <c r="FX12" s="114">
        <v>621720</v>
      </c>
      <c r="FY12" s="112">
        <v>839520</v>
      </c>
      <c r="FZ12" s="111">
        <v>0</v>
      </c>
      <c r="GA12" s="114">
        <v>712656</v>
      </c>
      <c r="GB12" s="114">
        <v>2304112</v>
      </c>
      <c r="GC12" s="114">
        <v>2042848</v>
      </c>
      <c r="GD12" s="114">
        <v>1665560</v>
      </c>
      <c r="GE12" s="114">
        <v>1095656</v>
      </c>
      <c r="GF12" s="113">
        <v>7820832</v>
      </c>
      <c r="GG12" s="319">
        <v>8660352</v>
      </c>
      <c r="GH12" s="115">
        <v>34296</v>
      </c>
      <c r="GI12" s="114">
        <v>49216</v>
      </c>
      <c r="GJ12" s="112">
        <v>83512</v>
      </c>
      <c r="GK12" s="111">
        <v>0</v>
      </c>
      <c r="GL12" s="114">
        <v>17820</v>
      </c>
      <c r="GM12" s="114">
        <v>55596</v>
      </c>
      <c r="GN12" s="114">
        <v>19712</v>
      </c>
      <c r="GO12" s="114">
        <v>50800</v>
      </c>
      <c r="GP12" s="114">
        <v>98736</v>
      </c>
      <c r="GQ12" s="113">
        <v>242664</v>
      </c>
      <c r="GR12" s="116">
        <v>326176</v>
      </c>
      <c r="GS12" s="110">
        <v>22400</v>
      </c>
      <c r="GT12" s="114">
        <v>564320</v>
      </c>
      <c r="GU12" s="113">
        <v>586720</v>
      </c>
      <c r="GV12" s="110">
        <v>0</v>
      </c>
      <c r="GW12" s="114">
        <v>68000</v>
      </c>
      <c r="GX12" s="114">
        <v>56000</v>
      </c>
      <c r="GY12" s="114">
        <v>46400</v>
      </c>
      <c r="GZ12" s="114">
        <v>0</v>
      </c>
      <c r="HA12" s="114">
        <v>0</v>
      </c>
      <c r="HB12" s="112">
        <v>170400</v>
      </c>
      <c r="HC12" s="116">
        <v>757120</v>
      </c>
      <c r="HD12" s="110">
        <v>893352</v>
      </c>
      <c r="HE12" s="114">
        <v>978711</v>
      </c>
      <c r="HF12" s="112">
        <v>1872063</v>
      </c>
      <c r="HG12" s="111">
        <v>0</v>
      </c>
      <c r="HH12" s="114">
        <v>6050548</v>
      </c>
      <c r="HI12" s="114">
        <v>5914423</v>
      </c>
      <c r="HJ12" s="114">
        <v>4594896</v>
      </c>
      <c r="HK12" s="114">
        <v>3985239</v>
      </c>
      <c r="HL12" s="114">
        <v>3270031</v>
      </c>
      <c r="HM12" s="113">
        <v>23815137</v>
      </c>
      <c r="HN12" s="109">
        <v>25687200</v>
      </c>
      <c r="HO12" s="329"/>
      <c r="HP12" s="330"/>
      <c r="HQ12" s="331"/>
      <c r="HR12" s="332"/>
      <c r="HS12" s="330"/>
      <c r="HT12" s="330"/>
      <c r="HU12" s="330"/>
      <c r="HV12" s="330"/>
      <c r="HW12" s="330"/>
      <c r="HX12" s="333"/>
      <c r="HY12" s="334"/>
      <c r="HZ12" s="131">
        <v>38929</v>
      </c>
      <c r="IA12" s="132">
        <v>75890</v>
      </c>
      <c r="IB12" s="133">
        <v>114819</v>
      </c>
      <c r="IC12" s="134">
        <v>0</v>
      </c>
      <c r="ID12" s="135">
        <v>5878428</v>
      </c>
      <c r="IE12" s="136">
        <v>6366998</v>
      </c>
      <c r="IF12" s="137">
        <v>10027776</v>
      </c>
      <c r="IG12" s="135">
        <v>6535484</v>
      </c>
      <c r="IH12" s="137">
        <v>2369964</v>
      </c>
      <c r="II12" s="138">
        <v>31178650</v>
      </c>
      <c r="IJ12" s="139">
        <v>31293469</v>
      </c>
      <c r="IK12" s="232">
        <v>0</v>
      </c>
      <c r="IL12" s="236">
        <v>0</v>
      </c>
      <c r="IM12" s="237">
        <v>0</v>
      </c>
      <c r="IN12" s="140"/>
      <c r="IO12" s="119">
        <v>151767</v>
      </c>
      <c r="IP12" s="119">
        <v>207520</v>
      </c>
      <c r="IQ12" s="119">
        <v>0</v>
      </c>
      <c r="IR12" s="119">
        <v>212229</v>
      </c>
      <c r="IS12" s="119">
        <v>278223</v>
      </c>
      <c r="IT12" s="141">
        <v>849739</v>
      </c>
      <c r="IU12" s="321">
        <v>849739</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2948292</v>
      </c>
      <c r="JL12" s="119">
        <v>2769427</v>
      </c>
      <c r="JM12" s="119">
        <v>3129059</v>
      </c>
      <c r="JN12" s="119">
        <v>1333592</v>
      </c>
      <c r="JO12" s="119">
        <v>203117</v>
      </c>
      <c r="JP12" s="120">
        <v>10383487</v>
      </c>
      <c r="JQ12" s="321">
        <v>10383487</v>
      </c>
      <c r="JR12" s="142">
        <v>0</v>
      </c>
      <c r="JS12" s="119">
        <v>0</v>
      </c>
      <c r="JT12" s="141">
        <v>0</v>
      </c>
      <c r="JU12" s="118">
        <v>0</v>
      </c>
      <c r="JV12" s="119">
        <v>77843</v>
      </c>
      <c r="JW12" s="119">
        <v>75608</v>
      </c>
      <c r="JX12" s="119">
        <v>0</v>
      </c>
      <c r="JY12" s="119">
        <v>107273</v>
      </c>
      <c r="JZ12" s="119">
        <v>0</v>
      </c>
      <c r="KA12" s="120">
        <v>260724</v>
      </c>
      <c r="KB12" s="321">
        <v>260724</v>
      </c>
      <c r="KC12" s="234">
        <v>38929</v>
      </c>
      <c r="KD12" s="230">
        <v>75890</v>
      </c>
      <c r="KE12" s="120">
        <v>114819</v>
      </c>
      <c r="KF12" s="118">
        <v>0</v>
      </c>
      <c r="KG12" s="119">
        <v>1404228</v>
      </c>
      <c r="KH12" s="119">
        <v>525014</v>
      </c>
      <c r="KI12" s="119">
        <v>1726605</v>
      </c>
      <c r="KJ12" s="119">
        <v>568030</v>
      </c>
      <c r="KK12" s="119">
        <v>292476</v>
      </c>
      <c r="KL12" s="120">
        <v>4516353</v>
      </c>
      <c r="KM12" s="143">
        <v>4631172</v>
      </c>
      <c r="KN12" s="232">
        <v>0</v>
      </c>
      <c r="KO12" s="236">
        <v>0</v>
      </c>
      <c r="KP12" s="237">
        <v>0</v>
      </c>
      <c r="KQ12" s="140"/>
      <c r="KR12" s="119">
        <v>1168251</v>
      </c>
      <c r="KS12" s="119">
        <v>2439015</v>
      </c>
      <c r="KT12" s="119">
        <v>4059363</v>
      </c>
      <c r="KU12" s="119">
        <v>4067776</v>
      </c>
      <c r="KV12" s="119">
        <v>910037</v>
      </c>
      <c r="KW12" s="120">
        <v>12644442</v>
      </c>
      <c r="KX12" s="321">
        <v>12644442</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236677</v>
      </c>
      <c r="LQ12" s="119">
        <v>246584</v>
      </c>
      <c r="LR12" s="119">
        <v>0</v>
      </c>
      <c r="LS12" s="120">
        <v>483261</v>
      </c>
      <c r="LT12" s="321">
        <v>483261</v>
      </c>
      <c r="LU12" s="142">
        <v>0</v>
      </c>
      <c r="LV12" s="119">
        <v>0</v>
      </c>
      <c r="LW12" s="120">
        <v>0</v>
      </c>
      <c r="LX12" s="145"/>
      <c r="LY12" s="119">
        <v>128047</v>
      </c>
      <c r="LZ12" s="119">
        <v>350414</v>
      </c>
      <c r="MA12" s="119">
        <v>876072</v>
      </c>
      <c r="MB12" s="119">
        <v>0</v>
      </c>
      <c r="MC12" s="119">
        <v>686111</v>
      </c>
      <c r="MD12" s="120">
        <v>2040644</v>
      </c>
      <c r="ME12" s="121">
        <v>2040644</v>
      </c>
      <c r="MF12" s="142">
        <v>0</v>
      </c>
      <c r="MG12" s="119">
        <v>0</v>
      </c>
      <c r="MH12" s="120">
        <v>0</v>
      </c>
      <c r="MI12" s="145"/>
      <c r="MJ12" s="119">
        <v>711722</v>
      </c>
      <c r="MK12" s="119">
        <v>2712033</v>
      </c>
      <c r="ML12" s="119">
        <v>9834141</v>
      </c>
      <c r="MM12" s="119">
        <v>18692450</v>
      </c>
      <c r="MN12" s="119">
        <v>11169676</v>
      </c>
      <c r="MO12" s="120">
        <v>43120022</v>
      </c>
      <c r="MP12" s="143">
        <v>43120022</v>
      </c>
      <c r="MQ12" s="142">
        <v>0</v>
      </c>
      <c r="MR12" s="119">
        <v>0</v>
      </c>
      <c r="MS12" s="120">
        <v>0</v>
      </c>
      <c r="MT12" s="145"/>
      <c r="MU12" s="119">
        <v>220876</v>
      </c>
      <c r="MV12" s="119">
        <v>713944</v>
      </c>
      <c r="MW12" s="119">
        <v>6607253</v>
      </c>
      <c r="MX12" s="119">
        <v>12851671</v>
      </c>
      <c r="MY12" s="119">
        <v>7745241</v>
      </c>
      <c r="MZ12" s="120">
        <v>28138985</v>
      </c>
      <c r="NA12" s="143">
        <v>28138985</v>
      </c>
      <c r="NB12" s="142">
        <v>0</v>
      </c>
      <c r="NC12" s="119">
        <v>0</v>
      </c>
      <c r="ND12" s="120">
        <v>0</v>
      </c>
      <c r="NE12" s="145"/>
      <c r="NF12" s="119">
        <v>490846</v>
      </c>
      <c r="NG12" s="119">
        <v>1998089</v>
      </c>
      <c r="NH12" s="119">
        <v>3226888</v>
      </c>
      <c r="NI12" s="119">
        <v>4692716</v>
      </c>
      <c r="NJ12" s="119">
        <v>2034574</v>
      </c>
      <c r="NK12" s="120">
        <v>12443113</v>
      </c>
      <c r="NL12" s="321">
        <v>12443113</v>
      </c>
      <c r="NM12" s="142">
        <v>0</v>
      </c>
      <c r="NN12" s="119">
        <v>0</v>
      </c>
      <c r="NO12" s="120">
        <v>0</v>
      </c>
      <c r="NP12" s="145"/>
      <c r="NQ12" s="119">
        <v>0</v>
      </c>
      <c r="NR12" s="119">
        <v>0</v>
      </c>
      <c r="NS12" s="119">
        <v>0</v>
      </c>
      <c r="NT12" s="119">
        <v>809093</v>
      </c>
      <c r="NU12" s="119">
        <v>622312</v>
      </c>
      <c r="NV12" s="120">
        <v>1431405</v>
      </c>
      <c r="NW12" s="121">
        <v>1431405</v>
      </c>
      <c r="NX12" s="142">
        <v>0</v>
      </c>
      <c r="NY12" s="119">
        <v>0</v>
      </c>
      <c r="NZ12" s="120">
        <v>0</v>
      </c>
      <c r="OA12" s="145"/>
      <c r="OB12" s="119">
        <v>0</v>
      </c>
      <c r="OC12" s="119">
        <v>0</v>
      </c>
      <c r="OD12" s="119">
        <v>0</v>
      </c>
      <c r="OE12" s="119">
        <v>338970</v>
      </c>
      <c r="OF12" s="119">
        <v>767549</v>
      </c>
      <c r="OG12" s="120">
        <v>1106519</v>
      </c>
      <c r="OH12" s="121">
        <v>1106519</v>
      </c>
      <c r="OI12" s="142">
        <v>1769204</v>
      </c>
      <c r="OJ12" s="119">
        <v>3512907</v>
      </c>
      <c r="OK12" s="141">
        <v>5282111</v>
      </c>
      <c r="OL12" s="118">
        <v>0</v>
      </c>
      <c r="OM12" s="119">
        <v>26541303</v>
      </c>
      <c r="ON12" s="119">
        <v>36546271</v>
      </c>
      <c r="OO12" s="119">
        <v>44133341</v>
      </c>
      <c r="OP12" s="119">
        <v>42337024</v>
      </c>
      <c r="OQ12" s="119">
        <v>27153436</v>
      </c>
      <c r="OR12" s="120">
        <v>176711375</v>
      </c>
      <c r="OS12" s="143">
        <v>181993486</v>
      </c>
    </row>
    <row r="13" spans="1:409" ht="20.25" customHeight="1" x14ac:dyDescent="0.2">
      <c r="B13" s="126" t="s">
        <v>7</v>
      </c>
      <c r="C13" s="110">
        <v>1446670</v>
      </c>
      <c r="D13" s="114">
        <v>867141</v>
      </c>
      <c r="E13" s="113">
        <v>2313811</v>
      </c>
      <c r="F13" s="109">
        <v>0</v>
      </c>
      <c r="G13" s="114">
        <v>25913839</v>
      </c>
      <c r="H13" s="114">
        <v>23684114</v>
      </c>
      <c r="I13" s="114">
        <v>21311732</v>
      </c>
      <c r="J13" s="114">
        <v>18975564</v>
      </c>
      <c r="K13" s="114">
        <v>9393377</v>
      </c>
      <c r="L13" s="109">
        <v>99278626</v>
      </c>
      <c r="M13" s="116">
        <v>101592437</v>
      </c>
      <c r="N13" s="110">
        <v>315315</v>
      </c>
      <c r="O13" s="114">
        <v>304990</v>
      </c>
      <c r="P13" s="113">
        <v>620305</v>
      </c>
      <c r="Q13" s="110">
        <v>0</v>
      </c>
      <c r="R13" s="114">
        <v>6899743</v>
      </c>
      <c r="S13" s="114">
        <v>7121764</v>
      </c>
      <c r="T13" s="114">
        <v>8358517</v>
      </c>
      <c r="U13" s="114">
        <v>8137233</v>
      </c>
      <c r="V13" s="114">
        <v>4846746</v>
      </c>
      <c r="W13" s="113">
        <v>35364003</v>
      </c>
      <c r="X13" s="116">
        <v>35984308</v>
      </c>
      <c r="Y13" s="110">
        <v>0</v>
      </c>
      <c r="Z13" s="114">
        <v>0</v>
      </c>
      <c r="AA13" s="113">
        <v>0</v>
      </c>
      <c r="AB13" s="110">
        <v>0</v>
      </c>
      <c r="AC13" s="114">
        <v>3423516</v>
      </c>
      <c r="AD13" s="114">
        <v>3823397</v>
      </c>
      <c r="AE13" s="114">
        <v>4611762</v>
      </c>
      <c r="AF13" s="114">
        <v>4856038</v>
      </c>
      <c r="AG13" s="114">
        <v>2807626</v>
      </c>
      <c r="AH13" s="113">
        <v>19522339</v>
      </c>
      <c r="AI13" s="116">
        <v>19522339</v>
      </c>
      <c r="AJ13" s="110">
        <v>0</v>
      </c>
      <c r="AK13" s="114">
        <v>0</v>
      </c>
      <c r="AL13" s="113">
        <v>0</v>
      </c>
      <c r="AM13" s="110">
        <v>0</v>
      </c>
      <c r="AN13" s="114">
        <v>104157</v>
      </c>
      <c r="AO13" s="114">
        <v>156592</v>
      </c>
      <c r="AP13" s="114">
        <v>569327</v>
      </c>
      <c r="AQ13" s="114">
        <v>741751</v>
      </c>
      <c r="AR13" s="114">
        <v>770522</v>
      </c>
      <c r="AS13" s="113">
        <v>2342349</v>
      </c>
      <c r="AT13" s="116">
        <v>2342349</v>
      </c>
      <c r="AU13" s="110">
        <v>162867</v>
      </c>
      <c r="AV13" s="114">
        <v>101733</v>
      </c>
      <c r="AW13" s="113">
        <v>264600</v>
      </c>
      <c r="AX13" s="110">
        <v>0</v>
      </c>
      <c r="AY13" s="114">
        <v>1760300</v>
      </c>
      <c r="AZ13" s="114">
        <v>1942259</v>
      </c>
      <c r="BA13" s="114">
        <v>1757645</v>
      </c>
      <c r="BB13" s="114">
        <v>1141356</v>
      </c>
      <c r="BC13" s="114">
        <v>801318</v>
      </c>
      <c r="BD13" s="113">
        <v>7402878</v>
      </c>
      <c r="BE13" s="116">
        <v>7667478</v>
      </c>
      <c r="BF13" s="110">
        <v>0</v>
      </c>
      <c r="BG13" s="114">
        <v>101049</v>
      </c>
      <c r="BH13" s="112">
        <v>101049</v>
      </c>
      <c r="BI13" s="111">
        <v>0</v>
      </c>
      <c r="BJ13" s="114">
        <v>49642</v>
      </c>
      <c r="BK13" s="114">
        <v>23504</v>
      </c>
      <c r="BL13" s="114">
        <v>176367</v>
      </c>
      <c r="BM13" s="114">
        <v>334544</v>
      </c>
      <c r="BN13" s="114">
        <v>0</v>
      </c>
      <c r="BO13" s="113">
        <v>584057</v>
      </c>
      <c r="BP13" s="116">
        <v>685106</v>
      </c>
      <c r="BQ13" s="110">
        <v>152448</v>
      </c>
      <c r="BR13" s="114">
        <v>102208</v>
      </c>
      <c r="BS13" s="113">
        <v>254656</v>
      </c>
      <c r="BT13" s="110">
        <v>0</v>
      </c>
      <c r="BU13" s="114">
        <v>1562128</v>
      </c>
      <c r="BV13" s="114">
        <v>1176012</v>
      </c>
      <c r="BW13" s="114">
        <v>1243416</v>
      </c>
      <c r="BX13" s="114">
        <v>1063544</v>
      </c>
      <c r="BY13" s="114">
        <v>467280</v>
      </c>
      <c r="BZ13" s="113">
        <v>5512380</v>
      </c>
      <c r="CA13" s="116">
        <v>5767036</v>
      </c>
      <c r="CB13" s="110">
        <v>96332</v>
      </c>
      <c r="CC13" s="114">
        <v>0</v>
      </c>
      <c r="CD13" s="113">
        <v>96332</v>
      </c>
      <c r="CE13" s="110">
        <v>0</v>
      </c>
      <c r="CF13" s="114">
        <v>7056476</v>
      </c>
      <c r="CG13" s="114">
        <v>6840951</v>
      </c>
      <c r="CH13" s="114">
        <v>4654209</v>
      </c>
      <c r="CI13" s="114">
        <v>2024263</v>
      </c>
      <c r="CJ13" s="114">
        <v>443453</v>
      </c>
      <c r="CK13" s="113">
        <v>21019352</v>
      </c>
      <c r="CL13" s="116">
        <v>21115684</v>
      </c>
      <c r="CM13" s="110">
        <v>0</v>
      </c>
      <c r="CN13" s="114">
        <v>0</v>
      </c>
      <c r="CO13" s="113">
        <v>0</v>
      </c>
      <c r="CP13" s="111">
        <v>0</v>
      </c>
      <c r="CQ13" s="114">
        <v>5610192</v>
      </c>
      <c r="CR13" s="114">
        <v>5633505</v>
      </c>
      <c r="CS13" s="114">
        <v>3631267</v>
      </c>
      <c r="CT13" s="114">
        <v>1645504</v>
      </c>
      <c r="CU13" s="114">
        <v>371832</v>
      </c>
      <c r="CV13" s="113">
        <v>16892300</v>
      </c>
      <c r="CW13" s="116">
        <v>16892300</v>
      </c>
      <c r="CX13" s="110">
        <v>96332</v>
      </c>
      <c r="CY13" s="114">
        <v>0</v>
      </c>
      <c r="CZ13" s="113">
        <v>96332</v>
      </c>
      <c r="DA13" s="110">
        <v>0</v>
      </c>
      <c r="DB13" s="114">
        <v>1446284</v>
      </c>
      <c r="DC13" s="114">
        <v>1207446</v>
      </c>
      <c r="DD13" s="114">
        <v>1022942</v>
      </c>
      <c r="DE13" s="114">
        <v>378759</v>
      </c>
      <c r="DF13" s="114">
        <v>71621</v>
      </c>
      <c r="DG13" s="113">
        <v>4127052</v>
      </c>
      <c r="DH13" s="116">
        <v>4223384</v>
      </c>
      <c r="DI13" s="110">
        <v>0</v>
      </c>
      <c r="DJ13" s="114">
        <v>0</v>
      </c>
      <c r="DK13" s="112">
        <v>0</v>
      </c>
      <c r="DL13" s="111">
        <v>0</v>
      </c>
      <c r="DM13" s="114">
        <v>1362657</v>
      </c>
      <c r="DN13" s="114">
        <v>1503428</v>
      </c>
      <c r="DO13" s="114">
        <v>1197249</v>
      </c>
      <c r="DP13" s="114">
        <v>1161188</v>
      </c>
      <c r="DQ13" s="114">
        <v>455965</v>
      </c>
      <c r="DR13" s="113">
        <v>5680487</v>
      </c>
      <c r="DS13" s="116">
        <v>5680487</v>
      </c>
      <c r="DT13" s="110">
        <v>0</v>
      </c>
      <c r="DU13" s="114">
        <v>0</v>
      </c>
      <c r="DV13" s="113">
        <v>0</v>
      </c>
      <c r="DW13" s="110">
        <v>0</v>
      </c>
      <c r="DX13" s="114">
        <v>1211542</v>
      </c>
      <c r="DY13" s="114">
        <v>1503428</v>
      </c>
      <c r="DZ13" s="114">
        <v>1197249</v>
      </c>
      <c r="EA13" s="114">
        <v>1088301</v>
      </c>
      <c r="EB13" s="114">
        <v>455965</v>
      </c>
      <c r="EC13" s="113">
        <v>5456485</v>
      </c>
      <c r="ED13" s="116">
        <v>5456485</v>
      </c>
      <c r="EE13" s="110">
        <v>0</v>
      </c>
      <c r="EF13" s="112">
        <v>0</v>
      </c>
      <c r="EG13" s="113">
        <v>0</v>
      </c>
      <c r="EH13" s="110">
        <v>0</v>
      </c>
      <c r="EI13" s="114">
        <v>151115</v>
      </c>
      <c r="EJ13" s="114">
        <v>0</v>
      </c>
      <c r="EK13" s="114">
        <v>0</v>
      </c>
      <c r="EL13" s="114">
        <v>72887</v>
      </c>
      <c r="EM13" s="114">
        <v>0</v>
      </c>
      <c r="EN13" s="112">
        <v>224002</v>
      </c>
      <c r="EO13" s="116">
        <v>224002</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8">
        <v>0</v>
      </c>
      <c r="FE13" s="114">
        <v>0</v>
      </c>
      <c r="FF13" s="114">
        <v>0</v>
      </c>
      <c r="FG13" s="114">
        <v>0</v>
      </c>
      <c r="FH13" s="114">
        <v>0</v>
      </c>
      <c r="FI13" s="114">
        <v>0</v>
      </c>
      <c r="FJ13" s="113">
        <v>0</v>
      </c>
      <c r="FK13" s="116">
        <v>0</v>
      </c>
      <c r="FL13" s="110">
        <v>497104</v>
      </c>
      <c r="FM13" s="114">
        <v>195952</v>
      </c>
      <c r="FN13" s="113">
        <v>693056</v>
      </c>
      <c r="FO13" s="110">
        <v>0</v>
      </c>
      <c r="FP13" s="114">
        <v>1705815</v>
      </c>
      <c r="FQ13" s="114">
        <v>2593310</v>
      </c>
      <c r="FR13" s="114">
        <v>1551624</v>
      </c>
      <c r="FS13" s="114">
        <v>1394056</v>
      </c>
      <c r="FT13" s="114">
        <v>640224</v>
      </c>
      <c r="FU13" s="113">
        <v>7885029</v>
      </c>
      <c r="FV13" s="116">
        <v>8578085</v>
      </c>
      <c r="FW13" s="115">
        <v>60512</v>
      </c>
      <c r="FX13" s="114">
        <v>144544</v>
      </c>
      <c r="FY13" s="112">
        <v>205056</v>
      </c>
      <c r="FZ13" s="111">
        <v>0</v>
      </c>
      <c r="GA13" s="114">
        <v>727224</v>
      </c>
      <c r="GB13" s="114">
        <v>2342958</v>
      </c>
      <c r="GC13" s="114">
        <v>1393192</v>
      </c>
      <c r="GD13" s="114">
        <v>1316392</v>
      </c>
      <c r="GE13" s="114">
        <v>640224</v>
      </c>
      <c r="GF13" s="113">
        <v>6419990</v>
      </c>
      <c r="GG13" s="319">
        <v>6625046</v>
      </c>
      <c r="GH13" s="115">
        <v>0</v>
      </c>
      <c r="GI13" s="114">
        <v>19008</v>
      </c>
      <c r="GJ13" s="112">
        <v>19008</v>
      </c>
      <c r="GK13" s="111">
        <v>0</v>
      </c>
      <c r="GL13" s="114">
        <v>104632</v>
      </c>
      <c r="GM13" s="114">
        <v>43472</v>
      </c>
      <c r="GN13" s="114">
        <v>67232</v>
      </c>
      <c r="GO13" s="114">
        <v>77664</v>
      </c>
      <c r="GP13" s="114">
        <v>0</v>
      </c>
      <c r="GQ13" s="113">
        <v>293000</v>
      </c>
      <c r="GR13" s="116">
        <v>312008</v>
      </c>
      <c r="GS13" s="110">
        <v>436592</v>
      </c>
      <c r="GT13" s="114">
        <v>32400</v>
      </c>
      <c r="GU13" s="113">
        <v>468992</v>
      </c>
      <c r="GV13" s="110">
        <v>0</v>
      </c>
      <c r="GW13" s="114">
        <v>873959</v>
      </c>
      <c r="GX13" s="114">
        <v>206880</v>
      </c>
      <c r="GY13" s="114">
        <v>91200</v>
      </c>
      <c r="GZ13" s="114">
        <v>0</v>
      </c>
      <c r="HA13" s="114">
        <v>0</v>
      </c>
      <c r="HB13" s="112">
        <v>1172039</v>
      </c>
      <c r="HC13" s="116">
        <v>1641031</v>
      </c>
      <c r="HD13" s="110">
        <v>537919</v>
      </c>
      <c r="HE13" s="114">
        <v>366199</v>
      </c>
      <c r="HF13" s="112">
        <v>904118</v>
      </c>
      <c r="HG13" s="111">
        <v>0</v>
      </c>
      <c r="HH13" s="114">
        <v>8889148</v>
      </c>
      <c r="HI13" s="114">
        <v>5624661</v>
      </c>
      <c r="HJ13" s="114">
        <v>5550133</v>
      </c>
      <c r="HK13" s="114">
        <v>6258824</v>
      </c>
      <c r="HL13" s="114">
        <v>3006989</v>
      </c>
      <c r="HM13" s="113">
        <v>29329755</v>
      </c>
      <c r="HN13" s="109">
        <v>30233873</v>
      </c>
      <c r="HO13" s="329"/>
      <c r="HP13" s="330"/>
      <c r="HQ13" s="331"/>
      <c r="HR13" s="332"/>
      <c r="HS13" s="330"/>
      <c r="HT13" s="330"/>
      <c r="HU13" s="330"/>
      <c r="HV13" s="330"/>
      <c r="HW13" s="330"/>
      <c r="HX13" s="333"/>
      <c r="HY13" s="334"/>
      <c r="HZ13" s="131">
        <v>97033</v>
      </c>
      <c r="IA13" s="132">
        <v>64624</v>
      </c>
      <c r="IB13" s="133">
        <v>161657</v>
      </c>
      <c r="IC13" s="146">
        <v>0</v>
      </c>
      <c r="ID13" s="132">
        <v>8794284</v>
      </c>
      <c r="IE13" s="147">
        <v>4957631</v>
      </c>
      <c r="IF13" s="133">
        <v>5668753</v>
      </c>
      <c r="IG13" s="132">
        <v>4514993</v>
      </c>
      <c r="IH13" s="133">
        <v>1362320</v>
      </c>
      <c r="II13" s="148">
        <v>25297981</v>
      </c>
      <c r="IJ13" s="139">
        <v>25459638</v>
      </c>
      <c r="IK13" s="232">
        <v>0</v>
      </c>
      <c r="IL13" s="236">
        <v>0</v>
      </c>
      <c r="IM13" s="237">
        <v>0</v>
      </c>
      <c r="IN13" s="140"/>
      <c r="IO13" s="119">
        <v>0</v>
      </c>
      <c r="IP13" s="119">
        <v>0</v>
      </c>
      <c r="IQ13" s="119">
        <v>0</v>
      </c>
      <c r="IR13" s="119">
        <v>0</v>
      </c>
      <c r="IS13" s="119">
        <v>0</v>
      </c>
      <c r="IT13" s="141">
        <v>0</v>
      </c>
      <c r="IU13" s="321">
        <v>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775173</v>
      </c>
      <c r="JL13" s="119">
        <v>2054950</v>
      </c>
      <c r="JM13" s="119">
        <v>997471</v>
      </c>
      <c r="JN13" s="119">
        <v>595544</v>
      </c>
      <c r="JO13" s="119">
        <v>316907</v>
      </c>
      <c r="JP13" s="120">
        <v>7740045</v>
      </c>
      <c r="JQ13" s="321">
        <v>7740045</v>
      </c>
      <c r="JR13" s="142">
        <v>0</v>
      </c>
      <c r="JS13" s="119">
        <v>0</v>
      </c>
      <c r="JT13" s="141">
        <v>0</v>
      </c>
      <c r="JU13" s="118">
        <v>0</v>
      </c>
      <c r="JV13" s="119">
        <v>931706</v>
      </c>
      <c r="JW13" s="119">
        <v>999229</v>
      </c>
      <c r="JX13" s="119">
        <v>393807</v>
      </c>
      <c r="JY13" s="119">
        <v>337564</v>
      </c>
      <c r="JZ13" s="119">
        <v>184168</v>
      </c>
      <c r="KA13" s="120">
        <v>2846474</v>
      </c>
      <c r="KB13" s="321">
        <v>2846474</v>
      </c>
      <c r="KC13" s="234">
        <v>97033</v>
      </c>
      <c r="KD13" s="230">
        <v>64624</v>
      </c>
      <c r="KE13" s="120">
        <v>161657</v>
      </c>
      <c r="KF13" s="118">
        <v>0</v>
      </c>
      <c r="KG13" s="119">
        <v>928140</v>
      </c>
      <c r="KH13" s="119">
        <v>1022200</v>
      </c>
      <c r="KI13" s="119">
        <v>-216359</v>
      </c>
      <c r="KJ13" s="119">
        <v>420733</v>
      </c>
      <c r="KK13" s="119">
        <v>0</v>
      </c>
      <c r="KL13" s="120">
        <v>2154714</v>
      </c>
      <c r="KM13" s="143">
        <v>2316371</v>
      </c>
      <c r="KN13" s="232">
        <v>0</v>
      </c>
      <c r="KO13" s="236">
        <v>0</v>
      </c>
      <c r="KP13" s="237">
        <v>0</v>
      </c>
      <c r="KQ13" s="140"/>
      <c r="KR13" s="119">
        <v>3027146</v>
      </c>
      <c r="KS13" s="119">
        <v>716917</v>
      </c>
      <c r="KT13" s="119">
        <v>4493834</v>
      </c>
      <c r="KU13" s="119">
        <v>2303625</v>
      </c>
      <c r="KV13" s="119">
        <v>513737</v>
      </c>
      <c r="KW13" s="120">
        <v>11055259</v>
      </c>
      <c r="KX13" s="321">
        <v>11055259</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1">
        <v>0</v>
      </c>
      <c r="LU13" s="142">
        <v>0</v>
      </c>
      <c r="LV13" s="119">
        <v>0</v>
      </c>
      <c r="LW13" s="120">
        <v>0</v>
      </c>
      <c r="LX13" s="145"/>
      <c r="LY13" s="119">
        <v>132119</v>
      </c>
      <c r="LZ13" s="119">
        <v>164335</v>
      </c>
      <c r="MA13" s="119">
        <v>0</v>
      </c>
      <c r="MB13" s="119">
        <v>857527</v>
      </c>
      <c r="MC13" s="119">
        <v>347508</v>
      </c>
      <c r="MD13" s="120">
        <v>1501489</v>
      </c>
      <c r="ME13" s="121">
        <v>1501489</v>
      </c>
      <c r="MF13" s="142">
        <v>0</v>
      </c>
      <c r="MG13" s="119">
        <v>0</v>
      </c>
      <c r="MH13" s="120">
        <v>0</v>
      </c>
      <c r="MI13" s="145"/>
      <c r="MJ13" s="119">
        <v>2972223</v>
      </c>
      <c r="MK13" s="119">
        <v>5073145</v>
      </c>
      <c r="ML13" s="119">
        <v>11156700</v>
      </c>
      <c r="MM13" s="119">
        <v>22104021</v>
      </c>
      <c r="MN13" s="119">
        <v>9499019</v>
      </c>
      <c r="MO13" s="120">
        <v>50805108</v>
      </c>
      <c r="MP13" s="143">
        <v>50805108</v>
      </c>
      <c r="MQ13" s="142">
        <v>0</v>
      </c>
      <c r="MR13" s="119">
        <v>0</v>
      </c>
      <c r="MS13" s="120">
        <v>0</v>
      </c>
      <c r="MT13" s="145"/>
      <c r="MU13" s="119">
        <v>0</v>
      </c>
      <c r="MV13" s="119">
        <v>1158419</v>
      </c>
      <c r="MW13" s="119">
        <v>5748106</v>
      </c>
      <c r="MX13" s="119">
        <v>14618722</v>
      </c>
      <c r="MY13" s="119">
        <v>7098208</v>
      </c>
      <c r="MZ13" s="120">
        <v>28623455</v>
      </c>
      <c r="NA13" s="143">
        <v>28623455</v>
      </c>
      <c r="NB13" s="142">
        <v>0</v>
      </c>
      <c r="NC13" s="119">
        <v>0</v>
      </c>
      <c r="ND13" s="120">
        <v>0</v>
      </c>
      <c r="NE13" s="145"/>
      <c r="NF13" s="119">
        <v>2972223</v>
      </c>
      <c r="NG13" s="119">
        <v>3914726</v>
      </c>
      <c r="NH13" s="119">
        <v>5408594</v>
      </c>
      <c r="NI13" s="119">
        <v>7485299</v>
      </c>
      <c r="NJ13" s="119">
        <v>2400811</v>
      </c>
      <c r="NK13" s="120">
        <v>22181653</v>
      </c>
      <c r="NL13" s="321">
        <v>22181653</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1543703</v>
      </c>
      <c r="OJ13" s="119">
        <v>931765</v>
      </c>
      <c r="OK13" s="141">
        <v>2475468</v>
      </c>
      <c r="OL13" s="118">
        <v>0</v>
      </c>
      <c r="OM13" s="119">
        <v>37680346</v>
      </c>
      <c r="ON13" s="119">
        <v>33714890</v>
      </c>
      <c r="OO13" s="119">
        <v>38137185</v>
      </c>
      <c r="OP13" s="119">
        <v>45594578</v>
      </c>
      <c r="OQ13" s="119">
        <v>20254716</v>
      </c>
      <c r="OR13" s="120">
        <v>175381715</v>
      </c>
      <c r="OS13" s="143">
        <v>177857183</v>
      </c>
    </row>
    <row r="14" spans="1:409" ht="20.25" customHeight="1" x14ac:dyDescent="0.2">
      <c r="B14" s="126" t="s">
        <v>8</v>
      </c>
      <c r="C14" s="110">
        <v>713353</v>
      </c>
      <c r="D14" s="114">
        <v>1076964</v>
      </c>
      <c r="E14" s="113">
        <v>1790317</v>
      </c>
      <c r="F14" s="109">
        <v>0</v>
      </c>
      <c r="G14" s="114">
        <v>6958020</v>
      </c>
      <c r="H14" s="114">
        <v>8555867</v>
      </c>
      <c r="I14" s="114">
        <v>9563345</v>
      </c>
      <c r="J14" s="114">
        <v>5777334</v>
      </c>
      <c r="K14" s="114">
        <v>5230296</v>
      </c>
      <c r="L14" s="109">
        <v>36084862</v>
      </c>
      <c r="M14" s="116">
        <v>37875179</v>
      </c>
      <c r="N14" s="110">
        <v>215052</v>
      </c>
      <c r="O14" s="114">
        <v>297077</v>
      </c>
      <c r="P14" s="113">
        <v>512129</v>
      </c>
      <c r="Q14" s="110">
        <v>0</v>
      </c>
      <c r="R14" s="114">
        <v>2232760</v>
      </c>
      <c r="S14" s="114">
        <v>2649415</v>
      </c>
      <c r="T14" s="114">
        <v>3701476</v>
      </c>
      <c r="U14" s="114">
        <v>1945221</v>
      </c>
      <c r="V14" s="114">
        <v>3197496</v>
      </c>
      <c r="W14" s="113">
        <v>13726368</v>
      </c>
      <c r="X14" s="116">
        <v>14238497</v>
      </c>
      <c r="Y14" s="110">
        <v>0</v>
      </c>
      <c r="Z14" s="114">
        <v>0</v>
      </c>
      <c r="AA14" s="113">
        <v>0</v>
      </c>
      <c r="AB14" s="110">
        <v>0</v>
      </c>
      <c r="AC14" s="114">
        <v>1013916</v>
      </c>
      <c r="AD14" s="114">
        <v>1555794</v>
      </c>
      <c r="AE14" s="114">
        <v>2011609</v>
      </c>
      <c r="AF14" s="114">
        <v>706408</v>
      </c>
      <c r="AG14" s="114">
        <v>2268514</v>
      </c>
      <c r="AH14" s="113">
        <v>7556241</v>
      </c>
      <c r="AI14" s="116">
        <v>7556241</v>
      </c>
      <c r="AJ14" s="110">
        <v>0</v>
      </c>
      <c r="AK14" s="114">
        <v>0</v>
      </c>
      <c r="AL14" s="113">
        <v>0</v>
      </c>
      <c r="AM14" s="110">
        <v>0</v>
      </c>
      <c r="AN14" s="114">
        <v>0</v>
      </c>
      <c r="AO14" s="114">
        <v>57865</v>
      </c>
      <c r="AP14" s="114">
        <v>153229</v>
      </c>
      <c r="AQ14" s="114">
        <v>227008</v>
      </c>
      <c r="AR14" s="114">
        <v>304690</v>
      </c>
      <c r="AS14" s="113">
        <v>742792</v>
      </c>
      <c r="AT14" s="116">
        <v>742792</v>
      </c>
      <c r="AU14" s="110">
        <v>100020</v>
      </c>
      <c r="AV14" s="114">
        <v>218713</v>
      </c>
      <c r="AW14" s="113">
        <v>318733</v>
      </c>
      <c r="AX14" s="110">
        <v>0</v>
      </c>
      <c r="AY14" s="114">
        <v>770429</v>
      </c>
      <c r="AZ14" s="114">
        <v>651358</v>
      </c>
      <c r="BA14" s="114">
        <v>992861</v>
      </c>
      <c r="BB14" s="114">
        <v>637362</v>
      </c>
      <c r="BC14" s="114">
        <v>287407</v>
      </c>
      <c r="BD14" s="113">
        <v>3339417</v>
      </c>
      <c r="BE14" s="116">
        <v>3658150</v>
      </c>
      <c r="BF14" s="110">
        <v>0</v>
      </c>
      <c r="BG14" s="114">
        <v>20796</v>
      </c>
      <c r="BH14" s="112">
        <v>20796</v>
      </c>
      <c r="BI14" s="111">
        <v>0</v>
      </c>
      <c r="BJ14" s="114">
        <v>67199</v>
      </c>
      <c r="BK14" s="114">
        <v>91670</v>
      </c>
      <c r="BL14" s="114">
        <v>161281</v>
      </c>
      <c r="BM14" s="114">
        <v>33219</v>
      </c>
      <c r="BN14" s="114">
        <v>21133</v>
      </c>
      <c r="BO14" s="113">
        <v>374502</v>
      </c>
      <c r="BP14" s="116">
        <v>395298</v>
      </c>
      <c r="BQ14" s="110">
        <v>115032</v>
      </c>
      <c r="BR14" s="114">
        <v>57568</v>
      </c>
      <c r="BS14" s="113">
        <v>172600</v>
      </c>
      <c r="BT14" s="110">
        <v>0</v>
      </c>
      <c r="BU14" s="114">
        <v>381216</v>
      </c>
      <c r="BV14" s="114">
        <v>292728</v>
      </c>
      <c r="BW14" s="114">
        <v>382496</v>
      </c>
      <c r="BX14" s="114">
        <v>341224</v>
      </c>
      <c r="BY14" s="114">
        <v>315752</v>
      </c>
      <c r="BZ14" s="113">
        <v>1713416</v>
      </c>
      <c r="CA14" s="116">
        <v>1886016</v>
      </c>
      <c r="CB14" s="110">
        <v>121968</v>
      </c>
      <c r="CC14" s="114">
        <v>112764</v>
      </c>
      <c r="CD14" s="113">
        <v>234732</v>
      </c>
      <c r="CE14" s="110">
        <v>0</v>
      </c>
      <c r="CF14" s="114">
        <v>2266866</v>
      </c>
      <c r="CG14" s="114">
        <v>3273936</v>
      </c>
      <c r="CH14" s="114">
        <v>2388488</v>
      </c>
      <c r="CI14" s="114">
        <v>1369701</v>
      </c>
      <c r="CJ14" s="114">
        <v>363015</v>
      </c>
      <c r="CK14" s="113">
        <v>9662006</v>
      </c>
      <c r="CL14" s="116">
        <v>9896738</v>
      </c>
      <c r="CM14" s="110">
        <v>0</v>
      </c>
      <c r="CN14" s="114">
        <v>0</v>
      </c>
      <c r="CO14" s="113">
        <v>0</v>
      </c>
      <c r="CP14" s="111">
        <v>0</v>
      </c>
      <c r="CQ14" s="114">
        <v>1783593</v>
      </c>
      <c r="CR14" s="114">
        <v>2825780</v>
      </c>
      <c r="CS14" s="114">
        <v>1905389</v>
      </c>
      <c r="CT14" s="114">
        <v>909378</v>
      </c>
      <c r="CU14" s="114">
        <v>363015</v>
      </c>
      <c r="CV14" s="113">
        <v>7787155</v>
      </c>
      <c r="CW14" s="116">
        <v>7787155</v>
      </c>
      <c r="CX14" s="110">
        <v>121968</v>
      </c>
      <c r="CY14" s="114">
        <v>112764</v>
      </c>
      <c r="CZ14" s="113">
        <v>234732</v>
      </c>
      <c r="DA14" s="110">
        <v>0</v>
      </c>
      <c r="DB14" s="114">
        <v>483273</v>
      </c>
      <c r="DC14" s="114">
        <v>448156</v>
      </c>
      <c r="DD14" s="114">
        <v>483099</v>
      </c>
      <c r="DE14" s="114">
        <v>460323</v>
      </c>
      <c r="DF14" s="114">
        <v>0</v>
      </c>
      <c r="DG14" s="113">
        <v>1874851</v>
      </c>
      <c r="DH14" s="116">
        <v>2109583</v>
      </c>
      <c r="DI14" s="110">
        <v>0</v>
      </c>
      <c r="DJ14" s="114">
        <v>92812</v>
      </c>
      <c r="DK14" s="112">
        <v>92812</v>
      </c>
      <c r="DL14" s="111">
        <v>0</v>
      </c>
      <c r="DM14" s="114">
        <v>177875</v>
      </c>
      <c r="DN14" s="114">
        <v>538577</v>
      </c>
      <c r="DO14" s="114">
        <v>924079</v>
      </c>
      <c r="DP14" s="114">
        <v>188216</v>
      </c>
      <c r="DQ14" s="114">
        <v>72896</v>
      </c>
      <c r="DR14" s="113">
        <v>1901643</v>
      </c>
      <c r="DS14" s="116">
        <v>1994455</v>
      </c>
      <c r="DT14" s="110">
        <v>0</v>
      </c>
      <c r="DU14" s="114">
        <v>92812</v>
      </c>
      <c r="DV14" s="113">
        <v>92812</v>
      </c>
      <c r="DW14" s="110">
        <v>0</v>
      </c>
      <c r="DX14" s="114">
        <v>177875</v>
      </c>
      <c r="DY14" s="114">
        <v>498024</v>
      </c>
      <c r="DZ14" s="114">
        <v>829294</v>
      </c>
      <c r="EA14" s="114">
        <v>188216</v>
      </c>
      <c r="EB14" s="114">
        <v>72896</v>
      </c>
      <c r="EC14" s="113">
        <v>1766305</v>
      </c>
      <c r="ED14" s="116">
        <v>1859117</v>
      </c>
      <c r="EE14" s="110">
        <v>0</v>
      </c>
      <c r="EF14" s="112">
        <v>0</v>
      </c>
      <c r="EG14" s="113">
        <v>0</v>
      </c>
      <c r="EH14" s="110">
        <v>0</v>
      </c>
      <c r="EI14" s="114">
        <v>0</v>
      </c>
      <c r="EJ14" s="114">
        <v>40553</v>
      </c>
      <c r="EK14" s="114">
        <v>94785</v>
      </c>
      <c r="EL14" s="114">
        <v>0</v>
      </c>
      <c r="EM14" s="114">
        <v>0</v>
      </c>
      <c r="EN14" s="112">
        <v>135338</v>
      </c>
      <c r="EO14" s="116">
        <v>135338</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8">
        <v>0</v>
      </c>
      <c r="FE14" s="114">
        <v>0</v>
      </c>
      <c r="FF14" s="114">
        <v>0</v>
      </c>
      <c r="FG14" s="114">
        <v>0</v>
      </c>
      <c r="FH14" s="114">
        <v>0</v>
      </c>
      <c r="FI14" s="114">
        <v>0</v>
      </c>
      <c r="FJ14" s="113">
        <v>0</v>
      </c>
      <c r="FK14" s="116">
        <v>0</v>
      </c>
      <c r="FL14" s="110">
        <v>99488</v>
      </c>
      <c r="FM14" s="114">
        <v>120288</v>
      </c>
      <c r="FN14" s="113">
        <v>219776</v>
      </c>
      <c r="FO14" s="110">
        <v>0</v>
      </c>
      <c r="FP14" s="114">
        <v>361016</v>
      </c>
      <c r="FQ14" s="114">
        <v>1013320</v>
      </c>
      <c r="FR14" s="114">
        <v>853048</v>
      </c>
      <c r="FS14" s="114">
        <v>662472</v>
      </c>
      <c r="FT14" s="114">
        <v>245776</v>
      </c>
      <c r="FU14" s="113">
        <v>3135632</v>
      </c>
      <c r="FV14" s="116">
        <v>3355408</v>
      </c>
      <c r="FW14" s="115">
        <v>81888</v>
      </c>
      <c r="FX14" s="114">
        <v>120288</v>
      </c>
      <c r="FY14" s="112">
        <v>202176</v>
      </c>
      <c r="FZ14" s="111">
        <v>0</v>
      </c>
      <c r="GA14" s="114">
        <v>361016</v>
      </c>
      <c r="GB14" s="114">
        <v>1013320</v>
      </c>
      <c r="GC14" s="114">
        <v>775920</v>
      </c>
      <c r="GD14" s="114">
        <v>662472</v>
      </c>
      <c r="GE14" s="114">
        <v>245776</v>
      </c>
      <c r="GF14" s="113">
        <v>3058504</v>
      </c>
      <c r="GG14" s="319">
        <v>3260680</v>
      </c>
      <c r="GH14" s="115">
        <v>17600</v>
      </c>
      <c r="GI14" s="114">
        <v>0</v>
      </c>
      <c r="GJ14" s="112">
        <v>17600</v>
      </c>
      <c r="GK14" s="111">
        <v>0</v>
      </c>
      <c r="GL14" s="114">
        <v>0</v>
      </c>
      <c r="GM14" s="114">
        <v>0</v>
      </c>
      <c r="GN14" s="114">
        <v>15840</v>
      </c>
      <c r="GO14" s="114">
        <v>0</v>
      </c>
      <c r="GP14" s="114">
        <v>0</v>
      </c>
      <c r="GQ14" s="113">
        <v>15840</v>
      </c>
      <c r="GR14" s="116">
        <v>33440</v>
      </c>
      <c r="GS14" s="110">
        <v>0</v>
      </c>
      <c r="GT14" s="114">
        <v>0</v>
      </c>
      <c r="GU14" s="113">
        <v>0</v>
      </c>
      <c r="GV14" s="110">
        <v>0</v>
      </c>
      <c r="GW14" s="114">
        <v>0</v>
      </c>
      <c r="GX14" s="114">
        <v>0</v>
      </c>
      <c r="GY14" s="114">
        <v>61288</v>
      </c>
      <c r="GZ14" s="114">
        <v>0</v>
      </c>
      <c r="HA14" s="114">
        <v>0</v>
      </c>
      <c r="HB14" s="112">
        <v>61288</v>
      </c>
      <c r="HC14" s="116">
        <v>61288</v>
      </c>
      <c r="HD14" s="110">
        <v>276845</v>
      </c>
      <c r="HE14" s="114">
        <v>454023</v>
      </c>
      <c r="HF14" s="112">
        <v>730868</v>
      </c>
      <c r="HG14" s="111">
        <v>0</v>
      </c>
      <c r="HH14" s="114">
        <v>1919503</v>
      </c>
      <c r="HI14" s="114">
        <v>1080619</v>
      </c>
      <c r="HJ14" s="114">
        <v>1696254</v>
      </c>
      <c r="HK14" s="114">
        <v>1611724</v>
      </c>
      <c r="HL14" s="114">
        <v>1351113</v>
      </c>
      <c r="HM14" s="113">
        <v>7659213</v>
      </c>
      <c r="HN14" s="109">
        <v>8390081</v>
      </c>
      <c r="HO14" s="329"/>
      <c r="HP14" s="330"/>
      <c r="HQ14" s="331"/>
      <c r="HR14" s="332"/>
      <c r="HS14" s="330"/>
      <c r="HT14" s="330"/>
      <c r="HU14" s="330"/>
      <c r="HV14" s="330"/>
      <c r="HW14" s="330"/>
      <c r="HX14" s="333"/>
      <c r="HY14" s="334"/>
      <c r="HZ14" s="131">
        <v>102122</v>
      </c>
      <c r="IA14" s="132">
        <v>0</v>
      </c>
      <c r="IB14" s="133">
        <v>102122</v>
      </c>
      <c r="IC14" s="134">
        <v>0</v>
      </c>
      <c r="ID14" s="135">
        <v>3282485</v>
      </c>
      <c r="IE14" s="136">
        <v>2474142</v>
      </c>
      <c r="IF14" s="137">
        <v>3447417</v>
      </c>
      <c r="IG14" s="135">
        <v>3193449</v>
      </c>
      <c r="IH14" s="137">
        <v>969024</v>
      </c>
      <c r="II14" s="138">
        <v>13366517</v>
      </c>
      <c r="IJ14" s="139">
        <v>13468639</v>
      </c>
      <c r="IK14" s="232">
        <v>0</v>
      </c>
      <c r="IL14" s="236">
        <v>0</v>
      </c>
      <c r="IM14" s="237">
        <v>0</v>
      </c>
      <c r="IN14" s="140"/>
      <c r="IO14" s="119">
        <v>0</v>
      </c>
      <c r="IP14" s="119">
        <v>0</v>
      </c>
      <c r="IQ14" s="119">
        <v>0</v>
      </c>
      <c r="IR14" s="119">
        <v>593891</v>
      </c>
      <c r="IS14" s="119">
        <v>0</v>
      </c>
      <c r="IT14" s="141">
        <v>593891</v>
      </c>
      <c r="IU14" s="321">
        <v>593891</v>
      </c>
      <c r="IV14" s="142">
        <v>0</v>
      </c>
      <c r="IW14" s="119">
        <v>0</v>
      </c>
      <c r="IX14" s="120">
        <v>0</v>
      </c>
      <c r="IY14" s="144"/>
      <c r="IZ14" s="119">
        <v>0</v>
      </c>
      <c r="JA14" s="119">
        <v>0</v>
      </c>
      <c r="JB14" s="119">
        <v>0</v>
      </c>
      <c r="JC14" s="119">
        <v>0</v>
      </c>
      <c r="JD14" s="119">
        <v>14731</v>
      </c>
      <c r="JE14" s="120">
        <v>14731</v>
      </c>
      <c r="JF14" s="121">
        <v>14731</v>
      </c>
      <c r="JG14" s="142">
        <v>0</v>
      </c>
      <c r="JH14" s="119">
        <v>0</v>
      </c>
      <c r="JI14" s="141">
        <v>0</v>
      </c>
      <c r="JJ14" s="118">
        <v>0</v>
      </c>
      <c r="JK14" s="119">
        <v>1363050</v>
      </c>
      <c r="JL14" s="119">
        <v>1391735</v>
      </c>
      <c r="JM14" s="119">
        <v>692809</v>
      </c>
      <c r="JN14" s="119">
        <v>400073</v>
      </c>
      <c r="JO14" s="119">
        <v>85614</v>
      </c>
      <c r="JP14" s="120">
        <v>3933281</v>
      </c>
      <c r="JQ14" s="321">
        <v>3933281</v>
      </c>
      <c r="JR14" s="142">
        <v>0</v>
      </c>
      <c r="JS14" s="119">
        <v>0</v>
      </c>
      <c r="JT14" s="141">
        <v>0</v>
      </c>
      <c r="JU14" s="118">
        <v>0</v>
      </c>
      <c r="JV14" s="119">
        <v>127088</v>
      </c>
      <c r="JW14" s="119">
        <v>0</v>
      </c>
      <c r="JX14" s="119">
        <v>0</v>
      </c>
      <c r="JY14" s="119">
        <v>0</v>
      </c>
      <c r="JZ14" s="119">
        <v>293112</v>
      </c>
      <c r="KA14" s="120">
        <v>420200</v>
      </c>
      <c r="KB14" s="321">
        <v>420200</v>
      </c>
      <c r="KC14" s="234">
        <v>102122</v>
      </c>
      <c r="KD14" s="230">
        <v>0</v>
      </c>
      <c r="KE14" s="120">
        <v>102122</v>
      </c>
      <c r="KF14" s="118">
        <v>0</v>
      </c>
      <c r="KG14" s="119">
        <v>688994</v>
      </c>
      <c r="KH14" s="119">
        <v>347533</v>
      </c>
      <c r="KI14" s="119">
        <v>476268</v>
      </c>
      <c r="KJ14" s="119">
        <v>488496</v>
      </c>
      <c r="KK14" s="119">
        <v>0</v>
      </c>
      <c r="KL14" s="120">
        <v>2001291</v>
      </c>
      <c r="KM14" s="143">
        <v>2103413</v>
      </c>
      <c r="KN14" s="232">
        <v>0</v>
      </c>
      <c r="KO14" s="236">
        <v>0</v>
      </c>
      <c r="KP14" s="237">
        <v>0</v>
      </c>
      <c r="KQ14" s="140"/>
      <c r="KR14" s="119">
        <v>699914</v>
      </c>
      <c r="KS14" s="119">
        <v>734874</v>
      </c>
      <c r="KT14" s="119">
        <v>1639908</v>
      </c>
      <c r="KU14" s="119">
        <v>765516</v>
      </c>
      <c r="KV14" s="119">
        <v>259878</v>
      </c>
      <c r="KW14" s="120">
        <v>4100090</v>
      </c>
      <c r="KX14" s="321">
        <v>4100090</v>
      </c>
      <c r="KY14" s="142">
        <v>0</v>
      </c>
      <c r="KZ14" s="119">
        <v>0</v>
      </c>
      <c r="LA14" s="120">
        <v>0</v>
      </c>
      <c r="LB14" s="145"/>
      <c r="LC14" s="119">
        <v>0</v>
      </c>
      <c r="LD14" s="119">
        <v>0</v>
      </c>
      <c r="LE14" s="119">
        <v>118260</v>
      </c>
      <c r="LF14" s="119">
        <v>649719</v>
      </c>
      <c r="LG14" s="119">
        <v>0</v>
      </c>
      <c r="LH14" s="120">
        <v>767979</v>
      </c>
      <c r="LI14" s="121">
        <v>767979</v>
      </c>
      <c r="LJ14" s="142">
        <v>0</v>
      </c>
      <c r="LK14" s="119">
        <v>0</v>
      </c>
      <c r="LL14" s="120">
        <v>0</v>
      </c>
      <c r="LM14" s="145"/>
      <c r="LN14" s="119">
        <v>0</v>
      </c>
      <c r="LO14" s="119">
        <v>0</v>
      </c>
      <c r="LP14" s="119">
        <v>0</v>
      </c>
      <c r="LQ14" s="119">
        <v>0</v>
      </c>
      <c r="LR14" s="119">
        <v>0</v>
      </c>
      <c r="LS14" s="120">
        <v>0</v>
      </c>
      <c r="LT14" s="321">
        <v>0</v>
      </c>
      <c r="LU14" s="142">
        <v>0</v>
      </c>
      <c r="LV14" s="119">
        <v>0</v>
      </c>
      <c r="LW14" s="120">
        <v>0</v>
      </c>
      <c r="LX14" s="145"/>
      <c r="LY14" s="119">
        <v>403439</v>
      </c>
      <c r="LZ14" s="119">
        <v>0</v>
      </c>
      <c r="MA14" s="119">
        <v>520172</v>
      </c>
      <c r="MB14" s="119">
        <v>295754</v>
      </c>
      <c r="MC14" s="119">
        <v>315689</v>
      </c>
      <c r="MD14" s="120">
        <v>1535054</v>
      </c>
      <c r="ME14" s="121">
        <v>1535054</v>
      </c>
      <c r="MF14" s="142">
        <v>0</v>
      </c>
      <c r="MG14" s="119">
        <v>0</v>
      </c>
      <c r="MH14" s="120">
        <v>0</v>
      </c>
      <c r="MI14" s="145"/>
      <c r="MJ14" s="119">
        <v>420489</v>
      </c>
      <c r="MK14" s="119">
        <v>954007</v>
      </c>
      <c r="ML14" s="119">
        <v>3774522</v>
      </c>
      <c r="MM14" s="119">
        <v>3435515</v>
      </c>
      <c r="MN14" s="119">
        <v>2462066</v>
      </c>
      <c r="MO14" s="120">
        <v>11046599</v>
      </c>
      <c r="MP14" s="143">
        <v>11046599</v>
      </c>
      <c r="MQ14" s="142">
        <v>0</v>
      </c>
      <c r="MR14" s="119">
        <v>0</v>
      </c>
      <c r="MS14" s="120">
        <v>0</v>
      </c>
      <c r="MT14" s="145"/>
      <c r="MU14" s="119">
        <v>214416</v>
      </c>
      <c r="MV14" s="119">
        <v>233695</v>
      </c>
      <c r="MW14" s="119">
        <v>1674543</v>
      </c>
      <c r="MX14" s="119">
        <v>1774344</v>
      </c>
      <c r="MY14" s="119">
        <v>1790065</v>
      </c>
      <c r="MZ14" s="120">
        <v>5687063</v>
      </c>
      <c r="NA14" s="143">
        <v>5687063</v>
      </c>
      <c r="NB14" s="142">
        <v>0</v>
      </c>
      <c r="NC14" s="119">
        <v>0</v>
      </c>
      <c r="ND14" s="120">
        <v>0</v>
      </c>
      <c r="NE14" s="145"/>
      <c r="NF14" s="119">
        <v>206073</v>
      </c>
      <c r="NG14" s="119">
        <v>720312</v>
      </c>
      <c r="NH14" s="119">
        <v>2099979</v>
      </c>
      <c r="NI14" s="119">
        <v>1282445</v>
      </c>
      <c r="NJ14" s="119">
        <v>672001</v>
      </c>
      <c r="NK14" s="120">
        <v>4980810</v>
      </c>
      <c r="NL14" s="321">
        <v>4980810</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378726</v>
      </c>
      <c r="OF14" s="119">
        <v>0</v>
      </c>
      <c r="OG14" s="120">
        <v>378726</v>
      </c>
      <c r="OH14" s="121">
        <v>378726</v>
      </c>
      <c r="OI14" s="142">
        <v>815475</v>
      </c>
      <c r="OJ14" s="119">
        <v>1076964</v>
      </c>
      <c r="OK14" s="141">
        <v>1892439</v>
      </c>
      <c r="OL14" s="118">
        <v>0</v>
      </c>
      <c r="OM14" s="119">
        <v>10660994</v>
      </c>
      <c r="ON14" s="119">
        <v>11984016</v>
      </c>
      <c r="OO14" s="119">
        <v>16785284</v>
      </c>
      <c r="OP14" s="119">
        <v>12406298</v>
      </c>
      <c r="OQ14" s="119">
        <v>8661386</v>
      </c>
      <c r="OR14" s="120">
        <v>60497978</v>
      </c>
      <c r="OS14" s="143">
        <v>62390417</v>
      </c>
    </row>
    <row r="15" spans="1:409" ht="20.25" customHeight="1" x14ac:dyDescent="0.2">
      <c r="B15" s="126" t="s">
        <v>9</v>
      </c>
      <c r="C15" s="110">
        <v>955364</v>
      </c>
      <c r="D15" s="114">
        <v>872223</v>
      </c>
      <c r="E15" s="113">
        <v>1827587</v>
      </c>
      <c r="F15" s="111">
        <v>0</v>
      </c>
      <c r="G15" s="114">
        <v>11676324</v>
      </c>
      <c r="H15" s="114">
        <v>11407354</v>
      </c>
      <c r="I15" s="114">
        <v>11386818</v>
      </c>
      <c r="J15" s="114">
        <v>11279423</v>
      </c>
      <c r="K15" s="114">
        <v>9010819</v>
      </c>
      <c r="L15" s="109">
        <v>54760738</v>
      </c>
      <c r="M15" s="116">
        <v>56588325</v>
      </c>
      <c r="N15" s="110">
        <v>189029</v>
      </c>
      <c r="O15" s="114">
        <v>165031</v>
      </c>
      <c r="P15" s="113">
        <v>354060</v>
      </c>
      <c r="Q15" s="110">
        <v>0</v>
      </c>
      <c r="R15" s="114">
        <v>3942946</v>
      </c>
      <c r="S15" s="114">
        <v>3837986</v>
      </c>
      <c r="T15" s="114">
        <v>3602193</v>
      </c>
      <c r="U15" s="114">
        <v>5132816</v>
      </c>
      <c r="V15" s="114">
        <v>4432259</v>
      </c>
      <c r="W15" s="113">
        <v>20948200</v>
      </c>
      <c r="X15" s="116">
        <v>21302260</v>
      </c>
      <c r="Y15" s="110">
        <v>0</v>
      </c>
      <c r="Z15" s="114">
        <v>0</v>
      </c>
      <c r="AA15" s="113">
        <v>0</v>
      </c>
      <c r="AB15" s="110">
        <v>0</v>
      </c>
      <c r="AC15" s="114">
        <v>1697605</v>
      </c>
      <c r="AD15" s="114">
        <v>1935764</v>
      </c>
      <c r="AE15" s="114">
        <v>1809359</v>
      </c>
      <c r="AF15" s="114">
        <v>3647065</v>
      </c>
      <c r="AG15" s="114">
        <v>2420613</v>
      </c>
      <c r="AH15" s="113">
        <v>11510406</v>
      </c>
      <c r="AI15" s="116">
        <v>11510406</v>
      </c>
      <c r="AJ15" s="110">
        <v>0</v>
      </c>
      <c r="AK15" s="114">
        <v>0</v>
      </c>
      <c r="AL15" s="113">
        <v>0</v>
      </c>
      <c r="AM15" s="110">
        <v>0</v>
      </c>
      <c r="AN15" s="114">
        <v>0</v>
      </c>
      <c r="AO15" s="114">
        <v>0</v>
      </c>
      <c r="AP15" s="114">
        <v>156361</v>
      </c>
      <c r="AQ15" s="114">
        <v>0</v>
      </c>
      <c r="AR15" s="114">
        <v>430255</v>
      </c>
      <c r="AS15" s="113">
        <v>586616</v>
      </c>
      <c r="AT15" s="116">
        <v>586616</v>
      </c>
      <c r="AU15" s="110">
        <v>7655</v>
      </c>
      <c r="AV15" s="114">
        <v>69879</v>
      </c>
      <c r="AW15" s="113">
        <v>77534</v>
      </c>
      <c r="AX15" s="110">
        <v>0</v>
      </c>
      <c r="AY15" s="114">
        <v>1409731</v>
      </c>
      <c r="AZ15" s="114">
        <v>1178633</v>
      </c>
      <c r="BA15" s="114">
        <v>940206</v>
      </c>
      <c r="BB15" s="114">
        <v>801868</v>
      </c>
      <c r="BC15" s="114">
        <v>1169855</v>
      </c>
      <c r="BD15" s="113">
        <v>5500293</v>
      </c>
      <c r="BE15" s="116">
        <v>5577827</v>
      </c>
      <c r="BF15" s="110">
        <v>16270</v>
      </c>
      <c r="BG15" s="114">
        <v>0</v>
      </c>
      <c r="BH15" s="112">
        <v>16270</v>
      </c>
      <c r="BI15" s="111">
        <v>0</v>
      </c>
      <c r="BJ15" s="114">
        <v>59658</v>
      </c>
      <c r="BK15" s="114">
        <v>173421</v>
      </c>
      <c r="BL15" s="114">
        <v>94115</v>
      </c>
      <c r="BM15" s="114">
        <v>189187</v>
      </c>
      <c r="BN15" s="114">
        <v>24848</v>
      </c>
      <c r="BO15" s="113">
        <v>541229</v>
      </c>
      <c r="BP15" s="116">
        <v>557499</v>
      </c>
      <c r="BQ15" s="110">
        <v>165104</v>
      </c>
      <c r="BR15" s="114">
        <v>95152</v>
      </c>
      <c r="BS15" s="113">
        <v>260256</v>
      </c>
      <c r="BT15" s="110">
        <v>0</v>
      </c>
      <c r="BU15" s="114">
        <v>775952</v>
      </c>
      <c r="BV15" s="114">
        <v>550168</v>
      </c>
      <c r="BW15" s="114">
        <v>602152</v>
      </c>
      <c r="BX15" s="114">
        <v>494696</v>
      </c>
      <c r="BY15" s="114">
        <v>386688</v>
      </c>
      <c r="BZ15" s="113">
        <v>2809656</v>
      </c>
      <c r="CA15" s="116">
        <v>3069912</v>
      </c>
      <c r="CB15" s="110">
        <v>103154</v>
      </c>
      <c r="CC15" s="114">
        <v>115210</v>
      </c>
      <c r="CD15" s="113">
        <v>218364</v>
      </c>
      <c r="CE15" s="110">
        <v>0</v>
      </c>
      <c r="CF15" s="114">
        <v>2973381</v>
      </c>
      <c r="CG15" s="114">
        <v>2895826</v>
      </c>
      <c r="CH15" s="114">
        <v>3250487</v>
      </c>
      <c r="CI15" s="114">
        <v>1899775</v>
      </c>
      <c r="CJ15" s="114">
        <v>1047136</v>
      </c>
      <c r="CK15" s="113">
        <v>12066605</v>
      </c>
      <c r="CL15" s="116">
        <v>12284969</v>
      </c>
      <c r="CM15" s="110">
        <v>0</v>
      </c>
      <c r="CN15" s="114">
        <v>0</v>
      </c>
      <c r="CO15" s="113">
        <v>0</v>
      </c>
      <c r="CP15" s="111">
        <v>0</v>
      </c>
      <c r="CQ15" s="114">
        <v>2094784</v>
      </c>
      <c r="CR15" s="114">
        <v>2013238</v>
      </c>
      <c r="CS15" s="114">
        <v>2540508</v>
      </c>
      <c r="CT15" s="114">
        <v>1109614</v>
      </c>
      <c r="CU15" s="114">
        <v>996184</v>
      </c>
      <c r="CV15" s="113">
        <v>8754328</v>
      </c>
      <c r="CW15" s="116">
        <v>8754328</v>
      </c>
      <c r="CX15" s="110">
        <v>103154</v>
      </c>
      <c r="CY15" s="114">
        <v>115210</v>
      </c>
      <c r="CZ15" s="113">
        <v>218364</v>
      </c>
      <c r="DA15" s="110">
        <v>0</v>
      </c>
      <c r="DB15" s="114">
        <v>878597</v>
      </c>
      <c r="DC15" s="114">
        <v>882588</v>
      </c>
      <c r="DD15" s="114">
        <v>709979</v>
      </c>
      <c r="DE15" s="114">
        <v>790161</v>
      </c>
      <c r="DF15" s="114">
        <v>50952</v>
      </c>
      <c r="DG15" s="113">
        <v>3312277</v>
      </c>
      <c r="DH15" s="116">
        <v>3530641</v>
      </c>
      <c r="DI15" s="110">
        <v>0</v>
      </c>
      <c r="DJ15" s="114">
        <v>0</v>
      </c>
      <c r="DK15" s="112">
        <v>0</v>
      </c>
      <c r="DL15" s="111">
        <v>0</v>
      </c>
      <c r="DM15" s="114">
        <v>357302</v>
      </c>
      <c r="DN15" s="114">
        <v>762602</v>
      </c>
      <c r="DO15" s="114">
        <v>1114984</v>
      </c>
      <c r="DP15" s="114">
        <v>908435</v>
      </c>
      <c r="DQ15" s="114">
        <v>632642</v>
      </c>
      <c r="DR15" s="113">
        <v>3775965</v>
      </c>
      <c r="DS15" s="116">
        <v>3775965</v>
      </c>
      <c r="DT15" s="110">
        <v>0</v>
      </c>
      <c r="DU15" s="114">
        <v>0</v>
      </c>
      <c r="DV15" s="113">
        <v>0</v>
      </c>
      <c r="DW15" s="110">
        <v>0</v>
      </c>
      <c r="DX15" s="114">
        <v>316906</v>
      </c>
      <c r="DY15" s="114">
        <v>611195</v>
      </c>
      <c r="DZ15" s="114">
        <v>875348</v>
      </c>
      <c r="EA15" s="114">
        <v>629202</v>
      </c>
      <c r="EB15" s="114">
        <v>632642</v>
      </c>
      <c r="EC15" s="113">
        <v>3065293</v>
      </c>
      <c r="ED15" s="116">
        <v>3065293</v>
      </c>
      <c r="EE15" s="110">
        <v>0</v>
      </c>
      <c r="EF15" s="112">
        <v>0</v>
      </c>
      <c r="EG15" s="113">
        <v>0</v>
      </c>
      <c r="EH15" s="110">
        <v>0</v>
      </c>
      <c r="EI15" s="114">
        <v>40396</v>
      </c>
      <c r="EJ15" s="114">
        <v>151407</v>
      </c>
      <c r="EK15" s="114">
        <v>239636</v>
      </c>
      <c r="EL15" s="114">
        <v>279233</v>
      </c>
      <c r="EM15" s="114">
        <v>0</v>
      </c>
      <c r="EN15" s="112">
        <v>710672</v>
      </c>
      <c r="EO15" s="116">
        <v>710672</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8">
        <v>0</v>
      </c>
      <c r="FE15" s="114">
        <v>0</v>
      </c>
      <c r="FF15" s="114">
        <v>0</v>
      </c>
      <c r="FG15" s="114">
        <v>0</v>
      </c>
      <c r="FH15" s="114">
        <v>0</v>
      </c>
      <c r="FI15" s="114">
        <v>0</v>
      </c>
      <c r="FJ15" s="113">
        <v>0</v>
      </c>
      <c r="FK15" s="116">
        <v>0</v>
      </c>
      <c r="FL15" s="110">
        <v>164696</v>
      </c>
      <c r="FM15" s="114">
        <v>113344</v>
      </c>
      <c r="FN15" s="113">
        <v>278040</v>
      </c>
      <c r="FO15" s="110">
        <v>0</v>
      </c>
      <c r="FP15" s="114">
        <v>930672</v>
      </c>
      <c r="FQ15" s="114">
        <v>1036304</v>
      </c>
      <c r="FR15" s="114">
        <v>936144</v>
      </c>
      <c r="FS15" s="114">
        <v>1019640</v>
      </c>
      <c r="FT15" s="114">
        <v>953052</v>
      </c>
      <c r="FU15" s="113">
        <v>4875812</v>
      </c>
      <c r="FV15" s="116">
        <v>5153852</v>
      </c>
      <c r="FW15" s="115">
        <v>164696</v>
      </c>
      <c r="FX15" s="114">
        <v>99264</v>
      </c>
      <c r="FY15" s="112">
        <v>263960</v>
      </c>
      <c r="FZ15" s="111">
        <v>0</v>
      </c>
      <c r="GA15" s="114">
        <v>629872</v>
      </c>
      <c r="GB15" s="114">
        <v>1016704</v>
      </c>
      <c r="GC15" s="114">
        <v>876792</v>
      </c>
      <c r="GD15" s="114">
        <v>859640</v>
      </c>
      <c r="GE15" s="114">
        <v>653232</v>
      </c>
      <c r="GF15" s="113">
        <v>4036240</v>
      </c>
      <c r="GG15" s="319">
        <v>4300200</v>
      </c>
      <c r="GH15" s="115">
        <v>0</v>
      </c>
      <c r="GI15" s="114">
        <v>14080</v>
      </c>
      <c r="GJ15" s="112">
        <v>14080</v>
      </c>
      <c r="GK15" s="111">
        <v>0</v>
      </c>
      <c r="GL15" s="114">
        <v>19200</v>
      </c>
      <c r="GM15" s="114">
        <v>0</v>
      </c>
      <c r="GN15" s="114">
        <v>24552</v>
      </c>
      <c r="GO15" s="114">
        <v>0</v>
      </c>
      <c r="GP15" s="114">
        <v>0</v>
      </c>
      <c r="GQ15" s="113">
        <v>43752</v>
      </c>
      <c r="GR15" s="116">
        <v>57832</v>
      </c>
      <c r="GS15" s="110">
        <v>0</v>
      </c>
      <c r="GT15" s="114">
        <v>0</v>
      </c>
      <c r="GU15" s="113">
        <v>0</v>
      </c>
      <c r="GV15" s="110">
        <v>0</v>
      </c>
      <c r="GW15" s="114">
        <v>281600</v>
      </c>
      <c r="GX15" s="114">
        <v>19600</v>
      </c>
      <c r="GY15" s="114">
        <v>34800</v>
      </c>
      <c r="GZ15" s="114">
        <v>160000</v>
      </c>
      <c r="HA15" s="114">
        <v>299820</v>
      </c>
      <c r="HB15" s="112">
        <v>795820</v>
      </c>
      <c r="HC15" s="116">
        <v>795820</v>
      </c>
      <c r="HD15" s="110">
        <v>498485</v>
      </c>
      <c r="HE15" s="114">
        <v>478638</v>
      </c>
      <c r="HF15" s="112">
        <v>977123</v>
      </c>
      <c r="HG15" s="111">
        <v>0</v>
      </c>
      <c r="HH15" s="114">
        <v>3472023</v>
      </c>
      <c r="HI15" s="114">
        <v>2874636</v>
      </c>
      <c r="HJ15" s="114">
        <v>2483010</v>
      </c>
      <c r="HK15" s="114">
        <v>2318757</v>
      </c>
      <c r="HL15" s="114">
        <v>1945730</v>
      </c>
      <c r="HM15" s="113">
        <v>13094156</v>
      </c>
      <c r="HN15" s="109">
        <v>14071279</v>
      </c>
      <c r="HO15" s="329"/>
      <c r="HP15" s="330"/>
      <c r="HQ15" s="331"/>
      <c r="HR15" s="332"/>
      <c r="HS15" s="330"/>
      <c r="HT15" s="330"/>
      <c r="HU15" s="330"/>
      <c r="HV15" s="330"/>
      <c r="HW15" s="330"/>
      <c r="HX15" s="333"/>
      <c r="HY15" s="334"/>
      <c r="HZ15" s="128">
        <v>42834</v>
      </c>
      <c r="IA15" s="149">
        <v>0</v>
      </c>
      <c r="IB15" s="129">
        <v>42834</v>
      </c>
      <c r="IC15" s="146">
        <v>0</v>
      </c>
      <c r="ID15" s="132">
        <v>3264196</v>
      </c>
      <c r="IE15" s="147">
        <v>2828452</v>
      </c>
      <c r="IF15" s="133">
        <v>3467368</v>
      </c>
      <c r="IG15" s="132">
        <v>1766488</v>
      </c>
      <c r="IH15" s="133">
        <v>1368805</v>
      </c>
      <c r="II15" s="148">
        <v>12695309</v>
      </c>
      <c r="IJ15" s="130">
        <v>12738143</v>
      </c>
      <c r="IK15" s="232">
        <v>0</v>
      </c>
      <c r="IL15" s="236">
        <v>0</v>
      </c>
      <c r="IM15" s="237">
        <v>0</v>
      </c>
      <c r="IN15" s="140"/>
      <c r="IO15" s="119">
        <v>69791</v>
      </c>
      <c r="IP15" s="119">
        <v>0</v>
      </c>
      <c r="IQ15" s="119">
        <v>0</v>
      </c>
      <c r="IR15" s="119">
        <v>0</v>
      </c>
      <c r="IS15" s="119">
        <v>291392</v>
      </c>
      <c r="IT15" s="141">
        <v>361183</v>
      </c>
      <c r="IU15" s="321">
        <v>361183</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440829</v>
      </c>
      <c r="JL15" s="119">
        <v>1078598</v>
      </c>
      <c r="JM15" s="119">
        <v>1474736</v>
      </c>
      <c r="JN15" s="119">
        <v>821798</v>
      </c>
      <c r="JO15" s="119">
        <v>166622</v>
      </c>
      <c r="JP15" s="120">
        <v>4982583</v>
      </c>
      <c r="JQ15" s="321">
        <v>4982583</v>
      </c>
      <c r="JR15" s="142">
        <v>0</v>
      </c>
      <c r="JS15" s="119">
        <v>0</v>
      </c>
      <c r="JT15" s="141">
        <v>0</v>
      </c>
      <c r="JU15" s="118">
        <v>0</v>
      </c>
      <c r="JV15" s="119">
        <v>0</v>
      </c>
      <c r="JW15" s="119">
        <v>87176</v>
      </c>
      <c r="JX15" s="119">
        <v>188891</v>
      </c>
      <c r="JY15" s="119">
        <v>0</v>
      </c>
      <c r="JZ15" s="119">
        <v>0</v>
      </c>
      <c r="KA15" s="120">
        <v>276067</v>
      </c>
      <c r="KB15" s="321">
        <v>276067</v>
      </c>
      <c r="KC15" s="234">
        <v>42834</v>
      </c>
      <c r="KD15" s="230">
        <v>0</v>
      </c>
      <c r="KE15" s="120">
        <v>42834</v>
      </c>
      <c r="KF15" s="118">
        <v>0</v>
      </c>
      <c r="KG15" s="119">
        <v>750625</v>
      </c>
      <c r="KH15" s="119">
        <v>323097</v>
      </c>
      <c r="KI15" s="119">
        <v>296480</v>
      </c>
      <c r="KJ15" s="119">
        <v>250389</v>
      </c>
      <c r="KK15" s="119">
        <v>140963</v>
      </c>
      <c r="KL15" s="120">
        <v>1761554</v>
      </c>
      <c r="KM15" s="143">
        <v>1804388</v>
      </c>
      <c r="KN15" s="232">
        <v>0</v>
      </c>
      <c r="KO15" s="236">
        <v>0</v>
      </c>
      <c r="KP15" s="237">
        <v>0</v>
      </c>
      <c r="KQ15" s="140"/>
      <c r="KR15" s="119">
        <v>841880</v>
      </c>
      <c r="KS15" s="119">
        <v>979977</v>
      </c>
      <c r="KT15" s="119">
        <v>769948</v>
      </c>
      <c r="KU15" s="119">
        <v>694301</v>
      </c>
      <c r="KV15" s="119">
        <v>769828</v>
      </c>
      <c r="KW15" s="120">
        <v>4055934</v>
      </c>
      <c r="KX15" s="321">
        <v>4055934</v>
      </c>
      <c r="KY15" s="142">
        <v>0</v>
      </c>
      <c r="KZ15" s="119">
        <v>0</v>
      </c>
      <c r="LA15" s="120">
        <v>0</v>
      </c>
      <c r="LB15" s="145"/>
      <c r="LC15" s="119">
        <v>161071</v>
      </c>
      <c r="LD15" s="119">
        <v>180483</v>
      </c>
      <c r="LE15" s="119">
        <v>0</v>
      </c>
      <c r="LF15" s="119">
        <v>0</v>
      </c>
      <c r="LG15" s="119">
        <v>0</v>
      </c>
      <c r="LH15" s="120">
        <v>341554</v>
      </c>
      <c r="LI15" s="121">
        <v>341554</v>
      </c>
      <c r="LJ15" s="142">
        <v>0</v>
      </c>
      <c r="LK15" s="119">
        <v>0</v>
      </c>
      <c r="LL15" s="120">
        <v>0</v>
      </c>
      <c r="LM15" s="145"/>
      <c r="LN15" s="119">
        <v>0</v>
      </c>
      <c r="LO15" s="119">
        <v>0</v>
      </c>
      <c r="LP15" s="119">
        <v>0</v>
      </c>
      <c r="LQ15" s="119">
        <v>0</v>
      </c>
      <c r="LR15" s="119">
        <v>0</v>
      </c>
      <c r="LS15" s="120">
        <v>0</v>
      </c>
      <c r="LT15" s="321">
        <v>0</v>
      </c>
      <c r="LU15" s="142">
        <v>0</v>
      </c>
      <c r="LV15" s="119">
        <v>0</v>
      </c>
      <c r="LW15" s="120">
        <v>0</v>
      </c>
      <c r="LX15" s="145"/>
      <c r="LY15" s="119">
        <v>0</v>
      </c>
      <c r="LZ15" s="119">
        <v>179121</v>
      </c>
      <c r="MA15" s="119">
        <v>737313</v>
      </c>
      <c r="MB15" s="119">
        <v>0</v>
      </c>
      <c r="MC15" s="119">
        <v>0</v>
      </c>
      <c r="MD15" s="120">
        <v>916434</v>
      </c>
      <c r="ME15" s="121">
        <v>916434</v>
      </c>
      <c r="MF15" s="142">
        <v>0</v>
      </c>
      <c r="MG15" s="119">
        <v>0</v>
      </c>
      <c r="MH15" s="120">
        <v>0</v>
      </c>
      <c r="MI15" s="145"/>
      <c r="MJ15" s="119">
        <v>852603</v>
      </c>
      <c r="MK15" s="119">
        <v>986312</v>
      </c>
      <c r="ML15" s="119">
        <v>6076686</v>
      </c>
      <c r="MM15" s="119">
        <v>8250898</v>
      </c>
      <c r="MN15" s="119">
        <v>2284315</v>
      </c>
      <c r="MO15" s="120">
        <v>18450814</v>
      </c>
      <c r="MP15" s="143">
        <v>18450814</v>
      </c>
      <c r="MQ15" s="142">
        <v>0</v>
      </c>
      <c r="MR15" s="119">
        <v>0</v>
      </c>
      <c r="MS15" s="120">
        <v>0</v>
      </c>
      <c r="MT15" s="145"/>
      <c r="MU15" s="119">
        <v>0</v>
      </c>
      <c r="MV15" s="119">
        <v>0</v>
      </c>
      <c r="MW15" s="119">
        <v>3734561</v>
      </c>
      <c r="MX15" s="119">
        <v>6864221</v>
      </c>
      <c r="MY15" s="119">
        <v>1947435</v>
      </c>
      <c r="MZ15" s="120">
        <v>12546217</v>
      </c>
      <c r="NA15" s="143">
        <v>12546217</v>
      </c>
      <c r="NB15" s="142">
        <v>0</v>
      </c>
      <c r="NC15" s="119">
        <v>0</v>
      </c>
      <c r="ND15" s="120">
        <v>0</v>
      </c>
      <c r="NE15" s="145"/>
      <c r="NF15" s="119">
        <v>852603</v>
      </c>
      <c r="NG15" s="119">
        <v>986312</v>
      </c>
      <c r="NH15" s="119">
        <v>2020417</v>
      </c>
      <c r="NI15" s="119">
        <v>1386677</v>
      </c>
      <c r="NJ15" s="119">
        <v>336880</v>
      </c>
      <c r="NK15" s="120">
        <v>5582889</v>
      </c>
      <c r="NL15" s="321">
        <v>5582889</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321708</v>
      </c>
      <c r="OE15" s="119">
        <v>0</v>
      </c>
      <c r="OF15" s="119">
        <v>0</v>
      </c>
      <c r="OG15" s="120">
        <v>321708</v>
      </c>
      <c r="OH15" s="121">
        <v>321708</v>
      </c>
      <c r="OI15" s="142">
        <v>998198</v>
      </c>
      <c r="OJ15" s="119">
        <v>872223</v>
      </c>
      <c r="OK15" s="141">
        <v>1870421</v>
      </c>
      <c r="OL15" s="118">
        <v>0</v>
      </c>
      <c r="OM15" s="119">
        <v>15793123</v>
      </c>
      <c r="ON15" s="119">
        <v>15222118</v>
      </c>
      <c r="OO15" s="119">
        <v>20930872</v>
      </c>
      <c r="OP15" s="119">
        <v>21296809</v>
      </c>
      <c r="OQ15" s="119">
        <v>12663939</v>
      </c>
      <c r="OR15" s="120">
        <v>85906861</v>
      </c>
      <c r="OS15" s="143">
        <v>87777282</v>
      </c>
    </row>
    <row r="16" spans="1:409" ht="20.25" customHeight="1" x14ac:dyDescent="0.2">
      <c r="B16" s="126" t="s">
        <v>10</v>
      </c>
      <c r="C16" s="110">
        <v>1662884</v>
      </c>
      <c r="D16" s="114">
        <v>2172360</v>
      </c>
      <c r="E16" s="113">
        <v>3835244</v>
      </c>
      <c r="F16" s="172">
        <v>0</v>
      </c>
      <c r="G16" s="114">
        <v>21975617</v>
      </c>
      <c r="H16" s="114">
        <v>15791274</v>
      </c>
      <c r="I16" s="114">
        <v>17521485</v>
      </c>
      <c r="J16" s="114">
        <v>12123393</v>
      </c>
      <c r="K16" s="114">
        <v>9740719</v>
      </c>
      <c r="L16" s="109">
        <v>77152488</v>
      </c>
      <c r="M16" s="116">
        <v>80987732</v>
      </c>
      <c r="N16" s="110">
        <v>523343</v>
      </c>
      <c r="O16" s="114">
        <v>833147</v>
      </c>
      <c r="P16" s="113">
        <v>1356490</v>
      </c>
      <c r="Q16" s="110">
        <v>0</v>
      </c>
      <c r="R16" s="114">
        <v>7247479</v>
      </c>
      <c r="S16" s="114">
        <v>5761246</v>
      </c>
      <c r="T16" s="114">
        <v>6259661</v>
      </c>
      <c r="U16" s="114">
        <v>4975182</v>
      </c>
      <c r="V16" s="114">
        <v>5453696</v>
      </c>
      <c r="W16" s="113">
        <v>29697264</v>
      </c>
      <c r="X16" s="116">
        <v>31053754</v>
      </c>
      <c r="Y16" s="110">
        <v>0</v>
      </c>
      <c r="Z16" s="114">
        <v>0</v>
      </c>
      <c r="AA16" s="113">
        <v>0</v>
      </c>
      <c r="AB16" s="110">
        <v>0</v>
      </c>
      <c r="AC16" s="114">
        <v>3166665</v>
      </c>
      <c r="AD16" s="114">
        <v>2972564</v>
      </c>
      <c r="AE16" s="114">
        <v>3910351</v>
      </c>
      <c r="AF16" s="114">
        <v>2081115</v>
      </c>
      <c r="AG16" s="114">
        <v>2944247</v>
      </c>
      <c r="AH16" s="113">
        <v>15074942</v>
      </c>
      <c r="AI16" s="116">
        <v>15074942</v>
      </c>
      <c r="AJ16" s="110">
        <v>0</v>
      </c>
      <c r="AK16" s="114">
        <v>0</v>
      </c>
      <c r="AL16" s="113">
        <v>0</v>
      </c>
      <c r="AM16" s="110">
        <v>0</v>
      </c>
      <c r="AN16" s="114">
        <v>0</v>
      </c>
      <c r="AO16" s="114">
        <v>60294</v>
      </c>
      <c r="AP16" s="114">
        <v>165076</v>
      </c>
      <c r="AQ16" s="114">
        <v>749099</v>
      </c>
      <c r="AR16" s="114">
        <v>750254</v>
      </c>
      <c r="AS16" s="113">
        <v>1724723</v>
      </c>
      <c r="AT16" s="116">
        <v>1724723</v>
      </c>
      <c r="AU16" s="110">
        <v>324202</v>
      </c>
      <c r="AV16" s="114">
        <v>505823</v>
      </c>
      <c r="AW16" s="113">
        <v>830025</v>
      </c>
      <c r="AX16" s="110">
        <v>0</v>
      </c>
      <c r="AY16" s="114">
        <v>2585121</v>
      </c>
      <c r="AZ16" s="114">
        <v>1727778</v>
      </c>
      <c r="BA16" s="114">
        <v>1397794</v>
      </c>
      <c r="BB16" s="114">
        <v>1268567</v>
      </c>
      <c r="BC16" s="114">
        <v>1028754</v>
      </c>
      <c r="BD16" s="113">
        <v>8008014</v>
      </c>
      <c r="BE16" s="116">
        <v>8838039</v>
      </c>
      <c r="BF16" s="110">
        <v>33053</v>
      </c>
      <c r="BG16" s="114">
        <v>111100</v>
      </c>
      <c r="BH16" s="112">
        <v>144153</v>
      </c>
      <c r="BI16" s="111">
        <v>0</v>
      </c>
      <c r="BJ16" s="114">
        <v>308013</v>
      </c>
      <c r="BK16" s="114">
        <v>89762</v>
      </c>
      <c r="BL16" s="114">
        <v>44472</v>
      </c>
      <c r="BM16" s="114">
        <v>98729</v>
      </c>
      <c r="BN16" s="114">
        <v>109881</v>
      </c>
      <c r="BO16" s="113">
        <v>650857</v>
      </c>
      <c r="BP16" s="116">
        <v>795010</v>
      </c>
      <c r="BQ16" s="110">
        <v>166088</v>
      </c>
      <c r="BR16" s="114">
        <v>216224</v>
      </c>
      <c r="BS16" s="113">
        <v>382312</v>
      </c>
      <c r="BT16" s="110">
        <v>0</v>
      </c>
      <c r="BU16" s="114">
        <v>1187680</v>
      </c>
      <c r="BV16" s="114">
        <v>910848</v>
      </c>
      <c r="BW16" s="114">
        <v>741968</v>
      </c>
      <c r="BX16" s="114">
        <v>777672</v>
      </c>
      <c r="BY16" s="114">
        <v>620560</v>
      </c>
      <c r="BZ16" s="113">
        <v>4238728</v>
      </c>
      <c r="CA16" s="116">
        <v>4621040</v>
      </c>
      <c r="CB16" s="110">
        <v>83975</v>
      </c>
      <c r="CC16" s="114">
        <v>152515</v>
      </c>
      <c r="CD16" s="113">
        <v>236490</v>
      </c>
      <c r="CE16" s="110">
        <v>0</v>
      </c>
      <c r="CF16" s="114">
        <v>7129929</v>
      </c>
      <c r="CG16" s="114">
        <v>4580868</v>
      </c>
      <c r="CH16" s="114">
        <v>3868375</v>
      </c>
      <c r="CI16" s="114">
        <v>2026981</v>
      </c>
      <c r="CJ16" s="114">
        <v>563066</v>
      </c>
      <c r="CK16" s="113">
        <v>18169219</v>
      </c>
      <c r="CL16" s="116">
        <v>18405709</v>
      </c>
      <c r="CM16" s="110">
        <v>0</v>
      </c>
      <c r="CN16" s="114">
        <v>0</v>
      </c>
      <c r="CO16" s="113">
        <v>0</v>
      </c>
      <c r="CP16" s="111">
        <v>0</v>
      </c>
      <c r="CQ16" s="114">
        <v>5994946</v>
      </c>
      <c r="CR16" s="114">
        <v>4010714</v>
      </c>
      <c r="CS16" s="114">
        <v>3215718</v>
      </c>
      <c r="CT16" s="114">
        <v>1660791</v>
      </c>
      <c r="CU16" s="114">
        <v>475996</v>
      </c>
      <c r="CV16" s="113">
        <v>15358165</v>
      </c>
      <c r="CW16" s="116">
        <v>15358165</v>
      </c>
      <c r="CX16" s="110">
        <v>83975</v>
      </c>
      <c r="CY16" s="114">
        <v>152515</v>
      </c>
      <c r="CZ16" s="113">
        <v>236490</v>
      </c>
      <c r="DA16" s="110">
        <v>0</v>
      </c>
      <c r="DB16" s="114">
        <v>1134983</v>
      </c>
      <c r="DC16" s="114">
        <v>570154</v>
      </c>
      <c r="DD16" s="114">
        <v>652657</v>
      </c>
      <c r="DE16" s="114">
        <v>366190</v>
      </c>
      <c r="DF16" s="114">
        <v>87070</v>
      </c>
      <c r="DG16" s="113">
        <v>2811054</v>
      </c>
      <c r="DH16" s="116">
        <v>3047544</v>
      </c>
      <c r="DI16" s="110">
        <v>0</v>
      </c>
      <c r="DJ16" s="114">
        <v>8092</v>
      </c>
      <c r="DK16" s="112">
        <v>8092</v>
      </c>
      <c r="DL16" s="111">
        <v>0</v>
      </c>
      <c r="DM16" s="114">
        <v>848332</v>
      </c>
      <c r="DN16" s="114">
        <v>1153197</v>
      </c>
      <c r="DO16" s="114">
        <v>2893447</v>
      </c>
      <c r="DP16" s="114">
        <v>1067896</v>
      </c>
      <c r="DQ16" s="114">
        <v>366539</v>
      </c>
      <c r="DR16" s="113">
        <v>6329411</v>
      </c>
      <c r="DS16" s="116">
        <v>6337503</v>
      </c>
      <c r="DT16" s="110">
        <v>0</v>
      </c>
      <c r="DU16" s="114">
        <v>8092</v>
      </c>
      <c r="DV16" s="113">
        <v>8092</v>
      </c>
      <c r="DW16" s="110">
        <v>0</v>
      </c>
      <c r="DX16" s="114">
        <v>813239</v>
      </c>
      <c r="DY16" s="114">
        <v>970907</v>
      </c>
      <c r="DZ16" s="114">
        <v>2649630</v>
      </c>
      <c r="EA16" s="114">
        <v>841312</v>
      </c>
      <c r="EB16" s="114">
        <v>366539</v>
      </c>
      <c r="EC16" s="113">
        <v>5641627</v>
      </c>
      <c r="ED16" s="116">
        <v>5649719</v>
      </c>
      <c r="EE16" s="110">
        <v>0</v>
      </c>
      <c r="EF16" s="112">
        <v>0</v>
      </c>
      <c r="EG16" s="113">
        <v>0</v>
      </c>
      <c r="EH16" s="110">
        <v>0</v>
      </c>
      <c r="EI16" s="114">
        <v>35093</v>
      </c>
      <c r="EJ16" s="114">
        <v>182290</v>
      </c>
      <c r="EK16" s="114">
        <v>243817</v>
      </c>
      <c r="EL16" s="114">
        <v>226584</v>
      </c>
      <c r="EM16" s="114">
        <v>0</v>
      </c>
      <c r="EN16" s="112">
        <v>687784</v>
      </c>
      <c r="EO16" s="116">
        <v>687784</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8">
        <v>0</v>
      </c>
      <c r="FE16" s="114">
        <v>0</v>
      </c>
      <c r="FF16" s="114">
        <v>0</v>
      </c>
      <c r="FG16" s="114">
        <v>0</v>
      </c>
      <c r="FH16" s="114">
        <v>0</v>
      </c>
      <c r="FI16" s="114">
        <v>0</v>
      </c>
      <c r="FJ16" s="113">
        <v>0</v>
      </c>
      <c r="FK16" s="116">
        <v>0</v>
      </c>
      <c r="FL16" s="110">
        <v>596287</v>
      </c>
      <c r="FM16" s="114">
        <v>440168</v>
      </c>
      <c r="FN16" s="113">
        <v>1036455</v>
      </c>
      <c r="FO16" s="110">
        <v>0</v>
      </c>
      <c r="FP16" s="114">
        <v>1023760</v>
      </c>
      <c r="FQ16" s="114">
        <v>1612600</v>
      </c>
      <c r="FR16" s="114">
        <v>1305864</v>
      </c>
      <c r="FS16" s="114">
        <v>862152</v>
      </c>
      <c r="FT16" s="114">
        <v>630248</v>
      </c>
      <c r="FU16" s="113">
        <v>5434624</v>
      </c>
      <c r="FV16" s="116">
        <v>6471079</v>
      </c>
      <c r="FW16" s="115">
        <v>267488</v>
      </c>
      <c r="FX16" s="114">
        <v>440168</v>
      </c>
      <c r="FY16" s="112">
        <v>707656</v>
      </c>
      <c r="FZ16" s="111">
        <v>0</v>
      </c>
      <c r="GA16" s="114">
        <v>1023760</v>
      </c>
      <c r="GB16" s="114">
        <v>1612600</v>
      </c>
      <c r="GC16" s="114">
        <v>1305864</v>
      </c>
      <c r="GD16" s="114">
        <v>862152</v>
      </c>
      <c r="GE16" s="114">
        <v>630248</v>
      </c>
      <c r="GF16" s="113">
        <v>5434624</v>
      </c>
      <c r="GG16" s="319">
        <v>6142280</v>
      </c>
      <c r="GH16" s="115">
        <v>148799</v>
      </c>
      <c r="GI16" s="114">
        <v>0</v>
      </c>
      <c r="GJ16" s="112">
        <v>148799</v>
      </c>
      <c r="GK16" s="111">
        <v>0</v>
      </c>
      <c r="GL16" s="114">
        <v>0</v>
      </c>
      <c r="GM16" s="114">
        <v>0</v>
      </c>
      <c r="GN16" s="114">
        <v>0</v>
      </c>
      <c r="GO16" s="114">
        <v>0</v>
      </c>
      <c r="GP16" s="114">
        <v>0</v>
      </c>
      <c r="GQ16" s="113">
        <v>0</v>
      </c>
      <c r="GR16" s="116">
        <v>148799</v>
      </c>
      <c r="GS16" s="110">
        <v>180000</v>
      </c>
      <c r="GT16" s="114">
        <v>0</v>
      </c>
      <c r="GU16" s="113">
        <v>180000</v>
      </c>
      <c r="GV16" s="110">
        <v>0</v>
      </c>
      <c r="GW16" s="114">
        <v>0</v>
      </c>
      <c r="GX16" s="114">
        <v>0</v>
      </c>
      <c r="GY16" s="114">
        <v>0</v>
      </c>
      <c r="GZ16" s="114">
        <v>0</v>
      </c>
      <c r="HA16" s="114">
        <v>0</v>
      </c>
      <c r="HB16" s="112">
        <v>0</v>
      </c>
      <c r="HC16" s="116">
        <v>180000</v>
      </c>
      <c r="HD16" s="110">
        <v>459279</v>
      </c>
      <c r="HE16" s="114">
        <v>738438</v>
      </c>
      <c r="HF16" s="112">
        <v>1197717</v>
      </c>
      <c r="HG16" s="111">
        <v>0</v>
      </c>
      <c r="HH16" s="114">
        <v>5726117</v>
      </c>
      <c r="HI16" s="114">
        <v>2683363</v>
      </c>
      <c r="HJ16" s="114">
        <v>3194138</v>
      </c>
      <c r="HK16" s="114">
        <v>3191182</v>
      </c>
      <c r="HL16" s="114">
        <v>2727170</v>
      </c>
      <c r="HM16" s="113">
        <v>17521970</v>
      </c>
      <c r="HN16" s="109">
        <v>18719687</v>
      </c>
      <c r="HO16" s="329"/>
      <c r="HP16" s="330"/>
      <c r="HQ16" s="331"/>
      <c r="HR16" s="332"/>
      <c r="HS16" s="330"/>
      <c r="HT16" s="330"/>
      <c r="HU16" s="330"/>
      <c r="HV16" s="330"/>
      <c r="HW16" s="330"/>
      <c r="HX16" s="333"/>
      <c r="HY16" s="334"/>
      <c r="HZ16" s="150">
        <v>0</v>
      </c>
      <c r="IA16" s="135">
        <v>0</v>
      </c>
      <c r="IB16" s="150">
        <v>0</v>
      </c>
      <c r="IC16" s="134">
        <v>0</v>
      </c>
      <c r="ID16" s="135">
        <v>4179739</v>
      </c>
      <c r="IE16" s="136">
        <v>5741902</v>
      </c>
      <c r="IF16" s="137">
        <v>3858307</v>
      </c>
      <c r="IG16" s="135">
        <v>3879343</v>
      </c>
      <c r="IH16" s="137">
        <v>3531384</v>
      </c>
      <c r="II16" s="138">
        <v>21190675</v>
      </c>
      <c r="IJ16" s="150">
        <v>21190675</v>
      </c>
      <c r="IK16" s="232">
        <v>0</v>
      </c>
      <c r="IL16" s="236">
        <v>0</v>
      </c>
      <c r="IM16" s="237">
        <v>0</v>
      </c>
      <c r="IN16" s="140"/>
      <c r="IO16" s="119">
        <v>251581</v>
      </c>
      <c r="IP16" s="119">
        <v>236866</v>
      </c>
      <c r="IQ16" s="119">
        <v>0</v>
      </c>
      <c r="IR16" s="119">
        <v>248808</v>
      </c>
      <c r="IS16" s="119">
        <v>478424</v>
      </c>
      <c r="IT16" s="141">
        <v>1215679</v>
      </c>
      <c r="IU16" s="321">
        <v>1215679</v>
      </c>
      <c r="IV16" s="142">
        <v>0</v>
      </c>
      <c r="IW16" s="119">
        <v>0</v>
      </c>
      <c r="IX16" s="120">
        <v>0</v>
      </c>
      <c r="IY16" s="144"/>
      <c r="IZ16" s="119">
        <v>10475</v>
      </c>
      <c r="JA16" s="119">
        <v>33429</v>
      </c>
      <c r="JB16" s="119">
        <v>13249</v>
      </c>
      <c r="JC16" s="119">
        <v>0</v>
      </c>
      <c r="JD16" s="119">
        <v>0</v>
      </c>
      <c r="JE16" s="120">
        <v>57153</v>
      </c>
      <c r="JF16" s="121">
        <v>57153</v>
      </c>
      <c r="JG16" s="142">
        <v>0</v>
      </c>
      <c r="JH16" s="119">
        <v>0</v>
      </c>
      <c r="JI16" s="141">
        <v>0</v>
      </c>
      <c r="JJ16" s="118">
        <v>0</v>
      </c>
      <c r="JK16" s="119">
        <v>1895602</v>
      </c>
      <c r="JL16" s="119">
        <v>1506930</v>
      </c>
      <c r="JM16" s="119">
        <v>254182</v>
      </c>
      <c r="JN16" s="119">
        <v>98289</v>
      </c>
      <c r="JO16" s="119">
        <v>20874</v>
      </c>
      <c r="JP16" s="120">
        <v>3775877</v>
      </c>
      <c r="JQ16" s="321">
        <v>3775877</v>
      </c>
      <c r="JR16" s="142">
        <v>0</v>
      </c>
      <c r="JS16" s="119">
        <v>0</v>
      </c>
      <c r="JT16" s="141">
        <v>0</v>
      </c>
      <c r="JU16" s="118">
        <v>0</v>
      </c>
      <c r="JV16" s="119">
        <v>113823</v>
      </c>
      <c r="JW16" s="119">
        <v>131791</v>
      </c>
      <c r="JX16" s="119">
        <v>263997</v>
      </c>
      <c r="JY16" s="119">
        <v>0</v>
      </c>
      <c r="JZ16" s="119">
        <v>124106</v>
      </c>
      <c r="KA16" s="120">
        <v>633717</v>
      </c>
      <c r="KB16" s="321">
        <v>633717</v>
      </c>
      <c r="KC16" s="234">
        <v>0</v>
      </c>
      <c r="KD16" s="230">
        <v>0</v>
      </c>
      <c r="KE16" s="120">
        <v>0</v>
      </c>
      <c r="KF16" s="118">
        <v>0</v>
      </c>
      <c r="KG16" s="119">
        <v>347163</v>
      </c>
      <c r="KH16" s="119">
        <v>680421</v>
      </c>
      <c r="KI16" s="119">
        <v>694142</v>
      </c>
      <c r="KJ16" s="119">
        <v>1360076</v>
      </c>
      <c r="KK16" s="119">
        <v>269322</v>
      </c>
      <c r="KL16" s="120">
        <v>3351124</v>
      </c>
      <c r="KM16" s="143">
        <v>3351124</v>
      </c>
      <c r="KN16" s="232">
        <v>0</v>
      </c>
      <c r="KO16" s="236">
        <v>0</v>
      </c>
      <c r="KP16" s="237">
        <v>0</v>
      </c>
      <c r="KQ16" s="140"/>
      <c r="KR16" s="119">
        <v>1402228</v>
      </c>
      <c r="KS16" s="119">
        <v>2466167</v>
      </c>
      <c r="KT16" s="119">
        <v>1006407</v>
      </c>
      <c r="KU16" s="119">
        <v>1303820</v>
      </c>
      <c r="KV16" s="119">
        <v>1120642</v>
      </c>
      <c r="KW16" s="120">
        <v>7299264</v>
      </c>
      <c r="KX16" s="321">
        <v>7299264</v>
      </c>
      <c r="KY16" s="142">
        <v>0</v>
      </c>
      <c r="KZ16" s="119">
        <v>0</v>
      </c>
      <c r="LA16" s="120">
        <v>0</v>
      </c>
      <c r="LB16" s="145"/>
      <c r="LC16" s="119">
        <v>158867</v>
      </c>
      <c r="LD16" s="119">
        <v>479904</v>
      </c>
      <c r="LE16" s="119">
        <v>585735</v>
      </c>
      <c r="LF16" s="119">
        <v>586857</v>
      </c>
      <c r="LG16" s="119">
        <v>706219</v>
      </c>
      <c r="LH16" s="120">
        <v>2517582</v>
      </c>
      <c r="LI16" s="121">
        <v>2517582</v>
      </c>
      <c r="LJ16" s="142">
        <v>0</v>
      </c>
      <c r="LK16" s="119">
        <v>0</v>
      </c>
      <c r="LL16" s="120">
        <v>0</v>
      </c>
      <c r="LM16" s="145"/>
      <c r="LN16" s="119">
        <v>0</v>
      </c>
      <c r="LO16" s="119">
        <v>0</v>
      </c>
      <c r="LP16" s="119">
        <v>230556</v>
      </c>
      <c r="LQ16" s="119">
        <v>281493</v>
      </c>
      <c r="LR16" s="119">
        <v>811797</v>
      </c>
      <c r="LS16" s="120">
        <v>1323846</v>
      </c>
      <c r="LT16" s="321">
        <v>1323846</v>
      </c>
      <c r="LU16" s="142">
        <v>0</v>
      </c>
      <c r="LV16" s="119">
        <v>0</v>
      </c>
      <c r="LW16" s="120">
        <v>0</v>
      </c>
      <c r="LX16" s="145"/>
      <c r="LY16" s="119">
        <v>0</v>
      </c>
      <c r="LZ16" s="119">
        <v>206394</v>
      </c>
      <c r="MA16" s="119">
        <v>810039</v>
      </c>
      <c r="MB16" s="119">
        <v>0</v>
      </c>
      <c r="MC16" s="119">
        <v>0</v>
      </c>
      <c r="MD16" s="120">
        <v>1016433</v>
      </c>
      <c r="ME16" s="121">
        <v>1016433</v>
      </c>
      <c r="MF16" s="142">
        <v>0</v>
      </c>
      <c r="MG16" s="119">
        <v>0</v>
      </c>
      <c r="MH16" s="120">
        <v>0</v>
      </c>
      <c r="MI16" s="145"/>
      <c r="MJ16" s="119">
        <v>1565536</v>
      </c>
      <c r="MK16" s="119">
        <v>844471</v>
      </c>
      <c r="ML16" s="119">
        <v>7614467</v>
      </c>
      <c r="MM16" s="119">
        <v>12339395</v>
      </c>
      <c r="MN16" s="119">
        <v>6750903</v>
      </c>
      <c r="MO16" s="120">
        <v>29114772</v>
      </c>
      <c r="MP16" s="143">
        <v>29114772</v>
      </c>
      <c r="MQ16" s="142">
        <v>0</v>
      </c>
      <c r="MR16" s="119">
        <v>0</v>
      </c>
      <c r="MS16" s="120">
        <v>0</v>
      </c>
      <c r="MT16" s="145"/>
      <c r="MU16" s="119">
        <v>211693</v>
      </c>
      <c r="MV16" s="119">
        <v>0</v>
      </c>
      <c r="MW16" s="119">
        <v>4708991</v>
      </c>
      <c r="MX16" s="119">
        <v>8252370</v>
      </c>
      <c r="MY16" s="119">
        <v>5220827</v>
      </c>
      <c r="MZ16" s="120">
        <v>18393881</v>
      </c>
      <c r="NA16" s="143">
        <v>18393881</v>
      </c>
      <c r="NB16" s="142">
        <v>0</v>
      </c>
      <c r="NC16" s="119">
        <v>0</v>
      </c>
      <c r="ND16" s="120">
        <v>0</v>
      </c>
      <c r="NE16" s="145"/>
      <c r="NF16" s="119">
        <v>1353843</v>
      </c>
      <c r="NG16" s="119">
        <v>844471</v>
      </c>
      <c r="NH16" s="119">
        <v>2905476</v>
      </c>
      <c r="NI16" s="119">
        <v>3728588</v>
      </c>
      <c r="NJ16" s="119">
        <v>1530076</v>
      </c>
      <c r="NK16" s="120">
        <v>10362454</v>
      </c>
      <c r="NL16" s="321">
        <v>10362454</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358437</v>
      </c>
      <c r="OF16" s="119">
        <v>0</v>
      </c>
      <c r="OG16" s="120">
        <v>358437</v>
      </c>
      <c r="OH16" s="121">
        <v>358437</v>
      </c>
      <c r="OI16" s="142">
        <v>1662884</v>
      </c>
      <c r="OJ16" s="119">
        <v>2172360</v>
      </c>
      <c r="OK16" s="141">
        <v>3835244</v>
      </c>
      <c r="OL16" s="118">
        <v>0</v>
      </c>
      <c r="OM16" s="119">
        <v>27720892</v>
      </c>
      <c r="ON16" s="119">
        <v>22377647</v>
      </c>
      <c r="OO16" s="119">
        <v>28994259</v>
      </c>
      <c r="OP16" s="119">
        <v>28342131</v>
      </c>
      <c r="OQ16" s="119">
        <v>20023006</v>
      </c>
      <c r="OR16" s="120">
        <v>127457935</v>
      </c>
      <c r="OS16" s="143">
        <v>131293179</v>
      </c>
    </row>
    <row r="17" spans="2:409" ht="20.25" customHeight="1" x14ac:dyDescent="0.2">
      <c r="B17" s="126" t="s">
        <v>11</v>
      </c>
      <c r="C17" s="110">
        <v>458515</v>
      </c>
      <c r="D17" s="114">
        <v>735640</v>
      </c>
      <c r="E17" s="171">
        <v>1194155</v>
      </c>
      <c r="F17" s="111">
        <v>0</v>
      </c>
      <c r="G17" s="114">
        <v>7835309</v>
      </c>
      <c r="H17" s="114">
        <v>8146072</v>
      </c>
      <c r="I17" s="114">
        <v>9398835</v>
      </c>
      <c r="J17" s="114">
        <v>9317121</v>
      </c>
      <c r="K17" s="114">
        <v>3804025</v>
      </c>
      <c r="L17" s="109">
        <v>38501362</v>
      </c>
      <c r="M17" s="116">
        <v>39695517</v>
      </c>
      <c r="N17" s="110">
        <v>65671</v>
      </c>
      <c r="O17" s="114">
        <v>150002</v>
      </c>
      <c r="P17" s="113">
        <v>215673</v>
      </c>
      <c r="Q17" s="110">
        <v>0</v>
      </c>
      <c r="R17" s="114">
        <v>1587414</v>
      </c>
      <c r="S17" s="114">
        <v>1062806</v>
      </c>
      <c r="T17" s="114">
        <v>2876944</v>
      </c>
      <c r="U17" s="114">
        <v>2665626</v>
      </c>
      <c r="V17" s="114">
        <v>1817838</v>
      </c>
      <c r="W17" s="113">
        <v>10010628</v>
      </c>
      <c r="X17" s="116">
        <v>10226301</v>
      </c>
      <c r="Y17" s="110">
        <v>0</v>
      </c>
      <c r="Z17" s="114">
        <v>0</v>
      </c>
      <c r="AA17" s="113">
        <v>0</v>
      </c>
      <c r="AB17" s="110">
        <v>0</v>
      </c>
      <c r="AC17" s="114">
        <v>485270</v>
      </c>
      <c r="AD17" s="114">
        <v>237973</v>
      </c>
      <c r="AE17" s="114">
        <v>1546487</v>
      </c>
      <c r="AF17" s="114">
        <v>1174932</v>
      </c>
      <c r="AG17" s="114">
        <v>983156</v>
      </c>
      <c r="AH17" s="113">
        <v>4427818</v>
      </c>
      <c r="AI17" s="116">
        <v>4427818</v>
      </c>
      <c r="AJ17" s="110">
        <v>0</v>
      </c>
      <c r="AK17" s="114">
        <v>0</v>
      </c>
      <c r="AL17" s="113">
        <v>0</v>
      </c>
      <c r="AM17" s="110">
        <v>0</v>
      </c>
      <c r="AN17" s="114">
        <v>0</v>
      </c>
      <c r="AO17" s="114">
        <v>0</v>
      </c>
      <c r="AP17" s="114">
        <v>180819</v>
      </c>
      <c r="AQ17" s="114">
        <v>441760</v>
      </c>
      <c r="AR17" s="114">
        <v>197613</v>
      </c>
      <c r="AS17" s="113">
        <v>820192</v>
      </c>
      <c r="AT17" s="116">
        <v>820192</v>
      </c>
      <c r="AU17" s="110">
        <v>30831</v>
      </c>
      <c r="AV17" s="114">
        <v>66337</v>
      </c>
      <c r="AW17" s="113">
        <v>97168</v>
      </c>
      <c r="AX17" s="110">
        <v>0</v>
      </c>
      <c r="AY17" s="114">
        <v>695809</v>
      </c>
      <c r="AZ17" s="114">
        <v>551304</v>
      </c>
      <c r="BA17" s="114">
        <v>750938</v>
      </c>
      <c r="BB17" s="114">
        <v>526388</v>
      </c>
      <c r="BC17" s="114">
        <v>450181</v>
      </c>
      <c r="BD17" s="113">
        <v>2974620</v>
      </c>
      <c r="BE17" s="116">
        <v>3071788</v>
      </c>
      <c r="BF17" s="110">
        <v>0</v>
      </c>
      <c r="BG17" s="114">
        <v>40033</v>
      </c>
      <c r="BH17" s="112">
        <v>40033</v>
      </c>
      <c r="BI17" s="111">
        <v>0</v>
      </c>
      <c r="BJ17" s="114">
        <v>58919</v>
      </c>
      <c r="BK17" s="114">
        <v>39625</v>
      </c>
      <c r="BL17" s="114">
        <v>31396</v>
      </c>
      <c r="BM17" s="114">
        <v>233258</v>
      </c>
      <c r="BN17" s="114">
        <v>0</v>
      </c>
      <c r="BO17" s="113">
        <v>363198</v>
      </c>
      <c r="BP17" s="116">
        <v>403231</v>
      </c>
      <c r="BQ17" s="110">
        <v>34840</v>
      </c>
      <c r="BR17" s="114">
        <v>43632</v>
      </c>
      <c r="BS17" s="113">
        <v>78472</v>
      </c>
      <c r="BT17" s="110">
        <v>0</v>
      </c>
      <c r="BU17" s="114">
        <v>347416</v>
      </c>
      <c r="BV17" s="114">
        <v>233904</v>
      </c>
      <c r="BW17" s="114">
        <v>367304</v>
      </c>
      <c r="BX17" s="114">
        <v>289288</v>
      </c>
      <c r="BY17" s="114">
        <v>186888</v>
      </c>
      <c r="BZ17" s="113">
        <v>1424800</v>
      </c>
      <c r="CA17" s="116">
        <v>1503272</v>
      </c>
      <c r="CB17" s="110">
        <v>63863</v>
      </c>
      <c r="CC17" s="114">
        <v>105680</v>
      </c>
      <c r="CD17" s="113">
        <v>169543</v>
      </c>
      <c r="CE17" s="110">
        <v>0</v>
      </c>
      <c r="CF17" s="114">
        <v>2656864</v>
      </c>
      <c r="CG17" s="114">
        <v>2022529</v>
      </c>
      <c r="CH17" s="114">
        <v>2187380</v>
      </c>
      <c r="CI17" s="114">
        <v>2099956</v>
      </c>
      <c r="CJ17" s="114">
        <v>245597</v>
      </c>
      <c r="CK17" s="113">
        <v>9212326</v>
      </c>
      <c r="CL17" s="116">
        <v>9381869</v>
      </c>
      <c r="CM17" s="110">
        <v>0</v>
      </c>
      <c r="CN17" s="114">
        <v>0</v>
      </c>
      <c r="CO17" s="113">
        <v>0</v>
      </c>
      <c r="CP17" s="111">
        <v>0</v>
      </c>
      <c r="CQ17" s="114">
        <v>1863357</v>
      </c>
      <c r="CR17" s="114">
        <v>1347933</v>
      </c>
      <c r="CS17" s="114">
        <v>1752276</v>
      </c>
      <c r="CT17" s="114">
        <v>1384907</v>
      </c>
      <c r="CU17" s="114">
        <v>182965</v>
      </c>
      <c r="CV17" s="113">
        <v>6531438</v>
      </c>
      <c r="CW17" s="116">
        <v>6531438</v>
      </c>
      <c r="CX17" s="110">
        <v>63863</v>
      </c>
      <c r="CY17" s="114">
        <v>105680</v>
      </c>
      <c r="CZ17" s="113">
        <v>169543</v>
      </c>
      <c r="DA17" s="110">
        <v>0</v>
      </c>
      <c r="DB17" s="114">
        <v>793507</v>
      </c>
      <c r="DC17" s="114">
        <v>674596</v>
      </c>
      <c r="DD17" s="114">
        <v>435104</v>
      </c>
      <c r="DE17" s="114">
        <v>715049</v>
      </c>
      <c r="DF17" s="114">
        <v>62632</v>
      </c>
      <c r="DG17" s="113">
        <v>2680888</v>
      </c>
      <c r="DH17" s="116">
        <v>2850431</v>
      </c>
      <c r="DI17" s="110">
        <v>29410</v>
      </c>
      <c r="DJ17" s="114">
        <v>36426</v>
      </c>
      <c r="DK17" s="112">
        <v>65836</v>
      </c>
      <c r="DL17" s="111">
        <v>0</v>
      </c>
      <c r="DM17" s="114">
        <v>331504</v>
      </c>
      <c r="DN17" s="114">
        <v>649218</v>
      </c>
      <c r="DO17" s="114">
        <v>859035</v>
      </c>
      <c r="DP17" s="114">
        <v>739453</v>
      </c>
      <c r="DQ17" s="114">
        <v>0</v>
      </c>
      <c r="DR17" s="113">
        <v>2579210</v>
      </c>
      <c r="DS17" s="116">
        <v>2645046</v>
      </c>
      <c r="DT17" s="110">
        <v>29410</v>
      </c>
      <c r="DU17" s="114">
        <v>36426</v>
      </c>
      <c r="DV17" s="113">
        <v>65836</v>
      </c>
      <c r="DW17" s="110">
        <v>0</v>
      </c>
      <c r="DX17" s="114">
        <v>331504</v>
      </c>
      <c r="DY17" s="114">
        <v>563203</v>
      </c>
      <c r="DZ17" s="114">
        <v>859035</v>
      </c>
      <c r="EA17" s="114">
        <v>486950</v>
      </c>
      <c r="EB17" s="114">
        <v>0</v>
      </c>
      <c r="EC17" s="113">
        <v>2240692</v>
      </c>
      <c r="ED17" s="116">
        <v>2306528</v>
      </c>
      <c r="EE17" s="110">
        <v>0</v>
      </c>
      <c r="EF17" s="112">
        <v>0</v>
      </c>
      <c r="EG17" s="113">
        <v>0</v>
      </c>
      <c r="EH17" s="110">
        <v>0</v>
      </c>
      <c r="EI17" s="114">
        <v>0</v>
      </c>
      <c r="EJ17" s="114">
        <v>86015</v>
      </c>
      <c r="EK17" s="114">
        <v>0</v>
      </c>
      <c r="EL17" s="114">
        <v>252503</v>
      </c>
      <c r="EM17" s="114">
        <v>0</v>
      </c>
      <c r="EN17" s="112">
        <v>338518</v>
      </c>
      <c r="EO17" s="116">
        <v>338518</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8">
        <v>0</v>
      </c>
      <c r="FE17" s="114">
        <v>0</v>
      </c>
      <c r="FF17" s="114">
        <v>0</v>
      </c>
      <c r="FG17" s="114">
        <v>0</v>
      </c>
      <c r="FH17" s="114">
        <v>0</v>
      </c>
      <c r="FI17" s="114">
        <v>0</v>
      </c>
      <c r="FJ17" s="113">
        <v>0</v>
      </c>
      <c r="FK17" s="116">
        <v>0</v>
      </c>
      <c r="FL17" s="110">
        <v>80700</v>
      </c>
      <c r="FM17" s="114">
        <v>151448</v>
      </c>
      <c r="FN17" s="113">
        <v>232148</v>
      </c>
      <c r="FO17" s="110">
        <v>0</v>
      </c>
      <c r="FP17" s="114">
        <v>333912</v>
      </c>
      <c r="FQ17" s="114">
        <v>470704</v>
      </c>
      <c r="FR17" s="114">
        <v>677216</v>
      </c>
      <c r="FS17" s="114">
        <v>728312</v>
      </c>
      <c r="FT17" s="114">
        <v>218016</v>
      </c>
      <c r="FU17" s="113">
        <v>2428160</v>
      </c>
      <c r="FV17" s="116">
        <v>2660308</v>
      </c>
      <c r="FW17" s="115">
        <v>80700</v>
      </c>
      <c r="FX17" s="114">
        <v>151448</v>
      </c>
      <c r="FY17" s="112">
        <v>232148</v>
      </c>
      <c r="FZ17" s="111">
        <v>0</v>
      </c>
      <c r="GA17" s="114">
        <v>333912</v>
      </c>
      <c r="GB17" s="114">
        <v>470704</v>
      </c>
      <c r="GC17" s="114">
        <v>677216</v>
      </c>
      <c r="GD17" s="114">
        <v>728312</v>
      </c>
      <c r="GE17" s="114">
        <v>218016</v>
      </c>
      <c r="GF17" s="113">
        <v>2428160</v>
      </c>
      <c r="GG17" s="319">
        <v>2660308</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218871</v>
      </c>
      <c r="HE17" s="114">
        <v>292084</v>
      </c>
      <c r="HF17" s="112">
        <v>510955</v>
      </c>
      <c r="HG17" s="111">
        <v>0</v>
      </c>
      <c r="HH17" s="114">
        <v>2925615</v>
      </c>
      <c r="HI17" s="114">
        <v>3940815</v>
      </c>
      <c r="HJ17" s="114">
        <v>2798260</v>
      </c>
      <c r="HK17" s="114">
        <v>3083774</v>
      </c>
      <c r="HL17" s="114">
        <v>1522574</v>
      </c>
      <c r="HM17" s="113">
        <v>14271038</v>
      </c>
      <c r="HN17" s="109">
        <v>14781993</v>
      </c>
      <c r="HO17" s="329"/>
      <c r="HP17" s="330"/>
      <c r="HQ17" s="331"/>
      <c r="HR17" s="332"/>
      <c r="HS17" s="330"/>
      <c r="HT17" s="330"/>
      <c r="HU17" s="330"/>
      <c r="HV17" s="330"/>
      <c r="HW17" s="330"/>
      <c r="HX17" s="333"/>
      <c r="HY17" s="334"/>
      <c r="HZ17" s="131">
        <v>0</v>
      </c>
      <c r="IA17" s="132">
        <v>0</v>
      </c>
      <c r="IB17" s="133">
        <v>0</v>
      </c>
      <c r="IC17" s="146">
        <v>0</v>
      </c>
      <c r="ID17" s="132">
        <v>2121854</v>
      </c>
      <c r="IE17" s="147">
        <v>1224002</v>
      </c>
      <c r="IF17" s="133">
        <v>3079780</v>
      </c>
      <c r="IG17" s="132">
        <v>1532305</v>
      </c>
      <c r="IH17" s="133">
        <v>784012</v>
      </c>
      <c r="II17" s="148">
        <v>8741953</v>
      </c>
      <c r="IJ17" s="139">
        <v>8741953</v>
      </c>
      <c r="IK17" s="232">
        <v>0</v>
      </c>
      <c r="IL17" s="236">
        <v>0</v>
      </c>
      <c r="IM17" s="237">
        <v>0</v>
      </c>
      <c r="IN17" s="140"/>
      <c r="IO17" s="119">
        <v>93642</v>
      </c>
      <c r="IP17" s="119">
        <v>0</v>
      </c>
      <c r="IQ17" s="119">
        <v>325256</v>
      </c>
      <c r="IR17" s="119">
        <v>0</v>
      </c>
      <c r="IS17" s="119">
        <v>546255</v>
      </c>
      <c r="IT17" s="141">
        <v>965153</v>
      </c>
      <c r="IU17" s="321">
        <v>965153</v>
      </c>
      <c r="IV17" s="142">
        <v>0</v>
      </c>
      <c r="IW17" s="119">
        <v>0</v>
      </c>
      <c r="IX17" s="120">
        <v>0</v>
      </c>
      <c r="IY17" s="144"/>
      <c r="IZ17" s="119">
        <v>16503</v>
      </c>
      <c r="JA17" s="119">
        <v>0</v>
      </c>
      <c r="JB17" s="119">
        <v>0</v>
      </c>
      <c r="JC17" s="119">
        <v>0</v>
      </c>
      <c r="JD17" s="119">
        <v>0</v>
      </c>
      <c r="JE17" s="120">
        <v>16503</v>
      </c>
      <c r="JF17" s="121">
        <v>16503</v>
      </c>
      <c r="JG17" s="142">
        <v>0</v>
      </c>
      <c r="JH17" s="119">
        <v>0</v>
      </c>
      <c r="JI17" s="141">
        <v>0</v>
      </c>
      <c r="JJ17" s="118">
        <v>0</v>
      </c>
      <c r="JK17" s="119">
        <v>1168544</v>
      </c>
      <c r="JL17" s="119">
        <v>417666</v>
      </c>
      <c r="JM17" s="119">
        <v>1056262</v>
      </c>
      <c r="JN17" s="119">
        <v>309151</v>
      </c>
      <c r="JO17" s="119">
        <v>237757</v>
      </c>
      <c r="JP17" s="120">
        <v>3189380</v>
      </c>
      <c r="JQ17" s="321">
        <v>3189380</v>
      </c>
      <c r="JR17" s="142">
        <v>0</v>
      </c>
      <c r="JS17" s="119">
        <v>0</v>
      </c>
      <c r="JT17" s="141">
        <v>0</v>
      </c>
      <c r="JU17" s="118">
        <v>0</v>
      </c>
      <c r="JV17" s="119">
        <v>270236</v>
      </c>
      <c r="JW17" s="119">
        <v>200498</v>
      </c>
      <c r="JX17" s="119">
        <v>275809</v>
      </c>
      <c r="JY17" s="119">
        <v>0</v>
      </c>
      <c r="JZ17" s="119">
        <v>0</v>
      </c>
      <c r="KA17" s="120">
        <v>746543</v>
      </c>
      <c r="KB17" s="321">
        <v>746543</v>
      </c>
      <c r="KC17" s="234">
        <v>0</v>
      </c>
      <c r="KD17" s="230">
        <v>0</v>
      </c>
      <c r="KE17" s="120">
        <v>0</v>
      </c>
      <c r="KF17" s="118">
        <v>0</v>
      </c>
      <c r="KG17" s="119">
        <v>106242</v>
      </c>
      <c r="KH17" s="119">
        <v>328457</v>
      </c>
      <c r="KI17" s="119">
        <v>1172649</v>
      </c>
      <c r="KJ17" s="119">
        <v>458375</v>
      </c>
      <c r="KK17" s="119">
        <v>0</v>
      </c>
      <c r="KL17" s="120">
        <v>2065723</v>
      </c>
      <c r="KM17" s="143">
        <v>2065723</v>
      </c>
      <c r="KN17" s="232">
        <v>0</v>
      </c>
      <c r="KO17" s="236">
        <v>0</v>
      </c>
      <c r="KP17" s="237">
        <v>0</v>
      </c>
      <c r="KQ17" s="140"/>
      <c r="KR17" s="119">
        <v>466687</v>
      </c>
      <c r="KS17" s="119">
        <v>237824</v>
      </c>
      <c r="KT17" s="119">
        <v>249804</v>
      </c>
      <c r="KU17" s="119">
        <v>764779</v>
      </c>
      <c r="KV17" s="119">
        <v>0</v>
      </c>
      <c r="KW17" s="120">
        <v>1719094</v>
      </c>
      <c r="KX17" s="321">
        <v>1719094</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1">
        <v>0</v>
      </c>
      <c r="LU17" s="142">
        <v>0</v>
      </c>
      <c r="LV17" s="119">
        <v>0</v>
      </c>
      <c r="LW17" s="120">
        <v>0</v>
      </c>
      <c r="LX17" s="145"/>
      <c r="LY17" s="119">
        <v>0</v>
      </c>
      <c r="LZ17" s="119">
        <v>39557</v>
      </c>
      <c r="MA17" s="119">
        <v>0</v>
      </c>
      <c r="MB17" s="119">
        <v>0</v>
      </c>
      <c r="MC17" s="119">
        <v>0</v>
      </c>
      <c r="MD17" s="120">
        <v>39557</v>
      </c>
      <c r="ME17" s="121">
        <v>39557</v>
      </c>
      <c r="MF17" s="142">
        <v>0</v>
      </c>
      <c r="MG17" s="119">
        <v>0</v>
      </c>
      <c r="MH17" s="120">
        <v>0</v>
      </c>
      <c r="MI17" s="145"/>
      <c r="MJ17" s="119">
        <v>466109</v>
      </c>
      <c r="MK17" s="119">
        <v>920979</v>
      </c>
      <c r="ML17" s="119">
        <v>2248403</v>
      </c>
      <c r="MM17" s="119">
        <v>4340786</v>
      </c>
      <c r="MN17" s="119">
        <v>3736585</v>
      </c>
      <c r="MO17" s="120">
        <v>11712862</v>
      </c>
      <c r="MP17" s="143">
        <v>11712862</v>
      </c>
      <c r="MQ17" s="142">
        <v>0</v>
      </c>
      <c r="MR17" s="119">
        <v>0</v>
      </c>
      <c r="MS17" s="120">
        <v>0</v>
      </c>
      <c r="MT17" s="145"/>
      <c r="MU17" s="119">
        <v>0</v>
      </c>
      <c r="MV17" s="119">
        <v>0</v>
      </c>
      <c r="MW17" s="119">
        <v>1226396</v>
      </c>
      <c r="MX17" s="119">
        <v>2747883</v>
      </c>
      <c r="MY17" s="119">
        <v>2508445</v>
      </c>
      <c r="MZ17" s="120">
        <v>6482724</v>
      </c>
      <c r="NA17" s="143">
        <v>6482724</v>
      </c>
      <c r="NB17" s="142">
        <v>0</v>
      </c>
      <c r="NC17" s="119">
        <v>0</v>
      </c>
      <c r="ND17" s="120">
        <v>0</v>
      </c>
      <c r="NE17" s="145"/>
      <c r="NF17" s="119">
        <v>466109</v>
      </c>
      <c r="NG17" s="119">
        <v>693851</v>
      </c>
      <c r="NH17" s="119">
        <v>1022007</v>
      </c>
      <c r="NI17" s="119">
        <v>1292615</v>
      </c>
      <c r="NJ17" s="119">
        <v>1228140</v>
      </c>
      <c r="NK17" s="120">
        <v>4702722</v>
      </c>
      <c r="NL17" s="321">
        <v>4702722</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227128</v>
      </c>
      <c r="OD17" s="119">
        <v>0</v>
      </c>
      <c r="OE17" s="119">
        <v>300288</v>
      </c>
      <c r="OF17" s="119">
        <v>0</v>
      </c>
      <c r="OG17" s="120">
        <v>527416</v>
      </c>
      <c r="OH17" s="121">
        <v>527416</v>
      </c>
      <c r="OI17" s="142">
        <v>458515</v>
      </c>
      <c r="OJ17" s="119">
        <v>735640</v>
      </c>
      <c r="OK17" s="141">
        <v>1194155</v>
      </c>
      <c r="OL17" s="118">
        <v>0</v>
      </c>
      <c r="OM17" s="119">
        <v>10423272</v>
      </c>
      <c r="ON17" s="119">
        <v>10291053</v>
      </c>
      <c r="OO17" s="119">
        <v>14727018</v>
      </c>
      <c r="OP17" s="119">
        <v>15190212</v>
      </c>
      <c r="OQ17" s="119">
        <v>8324622</v>
      </c>
      <c r="OR17" s="120">
        <v>58956177</v>
      </c>
      <c r="OS17" s="143">
        <v>60150332</v>
      </c>
    </row>
    <row r="18" spans="2:409" ht="20.25" customHeight="1" x14ac:dyDescent="0.2">
      <c r="B18" s="126" t="s">
        <v>12</v>
      </c>
      <c r="C18" s="110">
        <v>907110</v>
      </c>
      <c r="D18" s="114">
        <v>1594033</v>
      </c>
      <c r="E18" s="113">
        <v>2501143</v>
      </c>
      <c r="F18" s="109">
        <v>0</v>
      </c>
      <c r="G18" s="114">
        <v>7559947</v>
      </c>
      <c r="H18" s="170">
        <v>8786776</v>
      </c>
      <c r="I18" s="170">
        <v>9866977</v>
      </c>
      <c r="J18" s="170">
        <v>8372287</v>
      </c>
      <c r="K18" s="170">
        <v>5010276</v>
      </c>
      <c r="L18" s="112">
        <v>39596263</v>
      </c>
      <c r="M18" s="116">
        <v>42097406</v>
      </c>
      <c r="N18" s="110">
        <v>402961</v>
      </c>
      <c r="O18" s="114">
        <v>638790</v>
      </c>
      <c r="P18" s="113">
        <v>1041751</v>
      </c>
      <c r="Q18" s="110">
        <v>0</v>
      </c>
      <c r="R18" s="114">
        <v>2640518</v>
      </c>
      <c r="S18" s="114">
        <v>3527010</v>
      </c>
      <c r="T18" s="114">
        <v>3008028</v>
      </c>
      <c r="U18" s="114">
        <v>2915588</v>
      </c>
      <c r="V18" s="114">
        <v>3073807</v>
      </c>
      <c r="W18" s="113">
        <v>15164951</v>
      </c>
      <c r="X18" s="116">
        <v>16206702</v>
      </c>
      <c r="Y18" s="110">
        <v>0</v>
      </c>
      <c r="Z18" s="114">
        <v>0</v>
      </c>
      <c r="AA18" s="113">
        <v>0</v>
      </c>
      <c r="AB18" s="110">
        <v>0</v>
      </c>
      <c r="AC18" s="114">
        <v>1467374</v>
      </c>
      <c r="AD18" s="114">
        <v>1574746</v>
      </c>
      <c r="AE18" s="114">
        <v>1866175</v>
      </c>
      <c r="AF18" s="114">
        <v>2211249</v>
      </c>
      <c r="AG18" s="114">
        <v>1978455</v>
      </c>
      <c r="AH18" s="113">
        <v>9097999</v>
      </c>
      <c r="AI18" s="116">
        <v>9097999</v>
      </c>
      <c r="AJ18" s="110">
        <v>0</v>
      </c>
      <c r="AK18" s="114">
        <v>0</v>
      </c>
      <c r="AL18" s="113">
        <v>0</v>
      </c>
      <c r="AM18" s="110">
        <v>0</v>
      </c>
      <c r="AN18" s="114">
        <v>0</v>
      </c>
      <c r="AO18" s="114">
        <v>70277</v>
      </c>
      <c r="AP18" s="114">
        <v>59516</v>
      </c>
      <c r="AQ18" s="114">
        <v>34231</v>
      </c>
      <c r="AR18" s="114">
        <v>484138</v>
      </c>
      <c r="AS18" s="113">
        <v>648162</v>
      </c>
      <c r="AT18" s="116">
        <v>648162</v>
      </c>
      <c r="AU18" s="110">
        <v>357681</v>
      </c>
      <c r="AV18" s="114">
        <v>525886</v>
      </c>
      <c r="AW18" s="113">
        <v>883567</v>
      </c>
      <c r="AX18" s="110">
        <v>0</v>
      </c>
      <c r="AY18" s="114">
        <v>861079</v>
      </c>
      <c r="AZ18" s="114">
        <v>1317770</v>
      </c>
      <c r="BA18" s="114">
        <v>716381</v>
      </c>
      <c r="BB18" s="114">
        <v>241566</v>
      </c>
      <c r="BC18" s="114">
        <v>393880</v>
      </c>
      <c r="BD18" s="113">
        <v>3530676</v>
      </c>
      <c r="BE18" s="116">
        <v>4414243</v>
      </c>
      <c r="BF18" s="110">
        <v>0</v>
      </c>
      <c r="BG18" s="114">
        <v>0</v>
      </c>
      <c r="BH18" s="112">
        <v>0</v>
      </c>
      <c r="BI18" s="111">
        <v>0</v>
      </c>
      <c r="BJ18" s="114">
        <v>15849</v>
      </c>
      <c r="BK18" s="114">
        <v>312481</v>
      </c>
      <c r="BL18" s="114">
        <v>102212</v>
      </c>
      <c r="BM18" s="114">
        <v>48046</v>
      </c>
      <c r="BN18" s="114">
        <v>19926</v>
      </c>
      <c r="BO18" s="113">
        <v>498514</v>
      </c>
      <c r="BP18" s="116">
        <v>498514</v>
      </c>
      <c r="BQ18" s="110">
        <v>45280</v>
      </c>
      <c r="BR18" s="114">
        <v>112904</v>
      </c>
      <c r="BS18" s="113">
        <v>158184</v>
      </c>
      <c r="BT18" s="110">
        <v>0</v>
      </c>
      <c r="BU18" s="114">
        <v>296216</v>
      </c>
      <c r="BV18" s="114">
        <v>251736</v>
      </c>
      <c r="BW18" s="114">
        <v>263744</v>
      </c>
      <c r="BX18" s="114">
        <v>380496</v>
      </c>
      <c r="BY18" s="114">
        <v>197408</v>
      </c>
      <c r="BZ18" s="113">
        <v>1389600</v>
      </c>
      <c r="CA18" s="116">
        <v>1547784</v>
      </c>
      <c r="CB18" s="110">
        <v>148824</v>
      </c>
      <c r="CC18" s="114">
        <v>273832</v>
      </c>
      <c r="CD18" s="113">
        <v>422656</v>
      </c>
      <c r="CE18" s="110">
        <v>0</v>
      </c>
      <c r="CF18" s="114">
        <v>3237587</v>
      </c>
      <c r="CG18" s="114">
        <v>2415208</v>
      </c>
      <c r="CH18" s="114">
        <v>2683812</v>
      </c>
      <c r="CI18" s="114">
        <v>1005821</v>
      </c>
      <c r="CJ18" s="114">
        <v>458371</v>
      </c>
      <c r="CK18" s="113">
        <v>9800799</v>
      </c>
      <c r="CL18" s="116">
        <v>10223455</v>
      </c>
      <c r="CM18" s="110">
        <v>0</v>
      </c>
      <c r="CN18" s="114">
        <v>0</v>
      </c>
      <c r="CO18" s="113">
        <v>0</v>
      </c>
      <c r="CP18" s="111">
        <v>0</v>
      </c>
      <c r="CQ18" s="114">
        <v>2585819</v>
      </c>
      <c r="CR18" s="114">
        <v>1681230</v>
      </c>
      <c r="CS18" s="114">
        <v>1915166</v>
      </c>
      <c r="CT18" s="114">
        <v>491155</v>
      </c>
      <c r="CU18" s="114">
        <v>458371</v>
      </c>
      <c r="CV18" s="113">
        <v>7131741</v>
      </c>
      <c r="CW18" s="116">
        <v>7131741</v>
      </c>
      <c r="CX18" s="110">
        <v>148824</v>
      </c>
      <c r="CY18" s="114">
        <v>273832</v>
      </c>
      <c r="CZ18" s="113">
        <v>422656</v>
      </c>
      <c r="DA18" s="110">
        <v>0</v>
      </c>
      <c r="DB18" s="114">
        <v>651768</v>
      </c>
      <c r="DC18" s="114">
        <v>733978</v>
      </c>
      <c r="DD18" s="114">
        <v>768646</v>
      </c>
      <c r="DE18" s="114">
        <v>514666</v>
      </c>
      <c r="DF18" s="114">
        <v>0</v>
      </c>
      <c r="DG18" s="113">
        <v>2669058</v>
      </c>
      <c r="DH18" s="116">
        <v>3091714</v>
      </c>
      <c r="DI18" s="110">
        <v>20946</v>
      </c>
      <c r="DJ18" s="114">
        <v>0</v>
      </c>
      <c r="DK18" s="112">
        <v>20946</v>
      </c>
      <c r="DL18" s="111">
        <v>0</v>
      </c>
      <c r="DM18" s="114">
        <v>308016</v>
      </c>
      <c r="DN18" s="114">
        <v>234850</v>
      </c>
      <c r="DO18" s="114">
        <v>902005</v>
      </c>
      <c r="DP18" s="114">
        <v>1227856</v>
      </c>
      <c r="DQ18" s="114">
        <v>585295</v>
      </c>
      <c r="DR18" s="113">
        <v>3258022</v>
      </c>
      <c r="DS18" s="116">
        <v>3278968</v>
      </c>
      <c r="DT18" s="110">
        <v>20946</v>
      </c>
      <c r="DU18" s="114">
        <v>0</v>
      </c>
      <c r="DV18" s="113">
        <v>20946</v>
      </c>
      <c r="DW18" s="110">
        <v>0</v>
      </c>
      <c r="DX18" s="114">
        <v>308016</v>
      </c>
      <c r="DY18" s="114">
        <v>166416</v>
      </c>
      <c r="DZ18" s="114">
        <v>811732</v>
      </c>
      <c r="EA18" s="114">
        <v>1227856</v>
      </c>
      <c r="EB18" s="114">
        <v>585295</v>
      </c>
      <c r="EC18" s="113">
        <v>3099315</v>
      </c>
      <c r="ED18" s="116">
        <v>3120261</v>
      </c>
      <c r="EE18" s="110">
        <v>0</v>
      </c>
      <c r="EF18" s="112">
        <v>0</v>
      </c>
      <c r="EG18" s="113">
        <v>0</v>
      </c>
      <c r="EH18" s="110">
        <v>0</v>
      </c>
      <c r="EI18" s="114">
        <v>0</v>
      </c>
      <c r="EJ18" s="114">
        <v>68434</v>
      </c>
      <c r="EK18" s="114">
        <v>90273</v>
      </c>
      <c r="EL18" s="114">
        <v>0</v>
      </c>
      <c r="EM18" s="114">
        <v>0</v>
      </c>
      <c r="EN18" s="112">
        <v>158707</v>
      </c>
      <c r="EO18" s="116">
        <v>158707</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8">
        <v>0</v>
      </c>
      <c r="FE18" s="114">
        <v>0</v>
      </c>
      <c r="FF18" s="114">
        <v>0</v>
      </c>
      <c r="FG18" s="114">
        <v>0</v>
      </c>
      <c r="FH18" s="114">
        <v>0</v>
      </c>
      <c r="FI18" s="114">
        <v>0</v>
      </c>
      <c r="FJ18" s="113">
        <v>0</v>
      </c>
      <c r="FK18" s="116">
        <v>0</v>
      </c>
      <c r="FL18" s="110">
        <v>274840</v>
      </c>
      <c r="FM18" s="114">
        <v>214886</v>
      </c>
      <c r="FN18" s="113">
        <v>489726</v>
      </c>
      <c r="FO18" s="110">
        <v>0</v>
      </c>
      <c r="FP18" s="114">
        <v>286912</v>
      </c>
      <c r="FQ18" s="114">
        <v>1055432</v>
      </c>
      <c r="FR18" s="114">
        <v>1031376</v>
      </c>
      <c r="FS18" s="114">
        <v>613808</v>
      </c>
      <c r="FT18" s="114">
        <v>451232</v>
      </c>
      <c r="FU18" s="113">
        <v>3438760</v>
      </c>
      <c r="FV18" s="116">
        <v>3928486</v>
      </c>
      <c r="FW18" s="115">
        <v>107432</v>
      </c>
      <c r="FX18" s="114">
        <v>128080</v>
      </c>
      <c r="FY18" s="112">
        <v>235512</v>
      </c>
      <c r="FZ18" s="111">
        <v>0</v>
      </c>
      <c r="GA18" s="114">
        <v>249952</v>
      </c>
      <c r="GB18" s="114">
        <v>1002576</v>
      </c>
      <c r="GC18" s="114">
        <v>1012368</v>
      </c>
      <c r="GD18" s="114">
        <v>613808</v>
      </c>
      <c r="GE18" s="114">
        <v>451232</v>
      </c>
      <c r="GF18" s="113">
        <v>3329936</v>
      </c>
      <c r="GG18" s="319">
        <v>3565448</v>
      </c>
      <c r="GH18" s="115">
        <v>67408</v>
      </c>
      <c r="GI18" s="114">
        <v>12566</v>
      </c>
      <c r="GJ18" s="112">
        <v>79974</v>
      </c>
      <c r="GK18" s="111">
        <v>0</v>
      </c>
      <c r="GL18" s="114">
        <v>36960</v>
      </c>
      <c r="GM18" s="114">
        <v>52856</v>
      </c>
      <c r="GN18" s="114">
        <v>19008</v>
      </c>
      <c r="GO18" s="114">
        <v>0</v>
      </c>
      <c r="GP18" s="114">
        <v>0</v>
      </c>
      <c r="GQ18" s="113">
        <v>108824</v>
      </c>
      <c r="GR18" s="116">
        <v>188798</v>
      </c>
      <c r="GS18" s="110">
        <v>100000</v>
      </c>
      <c r="GT18" s="114">
        <v>74240</v>
      </c>
      <c r="GU18" s="113">
        <v>174240</v>
      </c>
      <c r="GV18" s="110">
        <v>0</v>
      </c>
      <c r="GW18" s="114">
        <v>0</v>
      </c>
      <c r="GX18" s="114">
        <v>0</v>
      </c>
      <c r="GY18" s="114">
        <v>0</v>
      </c>
      <c r="GZ18" s="114">
        <v>0</v>
      </c>
      <c r="HA18" s="114">
        <v>0</v>
      </c>
      <c r="HB18" s="112">
        <v>0</v>
      </c>
      <c r="HC18" s="116">
        <v>174240</v>
      </c>
      <c r="HD18" s="110">
        <v>59539</v>
      </c>
      <c r="HE18" s="114">
        <v>466525</v>
      </c>
      <c r="HF18" s="112">
        <v>526064</v>
      </c>
      <c r="HG18" s="111">
        <v>0</v>
      </c>
      <c r="HH18" s="114">
        <v>1086914</v>
      </c>
      <c r="HI18" s="114">
        <v>1554276</v>
      </c>
      <c r="HJ18" s="114">
        <v>2241756</v>
      </c>
      <c r="HK18" s="114">
        <v>2609214</v>
      </c>
      <c r="HL18" s="114">
        <v>441571</v>
      </c>
      <c r="HM18" s="113">
        <v>7933731</v>
      </c>
      <c r="HN18" s="109">
        <v>8459795</v>
      </c>
      <c r="HO18" s="329"/>
      <c r="HP18" s="330"/>
      <c r="HQ18" s="331"/>
      <c r="HR18" s="332"/>
      <c r="HS18" s="330"/>
      <c r="HT18" s="330"/>
      <c r="HU18" s="330"/>
      <c r="HV18" s="330"/>
      <c r="HW18" s="330"/>
      <c r="HX18" s="333"/>
      <c r="HY18" s="334"/>
      <c r="HZ18" s="150">
        <v>0</v>
      </c>
      <c r="IA18" s="135">
        <v>0</v>
      </c>
      <c r="IB18" s="150">
        <v>0</v>
      </c>
      <c r="IC18" s="134">
        <v>0</v>
      </c>
      <c r="ID18" s="135">
        <v>3457980</v>
      </c>
      <c r="IE18" s="136">
        <v>2262003</v>
      </c>
      <c r="IF18" s="137">
        <v>2795895</v>
      </c>
      <c r="IG18" s="135">
        <v>4908203</v>
      </c>
      <c r="IH18" s="137">
        <v>1522408</v>
      </c>
      <c r="II18" s="138">
        <v>14946489</v>
      </c>
      <c r="IJ18" s="150">
        <v>14946489</v>
      </c>
      <c r="IK18" s="232">
        <v>0</v>
      </c>
      <c r="IL18" s="236">
        <v>0</v>
      </c>
      <c r="IM18" s="237">
        <v>0</v>
      </c>
      <c r="IN18" s="140"/>
      <c r="IO18" s="119">
        <v>0</v>
      </c>
      <c r="IP18" s="119">
        <v>105998</v>
      </c>
      <c r="IQ18" s="119">
        <v>0</v>
      </c>
      <c r="IR18" s="119">
        <v>0</v>
      </c>
      <c r="IS18" s="119">
        <v>0</v>
      </c>
      <c r="IT18" s="141">
        <v>105998</v>
      </c>
      <c r="IU18" s="321">
        <v>105998</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298906</v>
      </c>
      <c r="JL18" s="119">
        <v>802619</v>
      </c>
      <c r="JM18" s="119">
        <v>968411</v>
      </c>
      <c r="JN18" s="119">
        <v>49432</v>
      </c>
      <c r="JO18" s="119">
        <v>275175</v>
      </c>
      <c r="JP18" s="120">
        <v>3394543</v>
      </c>
      <c r="JQ18" s="321">
        <v>3394543</v>
      </c>
      <c r="JR18" s="142">
        <v>0</v>
      </c>
      <c r="JS18" s="119">
        <v>0</v>
      </c>
      <c r="JT18" s="141">
        <v>0</v>
      </c>
      <c r="JU18" s="118">
        <v>0</v>
      </c>
      <c r="JV18" s="119">
        <v>0</v>
      </c>
      <c r="JW18" s="119">
        <v>0</v>
      </c>
      <c r="JX18" s="119">
        <v>0</v>
      </c>
      <c r="JY18" s="119">
        <v>0</v>
      </c>
      <c r="JZ18" s="119">
        <v>0</v>
      </c>
      <c r="KA18" s="120">
        <v>0</v>
      </c>
      <c r="KB18" s="321">
        <v>0</v>
      </c>
      <c r="KC18" s="234">
        <v>0</v>
      </c>
      <c r="KD18" s="230">
        <v>0</v>
      </c>
      <c r="KE18" s="120">
        <v>0</v>
      </c>
      <c r="KF18" s="118">
        <v>0</v>
      </c>
      <c r="KG18" s="119">
        <v>447809</v>
      </c>
      <c r="KH18" s="119">
        <v>164242</v>
      </c>
      <c r="KI18" s="119">
        <v>945986</v>
      </c>
      <c r="KJ18" s="119">
        <v>1584107</v>
      </c>
      <c r="KK18" s="119">
        <v>347398</v>
      </c>
      <c r="KL18" s="120">
        <v>3489542</v>
      </c>
      <c r="KM18" s="143">
        <v>3489542</v>
      </c>
      <c r="KN18" s="232">
        <v>0</v>
      </c>
      <c r="KO18" s="236">
        <v>0</v>
      </c>
      <c r="KP18" s="237">
        <v>0</v>
      </c>
      <c r="KQ18" s="140"/>
      <c r="KR18" s="119">
        <v>1402025</v>
      </c>
      <c r="KS18" s="119">
        <v>730384</v>
      </c>
      <c r="KT18" s="119">
        <v>502417</v>
      </c>
      <c r="KU18" s="119">
        <v>1280641</v>
      </c>
      <c r="KV18" s="119">
        <v>259502</v>
      </c>
      <c r="KW18" s="120">
        <v>4174969</v>
      </c>
      <c r="KX18" s="321">
        <v>4174969</v>
      </c>
      <c r="KY18" s="142">
        <v>0</v>
      </c>
      <c r="KZ18" s="119">
        <v>0</v>
      </c>
      <c r="LA18" s="120">
        <v>0</v>
      </c>
      <c r="LB18" s="145"/>
      <c r="LC18" s="119">
        <v>0</v>
      </c>
      <c r="LD18" s="119">
        <v>362672</v>
      </c>
      <c r="LE18" s="119">
        <v>0</v>
      </c>
      <c r="LF18" s="119">
        <v>842936</v>
      </c>
      <c r="LG18" s="119">
        <v>0</v>
      </c>
      <c r="LH18" s="120">
        <v>1205608</v>
      </c>
      <c r="LI18" s="121">
        <v>1205608</v>
      </c>
      <c r="LJ18" s="142">
        <v>0</v>
      </c>
      <c r="LK18" s="119">
        <v>0</v>
      </c>
      <c r="LL18" s="120">
        <v>0</v>
      </c>
      <c r="LM18" s="145"/>
      <c r="LN18" s="119">
        <v>0</v>
      </c>
      <c r="LO18" s="119">
        <v>0</v>
      </c>
      <c r="LP18" s="119">
        <v>0</v>
      </c>
      <c r="LQ18" s="119">
        <v>240692</v>
      </c>
      <c r="LR18" s="119">
        <v>292825</v>
      </c>
      <c r="LS18" s="120">
        <v>533517</v>
      </c>
      <c r="LT18" s="321">
        <v>533517</v>
      </c>
      <c r="LU18" s="142">
        <v>0</v>
      </c>
      <c r="LV18" s="119">
        <v>0</v>
      </c>
      <c r="LW18" s="120">
        <v>0</v>
      </c>
      <c r="LX18" s="145"/>
      <c r="LY18" s="119">
        <v>309240</v>
      </c>
      <c r="LZ18" s="119">
        <v>96088</v>
      </c>
      <c r="MA18" s="119">
        <v>379081</v>
      </c>
      <c r="MB18" s="119">
        <v>910395</v>
      </c>
      <c r="MC18" s="119">
        <v>347508</v>
      </c>
      <c r="MD18" s="120">
        <v>2042312</v>
      </c>
      <c r="ME18" s="121">
        <v>2042312</v>
      </c>
      <c r="MF18" s="142">
        <v>0</v>
      </c>
      <c r="MG18" s="119">
        <v>0</v>
      </c>
      <c r="MH18" s="120">
        <v>0</v>
      </c>
      <c r="MI18" s="145"/>
      <c r="MJ18" s="119">
        <v>798164</v>
      </c>
      <c r="MK18" s="119">
        <v>583614</v>
      </c>
      <c r="ML18" s="119">
        <v>4030399</v>
      </c>
      <c r="MM18" s="119">
        <v>6021867</v>
      </c>
      <c r="MN18" s="119">
        <v>2256393</v>
      </c>
      <c r="MO18" s="120">
        <v>13690437</v>
      </c>
      <c r="MP18" s="143">
        <v>13690437</v>
      </c>
      <c r="MQ18" s="142">
        <v>0</v>
      </c>
      <c r="MR18" s="119">
        <v>0</v>
      </c>
      <c r="MS18" s="120">
        <v>0</v>
      </c>
      <c r="MT18" s="145"/>
      <c r="MU18" s="119">
        <v>0</v>
      </c>
      <c r="MV18" s="119">
        <v>75448</v>
      </c>
      <c r="MW18" s="119">
        <v>2224139</v>
      </c>
      <c r="MX18" s="119">
        <v>3077231</v>
      </c>
      <c r="MY18" s="119">
        <v>1411166</v>
      </c>
      <c r="MZ18" s="120">
        <v>6787984</v>
      </c>
      <c r="NA18" s="143">
        <v>6787984</v>
      </c>
      <c r="NB18" s="142">
        <v>0</v>
      </c>
      <c r="NC18" s="119">
        <v>0</v>
      </c>
      <c r="ND18" s="120">
        <v>0</v>
      </c>
      <c r="NE18" s="145"/>
      <c r="NF18" s="119">
        <v>798164</v>
      </c>
      <c r="NG18" s="119">
        <v>508166</v>
      </c>
      <c r="NH18" s="119">
        <v>1806260</v>
      </c>
      <c r="NI18" s="119">
        <v>2600869</v>
      </c>
      <c r="NJ18" s="119">
        <v>845227</v>
      </c>
      <c r="NK18" s="120">
        <v>6558686</v>
      </c>
      <c r="NL18" s="321">
        <v>6558686</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43767</v>
      </c>
      <c r="OF18" s="119">
        <v>0</v>
      </c>
      <c r="OG18" s="120">
        <v>343767</v>
      </c>
      <c r="OH18" s="121">
        <v>343767</v>
      </c>
      <c r="OI18" s="142">
        <v>907110</v>
      </c>
      <c r="OJ18" s="119">
        <v>1594033</v>
      </c>
      <c r="OK18" s="141">
        <v>2501143</v>
      </c>
      <c r="OL18" s="118">
        <v>0</v>
      </c>
      <c r="OM18" s="119">
        <v>11816091</v>
      </c>
      <c r="ON18" s="119">
        <v>11632393</v>
      </c>
      <c r="OO18" s="119">
        <v>16693271</v>
      </c>
      <c r="OP18" s="119">
        <v>19302357</v>
      </c>
      <c r="OQ18" s="119">
        <v>8789077</v>
      </c>
      <c r="OR18" s="120">
        <v>68233189</v>
      </c>
      <c r="OS18" s="143">
        <v>70734332</v>
      </c>
    </row>
    <row r="19" spans="2:409" ht="20.25" customHeight="1" x14ac:dyDescent="0.2">
      <c r="B19" s="126" t="s">
        <v>13</v>
      </c>
      <c r="C19" s="110">
        <v>148409</v>
      </c>
      <c r="D19" s="114">
        <v>142829</v>
      </c>
      <c r="E19" s="113">
        <v>291238</v>
      </c>
      <c r="F19" s="110">
        <v>0</v>
      </c>
      <c r="G19" s="170">
        <v>2565452</v>
      </c>
      <c r="H19" s="114">
        <v>5440070</v>
      </c>
      <c r="I19" s="114">
        <v>3219636</v>
      </c>
      <c r="J19" s="114">
        <v>5515216</v>
      </c>
      <c r="K19" s="114">
        <v>3588667</v>
      </c>
      <c r="L19" s="112">
        <v>20329041</v>
      </c>
      <c r="M19" s="116">
        <v>20620279</v>
      </c>
      <c r="N19" s="110">
        <v>71159</v>
      </c>
      <c r="O19" s="114">
        <v>10510</v>
      </c>
      <c r="P19" s="113">
        <v>81669</v>
      </c>
      <c r="Q19" s="110">
        <v>0</v>
      </c>
      <c r="R19" s="114">
        <v>1009849</v>
      </c>
      <c r="S19" s="114">
        <v>2019803</v>
      </c>
      <c r="T19" s="114">
        <v>973654</v>
      </c>
      <c r="U19" s="114">
        <v>2221374</v>
      </c>
      <c r="V19" s="114">
        <v>1869652</v>
      </c>
      <c r="W19" s="113">
        <v>8094332</v>
      </c>
      <c r="X19" s="116">
        <v>8176001</v>
      </c>
      <c r="Y19" s="110">
        <v>0</v>
      </c>
      <c r="Z19" s="114">
        <v>0</v>
      </c>
      <c r="AA19" s="113">
        <v>0</v>
      </c>
      <c r="AB19" s="110">
        <v>0</v>
      </c>
      <c r="AC19" s="114">
        <v>561356</v>
      </c>
      <c r="AD19" s="114">
        <v>1345887</v>
      </c>
      <c r="AE19" s="114">
        <v>564874</v>
      </c>
      <c r="AF19" s="114">
        <v>1374820</v>
      </c>
      <c r="AG19" s="114">
        <v>1001315</v>
      </c>
      <c r="AH19" s="113">
        <v>4848252</v>
      </c>
      <c r="AI19" s="116">
        <v>4848252</v>
      </c>
      <c r="AJ19" s="110">
        <v>0</v>
      </c>
      <c r="AK19" s="114">
        <v>0</v>
      </c>
      <c r="AL19" s="113">
        <v>0</v>
      </c>
      <c r="AM19" s="110">
        <v>0</v>
      </c>
      <c r="AN19" s="114">
        <v>0</v>
      </c>
      <c r="AO19" s="114">
        <v>0</v>
      </c>
      <c r="AP19" s="114">
        <v>0</v>
      </c>
      <c r="AQ19" s="114">
        <v>106428</v>
      </c>
      <c r="AR19" s="114">
        <v>350335</v>
      </c>
      <c r="AS19" s="113">
        <v>456763</v>
      </c>
      <c r="AT19" s="116">
        <v>456763</v>
      </c>
      <c r="AU19" s="110">
        <v>32031</v>
      </c>
      <c r="AV19" s="114">
        <v>10510</v>
      </c>
      <c r="AW19" s="113">
        <v>42541</v>
      </c>
      <c r="AX19" s="110">
        <v>0</v>
      </c>
      <c r="AY19" s="114">
        <v>248746</v>
      </c>
      <c r="AZ19" s="114">
        <v>424507</v>
      </c>
      <c r="BA19" s="114">
        <v>221628</v>
      </c>
      <c r="BB19" s="114">
        <v>472174</v>
      </c>
      <c r="BC19" s="114">
        <v>282757</v>
      </c>
      <c r="BD19" s="113">
        <v>1649812</v>
      </c>
      <c r="BE19" s="116">
        <v>1692353</v>
      </c>
      <c r="BF19" s="110">
        <v>0</v>
      </c>
      <c r="BG19" s="114">
        <v>0</v>
      </c>
      <c r="BH19" s="112">
        <v>0</v>
      </c>
      <c r="BI19" s="111">
        <v>0</v>
      </c>
      <c r="BJ19" s="114">
        <v>57067</v>
      </c>
      <c r="BK19" s="114">
        <v>24457</v>
      </c>
      <c r="BL19" s="114">
        <v>0</v>
      </c>
      <c r="BM19" s="114">
        <v>8152</v>
      </c>
      <c r="BN19" s="114">
        <v>21933</v>
      </c>
      <c r="BO19" s="113">
        <v>111609</v>
      </c>
      <c r="BP19" s="116">
        <v>111609</v>
      </c>
      <c r="BQ19" s="110">
        <v>39128</v>
      </c>
      <c r="BR19" s="114">
        <v>0</v>
      </c>
      <c r="BS19" s="113">
        <v>39128</v>
      </c>
      <c r="BT19" s="110">
        <v>0</v>
      </c>
      <c r="BU19" s="114">
        <v>142680</v>
      </c>
      <c r="BV19" s="114">
        <v>224952</v>
      </c>
      <c r="BW19" s="114">
        <v>187152</v>
      </c>
      <c r="BX19" s="114">
        <v>259800</v>
      </c>
      <c r="BY19" s="114">
        <v>213312</v>
      </c>
      <c r="BZ19" s="113">
        <v>1027896</v>
      </c>
      <c r="CA19" s="116">
        <v>1067024</v>
      </c>
      <c r="CB19" s="110">
        <v>0</v>
      </c>
      <c r="CC19" s="114">
        <v>80831</v>
      </c>
      <c r="CD19" s="113">
        <v>80831</v>
      </c>
      <c r="CE19" s="110">
        <v>0</v>
      </c>
      <c r="CF19" s="114">
        <v>596763</v>
      </c>
      <c r="CG19" s="114">
        <v>1260764</v>
      </c>
      <c r="CH19" s="114">
        <v>1032072</v>
      </c>
      <c r="CI19" s="114">
        <v>820772</v>
      </c>
      <c r="CJ19" s="114">
        <v>211873</v>
      </c>
      <c r="CK19" s="113">
        <v>3922244</v>
      </c>
      <c r="CL19" s="116">
        <v>4003075</v>
      </c>
      <c r="CM19" s="110">
        <v>0</v>
      </c>
      <c r="CN19" s="114">
        <v>0</v>
      </c>
      <c r="CO19" s="113">
        <v>0</v>
      </c>
      <c r="CP19" s="111">
        <v>0</v>
      </c>
      <c r="CQ19" s="114">
        <v>530116</v>
      </c>
      <c r="CR19" s="114">
        <v>1042132</v>
      </c>
      <c r="CS19" s="114">
        <v>869049</v>
      </c>
      <c r="CT19" s="114">
        <v>547066</v>
      </c>
      <c r="CU19" s="114">
        <v>186633</v>
      </c>
      <c r="CV19" s="113">
        <v>3174996</v>
      </c>
      <c r="CW19" s="116">
        <v>3174996</v>
      </c>
      <c r="CX19" s="110">
        <v>0</v>
      </c>
      <c r="CY19" s="114">
        <v>80831</v>
      </c>
      <c r="CZ19" s="113">
        <v>80831</v>
      </c>
      <c r="DA19" s="110">
        <v>0</v>
      </c>
      <c r="DB19" s="114">
        <v>66647</v>
      </c>
      <c r="DC19" s="114">
        <v>218632</v>
      </c>
      <c r="DD19" s="114">
        <v>163023</v>
      </c>
      <c r="DE19" s="114">
        <v>273706</v>
      </c>
      <c r="DF19" s="114">
        <v>25240</v>
      </c>
      <c r="DG19" s="113">
        <v>747248</v>
      </c>
      <c r="DH19" s="116">
        <v>828079</v>
      </c>
      <c r="DI19" s="110">
        <v>0</v>
      </c>
      <c r="DJ19" s="114">
        <v>0</v>
      </c>
      <c r="DK19" s="112">
        <v>0</v>
      </c>
      <c r="DL19" s="111">
        <v>0</v>
      </c>
      <c r="DM19" s="114">
        <v>201765</v>
      </c>
      <c r="DN19" s="114">
        <v>405042</v>
      </c>
      <c r="DO19" s="114">
        <v>374447</v>
      </c>
      <c r="DP19" s="114">
        <v>592796</v>
      </c>
      <c r="DQ19" s="114">
        <v>183628</v>
      </c>
      <c r="DR19" s="113">
        <v>1757678</v>
      </c>
      <c r="DS19" s="116">
        <v>1757678</v>
      </c>
      <c r="DT19" s="110">
        <v>0</v>
      </c>
      <c r="DU19" s="114">
        <v>0</v>
      </c>
      <c r="DV19" s="113">
        <v>0</v>
      </c>
      <c r="DW19" s="110">
        <v>0</v>
      </c>
      <c r="DX19" s="114">
        <v>181166</v>
      </c>
      <c r="DY19" s="114">
        <v>210088</v>
      </c>
      <c r="DZ19" s="114">
        <v>374447</v>
      </c>
      <c r="EA19" s="114">
        <v>592796</v>
      </c>
      <c r="EB19" s="114">
        <v>106975</v>
      </c>
      <c r="EC19" s="113">
        <v>1465472</v>
      </c>
      <c r="ED19" s="116">
        <v>1465472</v>
      </c>
      <c r="EE19" s="110">
        <v>0</v>
      </c>
      <c r="EF19" s="112">
        <v>0</v>
      </c>
      <c r="EG19" s="113">
        <v>0</v>
      </c>
      <c r="EH19" s="110">
        <v>0</v>
      </c>
      <c r="EI19" s="114">
        <v>20599</v>
      </c>
      <c r="EJ19" s="114">
        <v>194954</v>
      </c>
      <c r="EK19" s="114">
        <v>0</v>
      </c>
      <c r="EL19" s="114">
        <v>0</v>
      </c>
      <c r="EM19" s="114">
        <v>76653</v>
      </c>
      <c r="EN19" s="112">
        <v>292206</v>
      </c>
      <c r="EO19" s="116">
        <v>292206</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8">
        <v>0</v>
      </c>
      <c r="FE19" s="114">
        <v>0</v>
      </c>
      <c r="FF19" s="114">
        <v>0</v>
      </c>
      <c r="FG19" s="114">
        <v>0</v>
      </c>
      <c r="FH19" s="114">
        <v>0</v>
      </c>
      <c r="FI19" s="114">
        <v>0</v>
      </c>
      <c r="FJ19" s="113">
        <v>0</v>
      </c>
      <c r="FK19" s="116">
        <v>0</v>
      </c>
      <c r="FL19" s="110">
        <v>29448</v>
      </c>
      <c r="FM19" s="114">
        <v>51488</v>
      </c>
      <c r="FN19" s="113">
        <v>80936</v>
      </c>
      <c r="FO19" s="110">
        <v>0</v>
      </c>
      <c r="FP19" s="114">
        <v>113856</v>
      </c>
      <c r="FQ19" s="114">
        <v>585024</v>
      </c>
      <c r="FR19" s="114">
        <v>261656</v>
      </c>
      <c r="FS19" s="114">
        <v>286520</v>
      </c>
      <c r="FT19" s="114">
        <v>131184</v>
      </c>
      <c r="FU19" s="113">
        <v>1378240</v>
      </c>
      <c r="FV19" s="116">
        <v>1459176</v>
      </c>
      <c r="FW19" s="115">
        <v>17568</v>
      </c>
      <c r="FX19" s="114">
        <v>51488</v>
      </c>
      <c r="FY19" s="112">
        <v>69056</v>
      </c>
      <c r="FZ19" s="111">
        <v>0</v>
      </c>
      <c r="GA19" s="114">
        <v>113856</v>
      </c>
      <c r="GB19" s="114">
        <v>298608</v>
      </c>
      <c r="GC19" s="114">
        <v>261656</v>
      </c>
      <c r="GD19" s="114">
        <v>286520</v>
      </c>
      <c r="GE19" s="114">
        <v>131184</v>
      </c>
      <c r="GF19" s="113">
        <v>1091824</v>
      </c>
      <c r="GG19" s="319">
        <v>1160880</v>
      </c>
      <c r="GH19" s="115">
        <v>11880</v>
      </c>
      <c r="GI19" s="114">
        <v>0</v>
      </c>
      <c r="GJ19" s="112">
        <v>11880</v>
      </c>
      <c r="GK19" s="111">
        <v>0</v>
      </c>
      <c r="GL19" s="114">
        <v>0</v>
      </c>
      <c r="GM19" s="114">
        <v>21384</v>
      </c>
      <c r="GN19" s="114">
        <v>0</v>
      </c>
      <c r="GO19" s="114">
        <v>0</v>
      </c>
      <c r="GP19" s="114">
        <v>0</v>
      </c>
      <c r="GQ19" s="113">
        <v>21384</v>
      </c>
      <c r="GR19" s="116">
        <v>33264</v>
      </c>
      <c r="GS19" s="110">
        <v>0</v>
      </c>
      <c r="GT19" s="114">
        <v>0</v>
      </c>
      <c r="GU19" s="113">
        <v>0</v>
      </c>
      <c r="GV19" s="110">
        <v>0</v>
      </c>
      <c r="GW19" s="114">
        <v>0</v>
      </c>
      <c r="GX19" s="114">
        <v>265032</v>
      </c>
      <c r="GY19" s="114">
        <v>0</v>
      </c>
      <c r="GZ19" s="114">
        <v>0</v>
      </c>
      <c r="HA19" s="114">
        <v>0</v>
      </c>
      <c r="HB19" s="112">
        <v>265032</v>
      </c>
      <c r="HC19" s="116">
        <v>265032</v>
      </c>
      <c r="HD19" s="110">
        <v>47802</v>
      </c>
      <c r="HE19" s="114">
        <v>0</v>
      </c>
      <c r="HF19" s="112">
        <v>47802</v>
      </c>
      <c r="HG19" s="111">
        <v>0</v>
      </c>
      <c r="HH19" s="114">
        <v>643219</v>
      </c>
      <c r="HI19" s="114">
        <v>1169437</v>
      </c>
      <c r="HJ19" s="114">
        <v>577807</v>
      </c>
      <c r="HK19" s="114">
        <v>1593754</v>
      </c>
      <c r="HL19" s="114">
        <v>1192330</v>
      </c>
      <c r="HM19" s="113">
        <v>5176547</v>
      </c>
      <c r="HN19" s="109">
        <v>5224349</v>
      </c>
      <c r="HO19" s="329"/>
      <c r="HP19" s="330"/>
      <c r="HQ19" s="331"/>
      <c r="HR19" s="332"/>
      <c r="HS19" s="330"/>
      <c r="HT19" s="330"/>
      <c r="HU19" s="330"/>
      <c r="HV19" s="330"/>
      <c r="HW19" s="330"/>
      <c r="HX19" s="333"/>
      <c r="HY19" s="334"/>
      <c r="HZ19" s="131">
        <v>0</v>
      </c>
      <c r="IA19" s="132">
        <v>0</v>
      </c>
      <c r="IB19" s="133">
        <v>0</v>
      </c>
      <c r="IC19" s="146">
        <v>0</v>
      </c>
      <c r="ID19" s="132">
        <v>787475</v>
      </c>
      <c r="IE19" s="147">
        <v>597089</v>
      </c>
      <c r="IF19" s="133">
        <v>745154</v>
      </c>
      <c r="IG19" s="132">
        <v>1376686</v>
      </c>
      <c r="IH19" s="133">
        <v>182722</v>
      </c>
      <c r="II19" s="148">
        <v>3689126</v>
      </c>
      <c r="IJ19" s="139">
        <v>3689126</v>
      </c>
      <c r="IK19" s="232">
        <v>0</v>
      </c>
      <c r="IL19" s="236">
        <v>0</v>
      </c>
      <c r="IM19" s="237">
        <v>0</v>
      </c>
      <c r="IN19" s="140"/>
      <c r="IO19" s="119">
        <v>0</v>
      </c>
      <c r="IP19" s="119">
        <v>0</v>
      </c>
      <c r="IQ19" s="119">
        <v>0</v>
      </c>
      <c r="IR19" s="119">
        <v>0</v>
      </c>
      <c r="IS19" s="119">
        <v>0</v>
      </c>
      <c r="IT19" s="141">
        <v>0</v>
      </c>
      <c r="IU19" s="321">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400933</v>
      </c>
      <c r="JL19" s="119">
        <v>381196</v>
      </c>
      <c r="JM19" s="119">
        <v>73019</v>
      </c>
      <c r="JN19" s="119">
        <v>6694</v>
      </c>
      <c r="JO19" s="119">
        <v>182722</v>
      </c>
      <c r="JP19" s="120">
        <v>1044564</v>
      </c>
      <c r="JQ19" s="321">
        <v>1044564</v>
      </c>
      <c r="JR19" s="142">
        <v>0</v>
      </c>
      <c r="JS19" s="119">
        <v>0</v>
      </c>
      <c r="JT19" s="141">
        <v>0</v>
      </c>
      <c r="JU19" s="118">
        <v>0</v>
      </c>
      <c r="JV19" s="119">
        <v>0</v>
      </c>
      <c r="JW19" s="119">
        <v>42332</v>
      </c>
      <c r="JX19" s="119">
        <v>159302</v>
      </c>
      <c r="JY19" s="119">
        <v>52173</v>
      </c>
      <c r="JZ19" s="119">
        <v>0</v>
      </c>
      <c r="KA19" s="120">
        <v>253807</v>
      </c>
      <c r="KB19" s="321">
        <v>253807</v>
      </c>
      <c r="KC19" s="234">
        <v>0</v>
      </c>
      <c r="KD19" s="230">
        <v>0</v>
      </c>
      <c r="KE19" s="120">
        <v>0</v>
      </c>
      <c r="KF19" s="118">
        <v>0</v>
      </c>
      <c r="KG19" s="119">
        <v>161341</v>
      </c>
      <c r="KH19" s="119">
        <v>173561</v>
      </c>
      <c r="KI19" s="119">
        <v>0</v>
      </c>
      <c r="KJ19" s="119">
        <v>596455</v>
      </c>
      <c r="KK19" s="119">
        <v>0</v>
      </c>
      <c r="KL19" s="120">
        <v>931357</v>
      </c>
      <c r="KM19" s="143">
        <v>931357</v>
      </c>
      <c r="KN19" s="232">
        <v>0</v>
      </c>
      <c r="KO19" s="236">
        <v>0</v>
      </c>
      <c r="KP19" s="237">
        <v>0</v>
      </c>
      <c r="KQ19" s="140"/>
      <c r="KR19" s="119">
        <v>225201</v>
      </c>
      <c r="KS19" s="119">
        <v>0</v>
      </c>
      <c r="KT19" s="119">
        <v>512833</v>
      </c>
      <c r="KU19" s="119">
        <v>506155</v>
      </c>
      <c r="KV19" s="119">
        <v>0</v>
      </c>
      <c r="KW19" s="120">
        <v>1244189</v>
      </c>
      <c r="KX19" s="321">
        <v>1244189</v>
      </c>
      <c r="KY19" s="142">
        <v>0</v>
      </c>
      <c r="KZ19" s="119">
        <v>0</v>
      </c>
      <c r="LA19" s="120">
        <v>0</v>
      </c>
      <c r="LB19" s="145"/>
      <c r="LC19" s="119">
        <v>0</v>
      </c>
      <c r="LD19" s="119">
        <v>0</v>
      </c>
      <c r="LE19" s="119">
        <v>0</v>
      </c>
      <c r="LF19" s="119">
        <v>215209</v>
      </c>
      <c r="LG19" s="119">
        <v>0</v>
      </c>
      <c r="LH19" s="120">
        <v>215209</v>
      </c>
      <c r="LI19" s="121">
        <v>215209</v>
      </c>
      <c r="LJ19" s="142">
        <v>0</v>
      </c>
      <c r="LK19" s="119">
        <v>0</v>
      </c>
      <c r="LL19" s="120">
        <v>0</v>
      </c>
      <c r="LM19" s="145"/>
      <c r="LN19" s="119">
        <v>0</v>
      </c>
      <c r="LO19" s="119">
        <v>0</v>
      </c>
      <c r="LP19" s="119">
        <v>0</v>
      </c>
      <c r="LQ19" s="119">
        <v>0</v>
      </c>
      <c r="LR19" s="119">
        <v>0</v>
      </c>
      <c r="LS19" s="120">
        <v>0</v>
      </c>
      <c r="LT19" s="321">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440506</v>
      </c>
      <c r="MK19" s="119">
        <v>565682</v>
      </c>
      <c r="ML19" s="119">
        <v>1330727</v>
      </c>
      <c r="MM19" s="119">
        <v>2489721</v>
      </c>
      <c r="MN19" s="119">
        <v>1736852</v>
      </c>
      <c r="MO19" s="120">
        <v>6563488</v>
      </c>
      <c r="MP19" s="143">
        <v>6563488</v>
      </c>
      <c r="MQ19" s="142">
        <v>0</v>
      </c>
      <c r="MR19" s="119">
        <v>0</v>
      </c>
      <c r="MS19" s="120">
        <v>0</v>
      </c>
      <c r="MT19" s="145"/>
      <c r="MU19" s="119">
        <v>205799</v>
      </c>
      <c r="MV19" s="119">
        <v>0</v>
      </c>
      <c r="MW19" s="119">
        <v>789583</v>
      </c>
      <c r="MX19" s="119">
        <v>1886736</v>
      </c>
      <c r="MY19" s="119">
        <v>1444026</v>
      </c>
      <c r="MZ19" s="120">
        <v>4326144</v>
      </c>
      <c r="NA19" s="143">
        <v>4326144</v>
      </c>
      <c r="NB19" s="142">
        <v>0</v>
      </c>
      <c r="NC19" s="119">
        <v>0</v>
      </c>
      <c r="ND19" s="120">
        <v>0</v>
      </c>
      <c r="NE19" s="145"/>
      <c r="NF19" s="119">
        <v>234707</v>
      </c>
      <c r="NG19" s="119">
        <v>565682</v>
      </c>
      <c r="NH19" s="119">
        <v>541144</v>
      </c>
      <c r="NI19" s="119">
        <v>602985</v>
      </c>
      <c r="NJ19" s="119">
        <v>292826</v>
      </c>
      <c r="NK19" s="120">
        <v>2237344</v>
      </c>
      <c r="NL19" s="321">
        <v>2237344</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148409</v>
      </c>
      <c r="OJ19" s="119">
        <v>142829</v>
      </c>
      <c r="OK19" s="141">
        <v>291238</v>
      </c>
      <c r="OL19" s="118">
        <v>0</v>
      </c>
      <c r="OM19" s="119">
        <v>3793433</v>
      </c>
      <c r="ON19" s="119">
        <v>6602841</v>
      </c>
      <c r="OO19" s="119">
        <v>5295517</v>
      </c>
      <c r="OP19" s="119">
        <v>9381623</v>
      </c>
      <c r="OQ19" s="119">
        <v>5508241</v>
      </c>
      <c r="OR19" s="120">
        <v>30581655</v>
      </c>
      <c r="OS19" s="143">
        <v>30872893</v>
      </c>
    </row>
    <row r="20" spans="2:409" ht="20.25" customHeight="1" x14ac:dyDescent="0.2">
      <c r="B20" s="126" t="s">
        <v>15</v>
      </c>
      <c r="C20" s="110">
        <v>271958</v>
      </c>
      <c r="D20" s="114">
        <v>254435</v>
      </c>
      <c r="E20" s="113">
        <v>526393</v>
      </c>
      <c r="F20" s="109">
        <v>0</v>
      </c>
      <c r="G20" s="114">
        <v>1252731</v>
      </c>
      <c r="H20" s="114">
        <v>2267865</v>
      </c>
      <c r="I20" s="114">
        <v>2644112</v>
      </c>
      <c r="J20" s="114">
        <v>1036353</v>
      </c>
      <c r="K20" s="114">
        <v>628843</v>
      </c>
      <c r="L20" s="109">
        <v>7829904</v>
      </c>
      <c r="M20" s="116">
        <v>8356297</v>
      </c>
      <c r="N20" s="110">
        <v>10912</v>
      </c>
      <c r="O20" s="114">
        <v>24224</v>
      </c>
      <c r="P20" s="113">
        <v>35136</v>
      </c>
      <c r="Q20" s="110">
        <v>0</v>
      </c>
      <c r="R20" s="114">
        <v>289711</v>
      </c>
      <c r="S20" s="114">
        <v>585142</v>
      </c>
      <c r="T20" s="114">
        <v>1037100</v>
      </c>
      <c r="U20" s="114">
        <v>545375</v>
      </c>
      <c r="V20" s="114">
        <v>315616</v>
      </c>
      <c r="W20" s="113">
        <v>2772944</v>
      </c>
      <c r="X20" s="116">
        <v>2808080</v>
      </c>
      <c r="Y20" s="110">
        <v>0</v>
      </c>
      <c r="Z20" s="114">
        <v>0</v>
      </c>
      <c r="AA20" s="113">
        <v>0</v>
      </c>
      <c r="AB20" s="110">
        <v>0</v>
      </c>
      <c r="AC20" s="114">
        <v>173834</v>
      </c>
      <c r="AD20" s="114">
        <v>179804</v>
      </c>
      <c r="AE20" s="114">
        <v>887750</v>
      </c>
      <c r="AF20" s="114">
        <v>166144</v>
      </c>
      <c r="AG20" s="114">
        <v>252623</v>
      </c>
      <c r="AH20" s="113">
        <v>1660155</v>
      </c>
      <c r="AI20" s="116">
        <v>1660155</v>
      </c>
      <c r="AJ20" s="110">
        <v>0</v>
      </c>
      <c r="AK20" s="114">
        <v>0</v>
      </c>
      <c r="AL20" s="113">
        <v>0</v>
      </c>
      <c r="AM20" s="110">
        <v>0</v>
      </c>
      <c r="AN20" s="114">
        <v>0</v>
      </c>
      <c r="AO20" s="114">
        <v>0</v>
      </c>
      <c r="AP20" s="114">
        <v>0</v>
      </c>
      <c r="AQ20" s="114">
        <v>151878</v>
      </c>
      <c r="AR20" s="114">
        <v>0</v>
      </c>
      <c r="AS20" s="113">
        <v>151878</v>
      </c>
      <c r="AT20" s="116">
        <v>151878</v>
      </c>
      <c r="AU20" s="110">
        <v>0</v>
      </c>
      <c r="AV20" s="114">
        <v>24224</v>
      </c>
      <c r="AW20" s="113">
        <v>24224</v>
      </c>
      <c r="AX20" s="110">
        <v>0</v>
      </c>
      <c r="AY20" s="114">
        <v>49677</v>
      </c>
      <c r="AZ20" s="114">
        <v>281659</v>
      </c>
      <c r="BA20" s="114">
        <v>24774</v>
      </c>
      <c r="BB20" s="114">
        <v>166225</v>
      </c>
      <c r="BC20" s="114">
        <v>35138</v>
      </c>
      <c r="BD20" s="113">
        <v>557473</v>
      </c>
      <c r="BE20" s="116">
        <v>581697</v>
      </c>
      <c r="BF20" s="110">
        <v>0</v>
      </c>
      <c r="BG20" s="114">
        <v>0</v>
      </c>
      <c r="BH20" s="112">
        <v>0</v>
      </c>
      <c r="BI20" s="111">
        <v>0</v>
      </c>
      <c r="BJ20" s="114">
        <v>16280</v>
      </c>
      <c r="BK20" s="114">
        <v>31039</v>
      </c>
      <c r="BL20" s="114">
        <v>0</v>
      </c>
      <c r="BM20" s="114">
        <v>0</v>
      </c>
      <c r="BN20" s="114">
        <v>23279</v>
      </c>
      <c r="BO20" s="113">
        <v>70598</v>
      </c>
      <c r="BP20" s="116">
        <v>70598</v>
      </c>
      <c r="BQ20" s="110">
        <v>10912</v>
      </c>
      <c r="BR20" s="114">
        <v>0</v>
      </c>
      <c r="BS20" s="113">
        <v>10912</v>
      </c>
      <c r="BT20" s="110">
        <v>0</v>
      </c>
      <c r="BU20" s="114">
        <v>49920</v>
      </c>
      <c r="BV20" s="114">
        <v>92640</v>
      </c>
      <c r="BW20" s="114">
        <v>124576</v>
      </c>
      <c r="BX20" s="114">
        <v>61128</v>
      </c>
      <c r="BY20" s="114">
        <v>4576</v>
      </c>
      <c r="BZ20" s="113">
        <v>332840</v>
      </c>
      <c r="CA20" s="116">
        <v>343752</v>
      </c>
      <c r="CB20" s="110">
        <v>0</v>
      </c>
      <c r="CC20" s="114">
        <v>0</v>
      </c>
      <c r="CD20" s="113">
        <v>0</v>
      </c>
      <c r="CE20" s="110">
        <v>0</v>
      </c>
      <c r="CF20" s="114">
        <v>69044</v>
      </c>
      <c r="CG20" s="114">
        <v>303916</v>
      </c>
      <c r="CH20" s="114">
        <v>336729</v>
      </c>
      <c r="CI20" s="114">
        <v>0</v>
      </c>
      <c r="CJ20" s="114">
        <v>0</v>
      </c>
      <c r="CK20" s="113">
        <v>709689</v>
      </c>
      <c r="CL20" s="116">
        <v>709689</v>
      </c>
      <c r="CM20" s="110">
        <v>0</v>
      </c>
      <c r="CN20" s="114">
        <v>0</v>
      </c>
      <c r="CO20" s="113">
        <v>0</v>
      </c>
      <c r="CP20" s="111">
        <v>0</v>
      </c>
      <c r="CQ20" s="114">
        <v>33774</v>
      </c>
      <c r="CR20" s="114">
        <v>218541</v>
      </c>
      <c r="CS20" s="114">
        <v>182605</v>
      </c>
      <c r="CT20" s="114">
        <v>0</v>
      </c>
      <c r="CU20" s="114">
        <v>0</v>
      </c>
      <c r="CV20" s="113">
        <v>434920</v>
      </c>
      <c r="CW20" s="116">
        <v>434920</v>
      </c>
      <c r="CX20" s="110">
        <v>0</v>
      </c>
      <c r="CY20" s="114">
        <v>0</v>
      </c>
      <c r="CZ20" s="113">
        <v>0</v>
      </c>
      <c r="DA20" s="110">
        <v>0</v>
      </c>
      <c r="DB20" s="114">
        <v>35270</v>
      </c>
      <c r="DC20" s="114">
        <v>85375</v>
      </c>
      <c r="DD20" s="114">
        <v>154124</v>
      </c>
      <c r="DE20" s="114">
        <v>0</v>
      </c>
      <c r="DF20" s="114">
        <v>0</v>
      </c>
      <c r="DG20" s="113">
        <v>274769</v>
      </c>
      <c r="DH20" s="116">
        <v>274769</v>
      </c>
      <c r="DI20" s="110">
        <v>0</v>
      </c>
      <c r="DJ20" s="114">
        <v>0</v>
      </c>
      <c r="DK20" s="112">
        <v>0</v>
      </c>
      <c r="DL20" s="111">
        <v>0</v>
      </c>
      <c r="DM20" s="114">
        <v>0</v>
      </c>
      <c r="DN20" s="114">
        <v>34526</v>
      </c>
      <c r="DO20" s="114">
        <v>207978</v>
      </c>
      <c r="DP20" s="114">
        <v>128230</v>
      </c>
      <c r="DQ20" s="114">
        <v>28999</v>
      </c>
      <c r="DR20" s="113">
        <v>399733</v>
      </c>
      <c r="DS20" s="116">
        <v>399733</v>
      </c>
      <c r="DT20" s="110">
        <v>0</v>
      </c>
      <c r="DU20" s="114">
        <v>0</v>
      </c>
      <c r="DV20" s="113">
        <v>0</v>
      </c>
      <c r="DW20" s="110">
        <v>0</v>
      </c>
      <c r="DX20" s="114">
        <v>0</v>
      </c>
      <c r="DY20" s="114">
        <v>34526</v>
      </c>
      <c r="DZ20" s="114">
        <v>207978</v>
      </c>
      <c r="EA20" s="114">
        <v>128230</v>
      </c>
      <c r="EB20" s="114">
        <v>28999</v>
      </c>
      <c r="EC20" s="113">
        <v>399733</v>
      </c>
      <c r="ED20" s="116">
        <v>399733</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8">
        <v>0</v>
      </c>
      <c r="FE20" s="114">
        <v>0</v>
      </c>
      <c r="FF20" s="114">
        <v>0</v>
      </c>
      <c r="FG20" s="114">
        <v>0</v>
      </c>
      <c r="FH20" s="114">
        <v>0</v>
      </c>
      <c r="FI20" s="114">
        <v>0</v>
      </c>
      <c r="FJ20" s="113">
        <v>0</v>
      </c>
      <c r="FK20" s="116">
        <v>0</v>
      </c>
      <c r="FL20" s="110">
        <v>87200</v>
      </c>
      <c r="FM20" s="114">
        <v>38000</v>
      </c>
      <c r="FN20" s="113">
        <v>125200</v>
      </c>
      <c r="FO20" s="110">
        <v>0</v>
      </c>
      <c r="FP20" s="114">
        <v>124240</v>
      </c>
      <c r="FQ20" s="114">
        <v>147528</v>
      </c>
      <c r="FR20" s="114">
        <v>72944</v>
      </c>
      <c r="FS20" s="114">
        <v>141032</v>
      </c>
      <c r="FT20" s="114">
        <v>54000</v>
      </c>
      <c r="FU20" s="113">
        <v>539744</v>
      </c>
      <c r="FV20" s="116">
        <v>664944</v>
      </c>
      <c r="FW20" s="115">
        <v>8000</v>
      </c>
      <c r="FX20" s="114">
        <v>38000</v>
      </c>
      <c r="FY20" s="112">
        <v>46000</v>
      </c>
      <c r="FZ20" s="111">
        <v>0</v>
      </c>
      <c r="GA20" s="114">
        <v>22640</v>
      </c>
      <c r="GB20" s="114">
        <v>147528</v>
      </c>
      <c r="GC20" s="114">
        <v>72944</v>
      </c>
      <c r="GD20" s="114">
        <v>141032</v>
      </c>
      <c r="GE20" s="114">
        <v>54000</v>
      </c>
      <c r="GF20" s="113">
        <v>438144</v>
      </c>
      <c r="GG20" s="319">
        <v>484144</v>
      </c>
      <c r="GH20" s="115">
        <v>0</v>
      </c>
      <c r="GI20" s="114">
        <v>0</v>
      </c>
      <c r="GJ20" s="112">
        <v>0</v>
      </c>
      <c r="GK20" s="111">
        <v>0</v>
      </c>
      <c r="GL20" s="114">
        <v>0</v>
      </c>
      <c r="GM20" s="114">
        <v>0</v>
      </c>
      <c r="GN20" s="114">
        <v>0</v>
      </c>
      <c r="GO20" s="114">
        <v>0</v>
      </c>
      <c r="GP20" s="114">
        <v>0</v>
      </c>
      <c r="GQ20" s="113">
        <v>0</v>
      </c>
      <c r="GR20" s="116">
        <v>0</v>
      </c>
      <c r="GS20" s="110">
        <v>79200</v>
      </c>
      <c r="GT20" s="114">
        <v>0</v>
      </c>
      <c r="GU20" s="113">
        <v>79200</v>
      </c>
      <c r="GV20" s="110">
        <v>0</v>
      </c>
      <c r="GW20" s="114">
        <v>101600</v>
      </c>
      <c r="GX20" s="114">
        <v>0</v>
      </c>
      <c r="GY20" s="114">
        <v>0</v>
      </c>
      <c r="GZ20" s="114">
        <v>0</v>
      </c>
      <c r="HA20" s="114">
        <v>0</v>
      </c>
      <c r="HB20" s="112">
        <v>101600</v>
      </c>
      <c r="HC20" s="116">
        <v>180800</v>
      </c>
      <c r="HD20" s="110">
        <v>173846</v>
      </c>
      <c r="HE20" s="114">
        <v>192211</v>
      </c>
      <c r="HF20" s="112">
        <v>366057</v>
      </c>
      <c r="HG20" s="111">
        <v>0</v>
      </c>
      <c r="HH20" s="114">
        <v>769736</v>
      </c>
      <c r="HI20" s="114">
        <v>1196753</v>
      </c>
      <c r="HJ20" s="114">
        <v>989361</v>
      </c>
      <c r="HK20" s="114">
        <v>221716</v>
      </c>
      <c r="HL20" s="114">
        <v>230228</v>
      </c>
      <c r="HM20" s="113">
        <v>3407794</v>
      </c>
      <c r="HN20" s="109">
        <v>3773851</v>
      </c>
      <c r="HO20" s="329"/>
      <c r="HP20" s="330"/>
      <c r="HQ20" s="331"/>
      <c r="HR20" s="332"/>
      <c r="HS20" s="330"/>
      <c r="HT20" s="330"/>
      <c r="HU20" s="330"/>
      <c r="HV20" s="330"/>
      <c r="HW20" s="330"/>
      <c r="HX20" s="333"/>
      <c r="HY20" s="334"/>
      <c r="HZ20" s="150">
        <v>0</v>
      </c>
      <c r="IA20" s="135">
        <v>0</v>
      </c>
      <c r="IB20" s="150">
        <v>0</v>
      </c>
      <c r="IC20" s="134">
        <v>0</v>
      </c>
      <c r="ID20" s="135">
        <v>636020</v>
      </c>
      <c r="IE20" s="136">
        <v>1069498</v>
      </c>
      <c r="IF20" s="137">
        <v>120732</v>
      </c>
      <c r="IG20" s="135">
        <v>838965</v>
      </c>
      <c r="IH20" s="137">
        <v>138109</v>
      </c>
      <c r="II20" s="138">
        <v>2803324</v>
      </c>
      <c r="IJ20" s="150">
        <v>2803324</v>
      </c>
      <c r="IK20" s="232">
        <v>0</v>
      </c>
      <c r="IL20" s="236">
        <v>0</v>
      </c>
      <c r="IM20" s="237">
        <v>0</v>
      </c>
      <c r="IN20" s="140"/>
      <c r="IO20" s="119">
        <v>0</v>
      </c>
      <c r="IP20" s="119">
        <v>0</v>
      </c>
      <c r="IQ20" s="119">
        <v>0</v>
      </c>
      <c r="IR20" s="119">
        <v>0</v>
      </c>
      <c r="IS20" s="119">
        <v>0</v>
      </c>
      <c r="IT20" s="141">
        <v>0</v>
      </c>
      <c r="IU20" s="321">
        <v>0</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73560</v>
      </c>
      <c r="JL20" s="119">
        <v>350223</v>
      </c>
      <c r="JM20" s="119">
        <v>120732</v>
      </c>
      <c r="JN20" s="119">
        <v>88888</v>
      </c>
      <c r="JO20" s="119">
        <v>138109</v>
      </c>
      <c r="JP20" s="120">
        <v>871512</v>
      </c>
      <c r="JQ20" s="321">
        <v>871512</v>
      </c>
      <c r="JR20" s="142">
        <v>0</v>
      </c>
      <c r="JS20" s="119">
        <v>0</v>
      </c>
      <c r="JT20" s="141">
        <v>0</v>
      </c>
      <c r="JU20" s="118">
        <v>0</v>
      </c>
      <c r="JV20" s="119">
        <v>0</v>
      </c>
      <c r="JW20" s="119">
        <v>70780</v>
      </c>
      <c r="JX20" s="119">
        <v>0</v>
      </c>
      <c r="JY20" s="119">
        <v>0</v>
      </c>
      <c r="JZ20" s="119">
        <v>0</v>
      </c>
      <c r="KA20" s="120">
        <v>70780</v>
      </c>
      <c r="KB20" s="321">
        <v>70780</v>
      </c>
      <c r="KC20" s="234">
        <v>0</v>
      </c>
      <c r="KD20" s="230">
        <v>0</v>
      </c>
      <c r="KE20" s="120">
        <v>0</v>
      </c>
      <c r="KF20" s="118">
        <v>0</v>
      </c>
      <c r="KG20" s="119">
        <v>0</v>
      </c>
      <c r="KH20" s="119">
        <v>175543</v>
      </c>
      <c r="KI20" s="119">
        <v>0</v>
      </c>
      <c r="KJ20" s="119">
        <v>499301</v>
      </c>
      <c r="KK20" s="119">
        <v>0</v>
      </c>
      <c r="KL20" s="120">
        <v>674844</v>
      </c>
      <c r="KM20" s="143">
        <v>674844</v>
      </c>
      <c r="KN20" s="232">
        <v>0</v>
      </c>
      <c r="KO20" s="236">
        <v>0</v>
      </c>
      <c r="KP20" s="237">
        <v>0</v>
      </c>
      <c r="KQ20" s="140"/>
      <c r="KR20" s="119">
        <v>462460</v>
      </c>
      <c r="KS20" s="119">
        <v>472952</v>
      </c>
      <c r="KT20" s="119">
        <v>0</v>
      </c>
      <c r="KU20" s="119">
        <v>250776</v>
      </c>
      <c r="KV20" s="119">
        <v>0</v>
      </c>
      <c r="KW20" s="120">
        <v>1186188</v>
      </c>
      <c r="KX20" s="321">
        <v>1186188</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0</v>
      </c>
      <c r="LR20" s="119">
        <v>0</v>
      </c>
      <c r="LS20" s="120">
        <v>0</v>
      </c>
      <c r="LT20" s="321">
        <v>0</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477364</v>
      </c>
      <c r="MK20" s="119">
        <v>504349</v>
      </c>
      <c r="ML20" s="119">
        <v>1344502</v>
      </c>
      <c r="MM20" s="119">
        <v>1646203</v>
      </c>
      <c r="MN20" s="119">
        <v>634972</v>
      </c>
      <c r="MO20" s="120">
        <v>4607390</v>
      </c>
      <c r="MP20" s="143">
        <v>4607390</v>
      </c>
      <c r="MQ20" s="142">
        <v>0</v>
      </c>
      <c r="MR20" s="119">
        <v>0</v>
      </c>
      <c r="MS20" s="120">
        <v>0</v>
      </c>
      <c r="MT20" s="145"/>
      <c r="MU20" s="119">
        <v>0</v>
      </c>
      <c r="MV20" s="119">
        <v>0</v>
      </c>
      <c r="MW20" s="119">
        <v>728460</v>
      </c>
      <c r="MX20" s="119">
        <v>734352</v>
      </c>
      <c r="MY20" s="119">
        <v>0</v>
      </c>
      <c r="MZ20" s="120">
        <v>1462812</v>
      </c>
      <c r="NA20" s="143">
        <v>1462812</v>
      </c>
      <c r="NB20" s="142">
        <v>0</v>
      </c>
      <c r="NC20" s="119">
        <v>0</v>
      </c>
      <c r="ND20" s="120">
        <v>0</v>
      </c>
      <c r="NE20" s="145"/>
      <c r="NF20" s="119">
        <v>477364</v>
      </c>
      <c r="NG20" s="119">
        <v>504349</v>
      </c>
      <c r="NH20" s="119">
        <v>616042</v>
      </c>
      <c r="NI20" s="119">
        <v>911851</v>
      </c>
      <c r="NJ20" s="119">
        <v>634972</v>
      </c>
      <c r="NK20" s="120">
        <v>3144578</v>
      </c>
      <c r="NL20" s="321">
        <v>3144578</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271958</v>
      </c>
      <c r="OJ20" s="119">
        <v>254435</v>
      </c>
      <c r="OK20" s="141">
        <v>526393</v>
      </c>
      <c r="OL20" s="118">
        <v>0</v>
      </c>
      <c r="OM20" s="119">
        <v>2366115</v>
      </c>
      <c r="ON20" s="119">
        <v>3841712</v>
      </c>
      <c r="OO20" s="119">
        <v>4109346</v>
      </c>
      <c r="OP20" s="119">
        <v>3521521</v>
      </c>
      <c r="OQ20" s="119">
        <v>1401924</v>
      </c>
      <c r="OR20" s="120">
        <v>15240618</v>
      </c>
      <c r="OS20" s="143">
        <v>15767011</v>
      </c>
    </row>
    <row r="21" spans="2:409" ht="20.25" customHeight="1" x14ac:dyDescent="0.2">
      <c r="B21" s="126" t="s">
        <v>16</v>
      </c>
      <c r="C21" s="110">
        <v>363251</v>
      </c>
      <c r="D21" s="114">
        <v>480249</v>
      </c>
      <c r="E21" s="113">
        <v>843500</v>
      </c>
      <c r="F21" s="109">
        <v>0</v>
      </c>
      <c r="G21" s="114">
        <v>3698652</v>
      </c>
      <c r="H21" s="114">
        <v>6238004</v>
      </c>
      <c r="I21" s="114">
        <v>6077250</v>
      </c>
      <c r="J21" s="114">
        <v>4504643</v>
      </c>
      <c r="K21" s="114">
        <v>1970954</v>
      </c>
      <c r="L21" s="109">
        <v>22489503</v>
      </c>
      <c r="M21" s="116">
        <v>23333003</v>
      </c>
      <c r="N21" s="110">
        <v>61143</v>
      </c>
      <c r="O21" s="114">
        <v>73934</v>
      </c>
      <c r="P21" s="113">
        <v>135077</v>
      </c>
      <c r="Q21" s="110">
        <v>0</v>
      </c>
      <c r="R21" s="114">
        <v>654616</v>
      </c>
      <c r="S21" s="114">
        <v>1165173</v>
      </c>
      <c r="T21" s="114">
        <v>1400184</v>
      </c>
      <c r="U21" s="114">
        <v>744239</v>
      </c>
      <c r="V21" s="114">
        <v>598098</v>
      </c>
      <c r="W21" s="113">
        <v>4562310</v>
      </c>
      <c r="X21" s="116">
        <v>4697387</v>
      </c>
      <c r="Y21" s="110">
        <v>0</v>
      </c>
      <c r="Z21" s="114">
        <v>0</v>
      </c>
      <c r="AA21" s="113">
        <v>0</v>
      </c>
      <c r="AB21" s="110">
        <v>0</v>
      </c>
      <c r="AC21" s="114">
        <v>135660</v>
      </c>
      <c r="AD21" s="114">
        <v>221272</v>
      </c>
      <c r="AE21" s="114">
        <v>538073</v>
      </c>
      <c r="AF21" s="114">
        <v>201545</v>
      </c>
      <c r="AG21" s="114">
        <v>189450</v>
      </c>
      <c r="AH21" s="113">
        <v>1286000</v>
      </c>
      <c r="AI21" s="116">
        <v>1286000</v>
      </c>
      <c r="AJ21" s="110">
        <v>0</v>
      </c>
      <c r="AK21" s="114">
        <v>0</v>
      </c>
      <c r="AL21" s="113">
        <v>0</v>
      </c>
      <c r="AM21" s="110">
        <v>0</v>
      </c>
      <c r="AN21" s="114">
        <v>0</v>
      </c>
      <c r="AO21" s="114">
        <v>93186</v>
      </c>
      <c r="AP21" s="114">
        <v>0</v>
      </c>
      <c r="AQ21" s="114">
        <v>0</v>
      </c>
      <c r="AR21" s="114">
        <v>78891</v>
      </c>
      <c r="AS21" s="113">
        <v>172077</v>
      </c>
      <c r="AT21" s="116">
        <v>172077</v>
      </c>
      <c r="AU21" s="110">
        <v>43063</v>
      </c>
      <c r="AV21" s="114">
        <v>61950</v>
      </c>
      <c r="AW21" s="113">
        <v>105013</v>
      </c>
      <c r="AX21" s="110">
        <v>0</v>
      </c>
      <c r="AY21" s="114">
        <v>319732</v>
      </c>
      <c r="AZ21" s="114">
        <v>704628</v>
      </c>
      <c r="BA21" s="114">
        <v>521047</v>
      </c>
      <c r="BB21" s="114">
        <v>287878</v>
      </c>
      <c r="BC21" s="114">
        <v>266909</v>
      </c>
      <c r="BD21" s="113">
        <v>2100194</v>
      </c>
      <c r="BE21" s="116">
        <v>2205207</v>
      </c>
      <c r="BF21" s="110">
        <v>0</v>
      </c>
      <c r="BG21" s="114">
        <v>0</v>
      </c>
      <c r="BH21" s="112">
        <v>0</v>
      </c>
      <c r="BI21" s="111">
        <v>0</v>
      </c>
      <c r="BJ21" s="114">
        <v>0</v>
      </c>
      <c r="BK21" s="114">
        <v>15519</v>
      </c>
      <c r="BL21" s="114">
        <v>63200</v>
      </c>
      <c r="BM21" s="114">
        <v>0</v>
      </c>
      <c r="BN21" s="114">
        <v>0</v>
      </c>
      <c r="BO21" s="113">
        <v>78719</v>
      </c>
      <c r="BP21" s="116">
        <v>78719</v>
      </c>
      <c r="BQ21" s="110">
        <v>18080</v>
      </c>
      <c r="BR21" s="114">
        <v>11984</v>
      </c>
      <c r="BS21" s="113">
        <v>30064</v>
      </c>
      <c r="BT21" s="110">
        <v>0</v>
      </c>
      <c r="BU21" s="114">
        <v>199224</v>
      </c>
      <c r="BV21" s="114">
        <v>130568</v>
      </c>
      <c r="BW21" s="114">
        <v>277864</v>
      </c>
      <c r="BX21" s="114">
        <v>254816</v>
      </c>
      <c r="BY21" s="114">
        <v>62848</v>
      </c>
      <c r="BZ21" s="113">
        <v>925320</v>
      </c>
      <c r="CA21" s="116">
        <v>955384</v>
      </c>
      <c r="CB21" s="110">
        <v>60580</v>
      </c>
      <c r="CC21" s="114">
        <v>107926</v>
      </c>
      <c r="CD21" s="113">
        <v>168506</v>
      </c>
      <c r="CE21" s="110">
        <v>0</v>
      </c>
      <c r="CF21" s="114">
        <v>1581276</v>
      </c>
      <c r="CG21" s="114">
        <v>3009845</v>
      </c>
      <c r="CH21" s="114">
        <v>1360782</v>
      </c>
      <c r="CI21" s="114">
        <v>1197742</v>
      </c>
      <c r="CJ21" s="114">
        <v>0</v>
      </c>
      <c r="CK21" s="113">
        <v>7149645</v>
      </c>
      <c r="CL21" s="116">
        <v>7318151</v>
      </c>
      <c r="CM21" s="110">
        <v>0</v>
      </c>
      <c r="CN21" s="114">
        <v>0</v>
      </c>
      <c r="CO21" s="113">
        <v>0</v>
      </c>
      <c r="CP21" s="111">
        <v>0</v>
      </c>
      <c r="CQ21" s="114">
        <v>819551</v>
      </c>
      <c r="CR21" s="114">
        <v>1098405</v>
      </c>
      <c r="CS21" s="114">
        <v>935016</v>
      </c>
      <c r="CT21" s="114">
        <v>814554</v>
      </c>
      <c r="CU21" s="114">
        <v>0</v>
      </c>
      <c r="CV21" s="113">
        <v>3667526</v>
      </c>
      <c r="CW21" s="116">
        <v>3667526</v>
      </c>
      <c r="CX21" s="110">
        <v>60580</v>
      </c>
      <c r="CY21" s="114">
        <v>107926</v>
      </c>
      <c r="CZ21" s="113">
        <v>168506</v>
      </c>
      <c r="DA21" s="110">
        <v>0</v>
      </c>
      <c r="DB21" s="114">
        <v>761725</v>
      </c>
      <c r="DC21" s="114">
        <v>1911440</v>
      </c>
      <c r="DD21" s="114">
        <v>425766</v>
      </c>
      <c r="DE21" s="114">
        <v>383188</v>
      </c>
      <c r="DF21" s="114">
        <v>0</v>
      </c>
      <c r="DG21" s="113">
        <v>3482119</v>
      </c>
      <c r="DH21" s="116">
        <v>3650625</v>
      </c>
      <c r="DI21" s="110">
        <v>0</v>
      </c>
      <c r="DJ21" s="114">
        <v>0</v>
      </c>
      <c r="DK21" s="112">
        <v>0</v>
      </c>
      <c r="DL21" s="111">
        <v>0</v>
      </c>
      <c r="DM21" s="114">
        <v>59020</v>
      </c>
      <c r="DN21" s="114">
        <v>317423</v>
      </c>
      <c r="DO21" s="114">
        <v>520701</v>
      </c>
      <c r="DP21" s="114">
        <v>134896</v>
      </c>
      <c r="DQ21" s="114">
        <v>29436</v>
      </c>
      <c r="DR21" s="113">
        <v>1061476</v>
      </c>
      <c r="DS21" s="116">
        <v>1061476</v>
      </c>
      <c r="DT21" s="110">
        <v>0</v>
      </c>
      <c r="DU21" s="114">
        <v>0</v>
      </c>
      <c r="DV21" s="113">
        <v>0</v>
      </c>
      <c r="DW21" s="110">
        <v>0</v>
      </c>
      <c r="DX21" s="114">
        <v>59020</v>
      </c>
      <c r="DY21" s="114">
        <v>229357</v>
      </c>
      <c r="DZ21" s="114">
        <v>499677</v>
      </c>
      <c r="EA21" s="114">
        <v>90202</v>
      </c>
      <c r="EB21" s="114">
        <v>29436</v>
      </c>
      <c r="EC21" s="113">
        <v>907692</v>
      </c>
      <c r="ED21" s="116">
        <v>907692</v>
      </c>
      <c r="EE21" s="110">
        <v>0</v>
      </c>
      <c r="EF21" s="112">
        <v>0</v>
      </c>
      <c r="EG21" s="113">
        <v>0</v>
      </c>
      <c r="EH21" s="110">
        <v>0</v>
      </c>
      <c r="EI21" s="114">
        <v>0</v>
      </c>
      <c r="EJ21" s="114">
        <v>88066</v>
      </c>
      <c r="EK21" s="114">
        <v>21024</v>
      </c>
      <c r="EL21" s="114">
        <v>44694</v>
      </c>
      <c r="EM21" s="114">
        <v>0</v>
      </c>
      <c r="EN21" s="112">
        <v>153784</v>
      </c>
      <c r="EO21" s="116">
        <v>153784</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8">
        <v>0</v>
      </c>
      <c r="FE21" s="114">
        <v>0</v>
      </c>
      <c r="FF21" s="114">
        <v>0</v>
      </c>
      <c r="FG21" s="114">
        <v>0</v>
      </c>
      <c r="FH21" s="114">
        <v>0</v>
      </c>
      <c r="FI21" s="114">
        <v>0</v>
      </c>
      <c r="FJ21" s="113">
        <v>0</v>
      </c>
      <c r="FK21" s="116">
        <v>0</v>
      </c>
      <c r="FL21" s="110">
        <v>134440</v>
      </c>
      <c r="FM21" s="114">
        <v>72688</v>
      </c>
      <c r="FN21" s="113">
        <v>207128</v>
      </c>
      <c r="FO21" s="110">
        <v>0</v>
      </c>
      <c r="FP21" s="114">
        <v>132944</v>
      </c>
      <c r="FQ21" s="114">
        <v>754816</v>
      </c>
      <c r="FR21" s="114">
        <v>472088</v>
      </c>
      <c r="FS21" s="114">
        <v>269200</v>
      </c>
      <c r="FT21" s="114">
        <v>104064</v>
      </c>
      <c r="FU21" s="113">
        <v>1733112</v>
      </c>
      <c r="FV21" s="116">
        <v>1940240</v>
      </c>
      <c r="FW21" s="115">
        <v>71240</v>
      </c>
      <c r="FX21" s="114">
        <v>37840</v>
      </c>
      <c r="FY21" s="112">
        <v>109080</v>
      </c>
      <c r="FZ21" s="111">
        <v>0</v>
      </c>
      <c r="GA21" s="114">
        <v>132944</v>
      </c>
      <c r="GB21" s="114">
        <v>584336</v>
      </c>
      <c r="GC21" s="114">
        <v>392648</v>
      </c>
      <c r="GD21" s="114">
        <v>245440</v>
      </c>
      <c r="GE21" s="114">
        <v>67104</v>
      </c>
      <c r="GF21" s="113">
        <v>1422472</v>
      </c>
      <c r="GG21" s="319">
        <v>1531552</v>
      </c>
      <c r="GH21" s="115">
        <v>0</v>
      </c>
      <c r="GI21" s="114">
        <v>34848</v>
      </c>
      <c r="GJ21" s="112">
        <v>34848</v>
      </c>
      <c r="GK21" s="111">
        <v>0</v>
      </c>
      <c r="GL21" s="114">
        <v>0</v>
      </c>
      <c r="GM21" s="114">
        <v>0</v>
      </c>
      <c r="GN21" s="114">
        <v>20240</v>
      </c>
      <c r="GO21" s="114">
        <v>23760</v>
      </c>
      <c r="GP21" s="114">
        <v>36960</v>
      </c>
      <c r="GQ21" s="113">
        <v>80960</v>
      </c>
      <c r="GR21" s="116">
        <v>115808</v>
      </c>
      <c r="GS21" s="110">
        <v>63200</v>
      </c>
      <c r="GT21" s="114">
        <v>0</v>
      </c>
      <c r="GU21" s="113">
        <v>63200</v>
      </c>
      <c r="GV21" s="110">
        <v>0</v>
      </c>
      <c r="GW21" s="114">
        <v>0</v>
      </c>
      <c r="GX21" s="114">
        <v>170480</v>
      </c>
      <c r="GY21" s="114">
        <v>59200</v>
      </c>
      <c r="GZ21" s="114">
        <v>0</v>
      </c>
      <c r="HA21" s="114">
        <v>0</v>
      </c>
      <c r="HB21" s="112">
        <v>229680</v>
      </c>
      <c r="HC21" s="116">
        <v>292880</v>
      </c>
      <c r="HD21" s="110">
        <v>107088</v>
      </c>
      <c r="HE21" s="114">
        <v>225701</v>
      </c>
      <c r="HF21" s="112">
        <v>332789</v>
      </c>
      <c r="HG21" s="111">
        <v>0</v>
      </c>
      <c r="HH21" s="114">
        <v>1270796</v>
      </c>
      <c r="HI21" s="114">
        <v>990747</v>
      </c>
      <c r="HJ21" s="114">
        <v>2323495</v>
      </c>
      <c r="HK21" s="114">
        <v>2158566</v>
      </c>
      <c r="HL21" s="114">
        <v>1239356</v>
      </c>
      <c r="HM21" s="113">
        <v>7982960</v>
      </c>
      <c r="HN21" s="109">
        <v>8315749</v>
      </c>
      <c r="HO21" s="329"/>
      <c r="HP21" s="330"/>
      <c r="HQ21" s="331"/>
      <c r="HR21" s="332"/>
      <c r="HS21" s="330"/>
      <c r="HT21" s="330"/>
      <c r="HU21" s="330"/>
      <c r="HV21" s="330"/>
      <c r="HW21" s="330"/>
      <c r="HX21" s="333"/>
      <c r="HY21" s="334"/>
      <c r="HZ21" s="131">
        <v>0</v>
      </c>
      <c r="IA21" s="132">
        <v>0</v>
      </c>
      <c r="IB21" s="133">
        <v>0</v>
      </c>
      <c r="IC21" s="146">
        <v>0</v>
      </c>
      <c r="ID21" s="132">
        <v>802343</v>
      </c>
      <c r="IE21" s="147">
        <v>1679635</v>
      </c>
      <c r="IF21" s="133">
        <v>2026588</v>
      </c>
      <c r="IG21" s="132">
        <v>717013</v>
      </c>
      <c r="IH21" s="133">
        <v>516752</v>
      </c>
      <c r="II21" s="148">
        <v>5742331</v>
      </c>
      <c r="IJ21" s="139">
        <v>5742331</v>
      </c>
      <c r="IK21" s="232">
        <v>0</v>
      </c>
      <c r="IL21" s="236">
        <v>0</v>
      </c>
      <c r="IM21" s="237">
        <v>0</v>
      </c>
      <c r="IN21" s="140"/>
      <c r="IO21" s="119">
        <v>0</v>
      </c>
      <c r="IP21" s="119">
        <v>0</v>
      </c>
      <c r="IQ21" s="119">
        <v>318924</v>
      </c>
      <c r="IR21" s="119">
        <v>194880</v>
      </c>
      <c r="IS21" s="119">
        <v>0</v>
      </c>
      <c r="IT21" s="141">
        <v>513804</v>
      </c>
      <c r="IU21" s="321">
        <v>513804</v>
      </c>
      <c r="IV21" s="142">
        <v>0</v>
      </c>
      <c r="IW21" s="119">
        <v>0</v>
      </c>
      <c r="IX21" s="120">
        <v>0</v>
      </c>
      <c r="IY21" s="144"/>
      <c r="IZ21" s="119">
        <v>0</v>
      </c>
      <c r="JA21" s="119">
        <v>0</v>
      </c>
      <c r="JB21" s="119">
        <v>0</v>
      </c>
      <c r="JC21" s="119">
        <v>0</v>
      </c>
      <c r="JD21" s="119">
        <v>0</v>
      </c>
      <c r="JE21" s="120">
        <v>0</v>
      </c>
      <c r="JF21" s="121">
        <v>0</v>
      </c>
      <c r="JG21" s="142">
        <v>0</v>
      </c>
      <c r="JH21" s="119">
        <v>0</v>
      </c>
      <c r="JI21" s="141">
        <v>0</v>
      </c>
      <c r="JJ21" s="118">
        <v>0</v>
      </c>
      <c r="JK21" s="119">
        <v>389142</v>
      </c>
      <c r="JL21" s="119">
        <v>616615</v>
      </c>
      <c r="JM21" s="119">
        <v>156070</v>
      </c>
      <c r="JN21" s="119">
        <v>265573</v>
      </c>
      <c r="JO21" s="119">
        <v>0</v>
      </c>
      <c r="JP21" s="120">
        <v>1427400</v>
      </c>
      <c r="JQ21" s="321">
        <v>1427400</v>
      </c>
      <c r="JR21" s="142">
        <v>0</v>
      </c>
      <c r="JS21" s="119">
        <v>0</v>
      </c>
      <c r="JT21" s="141">
        <v>0</v>
      </c>
      <c r="JU21" s="118">
        <v>0</v>
      </c>
      <c r="JV21" s="119">
        <v>184369</v>
      </c>
      <c r="JW21" s="119">
        <v>0</v>
      </c>
      <c r="JX21" s="119">
        <v>91796</v>
      </c>
      <c r="JY21" s="119">
        <v>0</v>
      </c>
      <c r="JZ21" s="119">
        <v>0</v>
      </c>
      <c r="KA21" s="120">
        <v>276165</v>
      </c>
      <c r="KB21" s="321">
        <v>276165</v>
      </c>
      <c r="KC21" s="234">
        <v>0</v>
      </c>
      <c r="KD21" s="230">
        <v>0</v>
      </c>
      <c r="KE21" s="120">
        <v>0</v>
      </c>
      <c r="KF21" s="118">
        <v>0</v>
      </c>
      <c r="KG21" s="119">
        <v>0</v>
      </c>
      <c r="KH21" s="119">
        <v>0</v>
      </c>
      <c r="KI21" s="119">
        <v>483666</v>
      </c>
      <c r="KJ21" s="119">
        <v>0</v>
      </c>
      <c r="KK21" s="119">
        <v>0</v>
      </c>
      <c r="KL21" s="120">
        <v>483666</v>
      </c>
      <c r="KM21" s="143">
        <v>483666</v>
      </c>
      <c r="KN21" s="232">
        <v>0</v>
      </c>
      <c r="KO21" s="236">
        <v>0</v>
      </c>
      <c r="KP21" s="237">
        <v>0</v>
      </c>
      <c r="KQ21" s="140"/>
      <c r="KR21" s="119">
        <v>228832</v>
      </c>
      <c r="KS21" s="119">
        <v>725504</v>
      </c>
      <c r="KT21" s="119">
        <v>739741</v>
      </c>
      <c r="KU21" s="119">
        <v>256560</v>
      </c>
      <c r="KV21" s="119">
        <v>516752</v>
      </c>
      <c r="KW21" s="120">
        <v>2467389</v>
      </c>
      <c r="KX21" s="321">
        <v>2467389</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1">
        <v>0</v>
      </c>
      <c r="LU21" s="142">
        <v>0</v>
      </c>
      <c r="LV21" s="119">
        <v>0</v>
      </c>
      <c r="LW21" s="120">
        <v>0</v>
      </c>
      <c r="LX21" s="145"/>
      <c r="LY21" s="119">
        <v>0</v>
      </c>
      <c r="LZ21" s="119">
        <v>337516</v>
      </c>
      <c r="MA21" s="119">
        <v>236391</v>
      </c>
      <c r="MB21" s="119">
        <v>0</v>
      </c>
      <c r="MC21" s="119">
        <v>0</v>
      </c>
      <c r="MD21" s="120">
        <v>573907</v>
      </c>
      <c r="ME21" s="121">
        <v>573907</v>
      </c>
      <c r="MF21" s="142">
        <v>0</v>
      </c>
      <c r="MG21" s="119">
        <v>0</v>
      </c>
      <c r="MH21" s="120">
        <v>0</v>
      </c>
      <c r="MI21" s="145"/>
      <c r="MJ21" s="119">
        <v>275383</v>
      </c>
      <c r="MK21" s="119">
        <v>961983</v>
      </c>
      <c r="ML21" s="119">
        <v>1563003</v>
      </c>
      <c r="MM21" s="119">
        <v>3746375</v>
      </c>
      <c r="MN21" s="119">
        <v>2742282</v>
      </c>
      <c r="MO21" s="120">
        <v>9289026</v>
      </c>
      <c r="MP21" s="143">
        <v>9289026</v>
      </c>
      <c r="MQ21" s="142">
        <v>0</v>
      </c>
      <c r="MR21" s="119">
        <v>0</v>
      </c>
      <c r="MS21" s="120">
        <v>0</v>
      </c>
      <c r="MT21" s="145"/>
      <c r="MU21" s="119">
        <v>0</v>
      </c>
      <c r="MV21" s="119">
        <v>208998</v>
      </c>
      <c r="MW21" s="119">
        <v>536294</v>
      </c>
      <c r="MX21" s="119">
        <v>2389284</v>
      </c>
      <c r="MY21" s="119">
        <v>1756191</v>
      </c>
      <c r="MZ21" s="120">
        <v>4890767</v>
      </c>
      <c r="NA21" s="143">
        <v>4890767</v>
      </c>
      <c r="NB21" s="142">
        <v>0</v>
      </c>
      <c r="NC21" s="119">
        <v>0</v>
      </c>
      <c r="ND21" s="120">
        <v>0</v>
      </c>
      <c r="NE21" s="145"/>
      <c r="NF21" s="119">
        <v>275383</v>
      </c>
      <c r="NG21" s="119">
        <v>752985</v>
      </c>
      <c r="NH21" s="119">
        <v>1026709</v>
      </c>
      <c r="NI21" s="119">
        <v>1357091</v>
      </c>
      <c r="NJ21" s="119">
        <v>617924</v>
      </c>
      <c r="NK21" s="120">
        <v>4030092</v>
      </c>
      <c r="NL21" s="321">
        <v>4030092</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368167</v>
      </c>
      <c r="OG21" s="120">
        <v>368167</v>
      </c>
      <c r="OH21" s="121">
        <v>368167</v>
      </c>
      <c r="OI21" s="142">
        <v>363251</v>
      </c>
      <c r="OJ21" s="119">
        <v>480249</v>
      </c>
      <c r="OK21" s="141">
        <v>843500</v>
      </c>
      <c r="OL21" s="118">
        <v>0</v>
      </c>
      <c r="OM21" s="119">
        <v>4776378</v>
      </c>
      <c r="ON21" s="119">
        <v>8879622</v>
      </c>
      <c r="OO21" s="119">
        <v>9666841</v>
      </c>
      <c r="OP21" s="119">
        <v>8968031</v>
      </c>
      <c r="OQ21" s="119">
        <v>5229988</v>
      </c>
      <c r="OR21" s="120">
        <v>37520860</v>
      </c>
      <c r="OS21" s="143">
        <v>38364360</v>
      </c>
    </row>
    <row r="22" spans="2:409" ht="20.25" customHeight="1" x14ac:dyDescent="0.2">
      <c r="B22" s="126" t="s">
        <v>17</v>
      </c>
      <c r="C22" s="110">
        <v>332072</v>
      </c>
      <c r="D22" s="114">
        <v>549815</v>
      </c>
      <c r="E22" s="113">
        <v>881887</v>
      </c>
      <c r="F22" s="109">
        <v>0</v>
      </c>
      <c r="G22" s="114">
        <v>3904705</v>
      </c>
      <c r="H22" s="114">
        <v>6372987</v>
      </c>
      <c r="I22" s="114">
        <v>5548722</v>
      </c>
      <c r="J22" s="114">
        <v>4910739</v>
      </c>
      <c r="K22" s="114">
        <v>5484521</v>
      </c>
      <c r="L22" s="109">
        <v>26221674</v>
      </c>
      <c r="M22" s="116">
        <v>27103561</v>
      </c>
      <c r="N22" s="110">
        <v>98046</v>
      </c>
      <c r="O22" s="114">
        <v>149372</v>
      </c>
      <c r="P22" s="113">
        <v>247418</v>
      </c>
      <c r="Q22" s="110">
        <v>0</v>
      </c>
      <c r="R22" s="114">
        <v>552844</v>
      </c>
      <c r="S22" s="114">
        <v>1617022</v>
      </c>
      <c r="T22" s="114">
        <v>1636211</v>
      </c>
      <c r="U22" s="114">
        <v>1767017</v>
      </c>
      <c r="V22" s="114">
        <v>3729288</v>
      </c>
      <c r="W22" s="113">
        <v>9302382</v>
      </c>
      <c r="X22" s="116">
        <v>9549800</v>
      </c>
      <c r="Y22" s="110">
        <v>0</v>
      </c>
      <c r="Z22" s="114">
        <v>0</v>
      </c>
      <c r="AA22" s="113">
        <v>0</v>
      </c>
      <c r="AB22" s="110">
        <v>0</v>
      </c>
      <c r="AC22" s="114">
        <v>158216</v>
      </c>
      <c r="AD22" s="114">
        <v>880263</v>
      </c>
      <c r="AE22" s="114">
        <v>948507</v>
      </c>
      <c r="AF22" s="114">
        <v>1001494</v>
      </c>
      <c r="AG22" s="114">
        <v>2694291</v>
      </c>
      <c r="AH22" s="113">
        <v>5682771</v>
      </c>
      <c r="AI22" s="116">
        <v>5682771</v>
      </c>
      <c r="AJ22" s="110">
        <v>0</v>
      </c>
      <c r="AK22" s="114">
        <v>0</v>
      </c>
      <c r="AL22" s="113">
        <v>0</v>
      </c>
      <c r="AM22" s="110">
        <v>0</v>
      </c>
      <c r="AN22" s="114">
        <v>0</v>
      </c>
      <c r="AO22" s="114">
        <v>0</v>
      </c>
      <c r="AP22" s="114">
        <v>0</v>
      </c>
      <c r="AQ22" s="114">
        <v>116290</v>
      </c>
      <c r="AR22" s="114">
        <v>422148</v>
      </c>
      <c r="AS22" s="113">
        <v>538438</v>
      </c>
      <c r="AT22" s="116">
        <v>538438</v>
      </c>
      <c r="AU22" s="110">
        <v>13736</v>
      </c>
      <c r="AV22" s="114">
        <v>127268</v>
      </c>
      <c r="AW22" s="113">
        <v>141004</v>
      </c>
      <c r="AX22" s="110">
        <v>0</v>
      </c>
      <c r="AY22" s="114">
        <v>265594</v>
      </c>
      <c r="AZ22" s="114">
        <v>412179</v>
      </c>
      <c r="BA22" s="114">
        <v>493008</v>
      </c>
      <c r="BB22" s="114">
        <v>340345</v>
      </c>
      <c r="BC22" s="114">
        <v>371709</v>
      </c>
      <c r="BD22" s="113">
        <v>1882835</v>
      </c>
      <c r="BE22" s="116">
        <v>2023839</v>
      </c>
      <c r="BF22" s="110">
        <v>43782</v>
      </c>
      <c r="BG22" s="114">
        <v>0</v>
      </c>
      <c r="BH22" s="112">
        <v>43782</v>
      </c>
      <c r="BI22" s="111">
        <v>0</v>
      </c>
      <c r="BJ22" s="114">
        <v>5338</v>
      </c>
      <c r="BK22" s="114">
        <v>64068</v>
      </c>
      <c r="BL22" s="114">
        <v>0</v>
      </c>
      <c r="BM22" s="114">
        <v>27400</v>
      </c>
      <c r="BN22" s="114">
        <v>74708</v>
      </c>
      <c r="BO22" s="113">
        <v>171514</v>
      </c>
      <c r="BP22" s="116">
        <v>215296</v>
      </c>
      <c r="BQ22" s="110">
        <v>40528</v>
      </c>
      <c r="BR22" s="114">
        <v>22104</v>
      </c>
      <c r="BS22" s="113">
        <v>62632</v>
      </c>
      <c r="BT22" s="110">
        <v>0</v>
      </c>
      <c r="BU22" s="114">
        <v>123696</v>
      </c>
      <c r="BV22" s="114">
        <v>260512</v>
      </c>
      <c r="BW22" s="114">
        <v>194696</v>
      </c>
      <c r="BX22" s="114">
        <v>281488</v>
      </c>
      <c r="BY22" s="114">
        <v>166432</v>
      </c>
      <c r="BZ22" s="113">
        <v>1026824</v>
      </c>
      <c r="CA22" s="116">
        <v>1089456</v>
      </c>
      <c r="CB22" s="110">
        <v>44328</v>
      </c>
      <c r="CC22" s="114">
        <v>188047</v>
      </c>
      <c r="CD22" s="113">
        <v>232375</v>
      </c>
      <c r="CE22" s="110">
        <v>0</v>
      </c>
      <c r="CF22" s="114">
        <v>1617149</v>
      </c>
      <c r="CG22" s="114">
        <v>2469051</v>
      </c>
      <c r="CH22" s="114">
        <v>1617892</v>
      </c>
      <c r="CI22" s="114">
        <v>1059529</v>
      </c>
      <c r="CJ22" s="114">
        <v>612316</v>
      </c>
      <c r="CK22" s="113">
        <v>7375937</v>
      </c>
      <c r="CL22" s="116">
        <v>7608312</v>
      </c>
      <c r="CM22" s="110">
        <v>0</v>
      </c>
      <c r="CN22" s="114">
        <v>0</v>
      </c>
      <c r="CO22" s="113">
        <v>0</v>
      </c>
      <c r="CP22" s="111">
        <v>0</v>
      </c>
      <c r="CQ22" s="114">
        <v>1405709</v>
      </c>
      <c r="CR22" s="114">
        <v>1456858</v>
      </c>
      <c r="CS22" s="114">
        <v>1292007</v>
      </c>
      <c r="CT22" s="114">
        <v>906889</v>
      </c>
      <c r="CU22" s="114">
        <v>543632</v>
      </c>
      <c r="CV22" s="113">
        <v>5605095</v>
      </c>
      <c r="CW22" s="116">
        <v>5605095</v>
      </c>
      <c r="CX22" s="110">
        <v>44328</v>
      </c>
      <c r="CY22" s="114">
        <v>188047</v>
      </c>
      <c r="CZ22" s="113">
        <v>232375</v>
      </c>
      <c r="DA22" s="110">
        <v>0</v>
      </c>
      <c r="DB22" s="114">
        <v>211440</v>
      </c>
      <c r="DC22" s="114">
        <v>1012193</v>
      </c>
      <c r="DD22" s="114">
        <v>325885</v>
      </c>
      <c r="DE22" s="114">
        <v>152640</v>
      </c>
      <c r="DF22" s="114">
        <v>68684</v>
      </c>
      <c r="DG22" s="113">
        <v>1770842</v>
      </c>
      <c r="DH22" s="116">
        <v>2003217</v>
      </c>
      <c r="DI22" s="110">
        <v>0</v>
      </c>
      <c r="DJ22" s="114">
        <v>0</v>
      </c>
      <c r="DK22" s="112">
        <v>0</v>
      </c>
      <c r="DL22" s="111">
        <v>0</v>
      </c>
      <c r="DM22" s="114">
        <v>244967</v>
      </c>
      <c r="DN22" s="114">
        <v>423994</v>
      </c>
      <c r="DO22" s="114">
        <v>675300</v>
      </c>
      <c r="DP22" s="114">
        <v>354557</v>
      </c>
      <c r="DQ22" s="114">
        <v>221614</v>
      </c>
      <c r="DR22" s="113">
        <v>1920432</v>
      </c>
      <c r="DS22" s="116">
        <v>1920432</v>
      </c>
      <c r="DT22" s="110">
        <v>0</v>
      </c>
      <c r="DU22" s="114">
        <v>0</v>
      </c>
      <c r="DV22" s="113">
        <v>0</v>
      </c>
      <c r="DW22" s="110">
        <v>0</v>
      </c>
      <c r="DX22" s="114">
        <v>147873</v>
      </c>
      <c r="DY22" s="114">
        <v>315509</v>
      </c>
      <c r="DZ22" s="114">
        <v>675300</v>
      </c>
      <c r="EA22" s="114">
        <v>315796</v>
      </c>
      <c r="EB22" s="114">
        <v>221614</v>
      </c>
      <c r="EC22" s="113">
        <v>1676092</v>
      </c>
      <c r="ED22" s="116">
        <v>1676092</v>
      </c>
      <c r="EE22" s="110">
        <v>0</v>
      </c>
      <c r="EF22" s="112">
        <v>0</v>
      </c>
      <c r="EG22" s="113">
        <v>0</v>
      </c>
      <c r="EH22" s="110">
        <v>0</v>
      </c>
      <c r="EI22" s="114">
        <v>97094</v>
      </c>
      <c r="EJ22" s="114">
        <v>108485</v>
      </c>
      <c r="EK22" s="114">
        <v>0</v>
      </c>
      <c r="EL22" s="114">
        <v>38761</v>
      </c>
      <c r="EM22" s="114">
        <v>0</v>
      </c>
      <c r="EN22" s="112">
        <v>244340</v>
      </c>
      <c r="EO22" s="116">
        <v>244340</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8">
        <v>0</v>
      </c>
      <c r="FE22" s="114">
        <v>0</v>
      </c>
      <c r="FF22" s="114">
        <v>0</v>
      </c>
      <c r="FG22" s="114">
        <v>0</v>
      </c>
      <c r="FH22" s="114">
        <v>0</v>
      </c>
      <c r="FI22" s="114">
        <v>0</v>
      </c>
      <c r="FJ22" s="113">
        <v>0</v>
      </c>
      <c r="FK22" s="116">
        <v>0</v>
      </c>
      <c r="FL22" s="110">
        <v>19568</v>
      </c>
      <c r="FM22" s="114">
        <v>120176</v>
      </c>
      <c r="FN22" s="113">
        <v>139744</v>
      </c>
      <c r="FO22" s="110">
        <v>0</v>
      </c>
      <c r="FP22" s="114">
        <v>216784</v>
      </c>
      <c r="FQ22" s="114">
        <v>865104</v>
      </c>
      <c r="FR22" s="114">
        <v>568904</v>
      </c>
      <c r="FS22" s="114">
        <v>337656</v>
      </c>
      <c r="FT22" s="114">
        <v>441600</v>
      </c>
      <c r="FU22" s="113">
        <v>2430048</v>
      </c>
      <c r="FV22" s="116">
        <v>2569792</v>
      </c>
      <c r="FW22" s="115">
        <v>19568</v>
      </c>
      <c r="FX22" s="114">
        <v>120176</v>
      </c>
      <c r="FY22" s="112">
        <v>139744</v>
      </c>
      <c r="FZ22" s="111">
        <v>0</v>
      </c>
      <c r="GA22" s="114">
        <v>134384</v>
      </c>
      <c r="GB22" s="114">
        <v>732120</v>
      </c>
      <c r="GC22" s="114">
        <v>568904</v>
      </c>
      <c r="GD22" s="114">
        <v>337656</v>
      </c>
      <c r="GE22" s="114">
        <v>441600</v>
      </c>
      <c r="GF22" s="113">
        <v>2214664</v>
      </c>
      <c r="GG22" s="319">
        <v>2354408</v>
      </c>
      <c r="GH22" s="115">
        <v>0</v>
      </c>
      <c r="GI22" s="114">
        <v>0</v>
      </c>
      <c r="GJ22" s="112">
        <v>0</v>
      </c>
      <c r="GK22" s="111">
        <v>0</v>
      </c>
      <c r="GL22" s="114">
        <v>0</v>
      </c>
      <c r="GM22" s="114">
        <v>32384</v>
      </c>
      <c r="GN22" s="114">
        <v>0</v>
      </c>
      <c r="GO22" s="114">
        <v>0</v>
      </c>
      <c r="GP22" s="114">
        <v>0</v>
      </c>
      <c r="GQ22" s="113">
        <v>32384</v>
      </c>
      <c r="GR22" s="116">
        <v>32384</v>
      </c>
      <c r="GS22" s="110">
        <v>0</v>
      </c>
      <c r="GT22" s="114">
        <v>0</v>
      </c>
      <c r="GU22" s="113">
        <v>0</v>
      </c>
      <c r="GV22" s="110">
        <v>0</v>
      </c>
      <c r="GW22" s="114">
        <v>82400</v>
      </c>
      <c r="GX22" s="114">
        <v>100600</v>
      </c>
      <c r="GY22" s="114">
        <v>0</v>
      </c>
      <c r="GZ22" s="114">
        <v>0</v>
      </c>
      <c r="HA22" s="114">
        <v>0</v>
      </c>
      <c r="HB22" s="112">
        <v>183000</v>
      </c>
      <c r="HC22" s="116">
        <v>183000</v>
      </c>
      <c r="HD22" s="110">
        <v>170130</v>
      </c>
      <c r="HE22" s="114">
        <v>92220</v>
      </c>
      <c r="HF22" s="112">
        <v>262350</v>
      </c>
      <c r="HG22" s="111">
        <v>0</v>
      </c>
      <c r="HH22" s="114">
        <v>1272961</v>
      </c>
      <c r="HI22" s="114">
        <v>997816</v>
      </c>
      <c r="HJ22" s="114">
        <v>1050415</v>
      </c>
      <c r="HK22" s="114">
        <v>1391980</v>
      </c>
      <c r="HL22" s="114">
        <v>479703</v>
      </c>
      <c r="HM22" s="113">
        <v>5192875</v>
      </c>
      <c r="HN22" s="109">
        <v>5455225</v>
      </c>
      <c r="HO22" s="329"/>
      <c r="HP22" s="330"/>
      <c r="HQ22" s="331"/>
      <c r="HR22" s="332"/>
      <c r="HS22" s="330"/>
      <c r="HT22" s="330"/>
      <c r="HU22" s="330"/>
      <c r="HV22" s="330"/>
      <c r="HW22" s="330"/>
      <c r="HX22" s="333"/>
      <c r="HY22" s="334"/>
      <c r="HZ22" s="150">
        <v>0</v>
      </c>
      <c r="IA22" s="135">
        <v>0</v>
      </c>
      <c r="IB22" s="150">
        <v>0</v>
      </c>
      <c r="IC22" s="134">
        <v>0</v>
      </c>
      <c r="ID22" s="135">
        <v>1266980</v>
      </c>
      <c r="IE22" s="136">
        <v>2381635</v>
      </c>
      <c r="IF22" s="137">
        <v>2759507</v>
      </c>
      <c r="IG22" s="135">
        <v>1321190</v>
      </c>
      <c r="IH22" s="137">
        <v>947025</v>
      </c>
      <c r="II22" s="138">
        <v>8676337</v>
      </c>
      <c r="IJ22" s="150">
        <v>8676337</v>
      </c>
      <c r="IK22" s="232">
        <v>0</v>
      </c>
      <c r="IL22" s="236">
        <v>0</v>
      </c>
      <c r="IM22" s="237">
        <v>0</v>
      </c>
      <c r="IN22" s="140"/>
      <c r="IO22" s="119">
        <v>0</v>
      </c>
      <c r="IP22" s="119">
        <v>92533</v>
      </c>
      <c r="IQ22" s="119">
        <v>0</v>
      </c>
      <c r="IR22" s="119">
        <v>0</v>
      </c>
      <c r="IS22" s="119">
        <v>0</v>
      </c>
      <c r="IT22" s="141">
        <v>92533</v>
      </c>
      <c r="IU22" s="321">
        <v>92533</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720974</v>
      </c>
      <c r="JL22" s="119">
        <v>690783</v>
      </c>
      <c r="JM22" s="119">
        <v>903650</v>
      </c>
      <c r="JN22" s="119">
        <v>567950</v>
      </c>
      <c r="JO22" s="119">
        <v>155467</v>
      </c>
      <c r="JP22" s="120">
        <v>3038824</v>
      </c>
      <c r="JQ22" s="321">
        <v>3038824</v>
      </c>
      <c r="JR22" s="142">
        <v>0</v>
      </c>
      <c r="JS22" s="119">
        <v>0</v>
      </c>
      <c r="JT22" s="141">
        <v>0</v>
      </c>
      <c r="JU22" s="118">
        <v>0</v>
      </c>
      <c r="JV22" s="119">
        <v>59124</v>
      </c>
      <c r="JW22" s="119">
        <v>0</v>
      </c>
      <c r="JX22" s="119">
        <v>61417</v>
      </c>
      <c r="JY22" s="119">
        <v>0</v>
      </c>
      <c r="JZ22" s="119">
        <v>211152</v>
      </c>
      <c r="KA22" s="120">
        <v>331693</v>
      </c>
      <c r="KB22" s="321">
        <v>331693</v>
      </c>
      <c r="KC22" s="234">
        <v>0</v>
      </c>
      <c r="KD22" s="230">
        <v>0</v>
      </c>
      <c r="KE22" s="120">
        <v>0</v>
      </c>
      <c r="KF22" s="118">
        <v>0</v>
      </c>
      <c r="KG22" s="119">
        <v>0</v>
      </c>
      <c r="KH22" s="119">
        <v>482164</v>
      </c>
      <c r="KI22" s="119">
        <v>722754</v>
      </c>
      <c r="KJ22" s="119">
        <v>493872</v>
      </c>
      <c r="KK22" s="119">
        <v>580406</v>
      </c>
      <c r="KL22" s="120">
        <v>2279196</v>
      </c>
      <c r="KM22" s="143">
        <v>2279196</v>
      </c>
      <c r="KN22" s="232">
        <v>0</v>
      </c>
      <c r="KO22" s="236">
        <v>0</v>
      </c>
      <c r="KP22" s="237">
        <v>0</v>
      </c>
      <c r="KQ22" s="140"/>
      <c r="KR22" s="119">
        <v>318728</v>
      </c>
      <c r="KS22" s="119">
        <v>1116155</v>
      </c>
      <c r="KT22" s="119">
        <v>506956</v>
      </c>
      <c r="KU22" s="119">
        <v>259368</v>
      </c>
      <c r="KV22" s="119">
        <v>0</v>
      </c>
      <c r="KW22" s="120">
        <v>2201207</v>
      </c>
      <c r="KX22" s="321">
        <v>2201207</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564730</v>
      </c>
      <c r="LQ22" s="119">
        <v>0</v>
      </c>
      <c r="LR22" s="119">
        <v>0</v>
      </c>
      <c r="LS22" s="120">
        <v>564730</v>
      </c>
      <c r="LT22" s="321">
        <v>564730</v>
      </c>
      <c r="LU22" s="142">
        <v>0</v>
      </c>
      <c r="LV22" s="119">
        <v>0</v>
      </c>
      <c r="LW22" s="120">
        <v>0</v>
      </c>
      <c r="LX22" s="145"/>
      <c r="LY22" s="119">
        <v>168154</v>
      </c>
      <c r="LZ22" s="119">
        <v>0</v>
      </c>
      <c r="MA22" s="119">
        <v>0</v>
      </c>
      <c r="MB22" s="119">
        <v>0</v>
      </c>
      <c r="MC22" s="119">
        <v>0</v>
      </c>
      <c r="MD22" s="120">
        <v>168154</v>
      </c>
      <c r="ME22" s="121">
        <v>168154</v>
      </c>
      <c r="MF22" s="142">
        <v>0</v>
      </c>
      <c r="MG22" s="119">
        <v>0</v>
      </c>
      <c r="MH22" s="120">
        <v>0</v>
      </c>
      <c r="MI22" s="145"/>
      <c r="MJ22" s="119">
        <v>0</v>
      </c>
      <c r="MK22" s="119">
        <v>1264297</v>
      </c>
      <c r="ML22" s="119">
        <v>4320469</v>
      </c>
      <c r="MM22" s="119">
        <v>6150243</v>
      </c>
      <c r="MN22" s="119">
        <v>2704800</v>
      </c>
      <c r="MO22" s="120">
        <v>14439809</v>
      </c>
      <c r="MP22" s="143">
        <v>14439809</v>
      </c>
      <c r="MQ22" s="142">
        <v>0</v>
      </c>
      <c r="MR22" s="119">
        <v>0</v>
      </c>
      <c r="MS22" s="120">
        <v>0</v>
      </c>
      <c r="MT22" s="145"/>
      <c r="MU22" s="119">
        <v>0</v>
      </c>
      <c r="MV22" s="119">
        <v>360255</v>
      </c>
      <c r="MW22" s="119">
        <v>2144368</v>
      </c>
      <c r="MX22" s="119">
        <v>4230138</v>
      </c>
      <c r="MY22" s="119">
        <v>1098932</v>
      </c>
      <c r="MZ22" s="120">
        <v>7833693</v>
      </c>
      <c r="NA22" s="143">
        <v>7833693</v>
      </c>
      <c r="NB22" s="142">
        <v>0</v>
      </c>
      <c r="NC22" s="119">
        <v>0</v>
      </c>
      <c r="ND22" s="120">
        <v>0</v>
      </c>
      <c r="NE22" s="145"/>
      <c r="NF22" s="119">
        <v>0</v>
      </c>
      <c r="NG22" s="119">
        <v>904042</v>
      </c>
      <c r="NH22" s="119">
        <v>2176101</v>
      </c>
      <c r="NI22" s="119">
        <v>1920105</v>
      </c>
      <c r="NJ22" s="119">
        <v>1256363</v>
      </c>
      <c r="NK22" s="120">
        <v>6256611</v>
      </c>
      <c r="NL22" s="321">
        <v>6256611</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349505</v>
      </c>
      <c r="OG22" s="120">
        <v>349505</v>
      </c>
      <c r="OH22" s="121">
        <v>349505</v>
      </c>
      <c r="OI22" s="142">
        <v>332072</v>
      </c>
      <c r="OJ22" s="119">
        <v>549815</v>
      </c>
      <c r="OK22" s="141">
        <v>881887</v>
      </c>
      <c r="OL22" s="118">
        <v>0</v>
      </c>
      <c r="OM22" s="119">
        <v>5171685</v>
      </c>
      <c r="ON22" s="119">
        <v>10018919</v>
      </c>
      <c r="OO22" s="119">
        <v>12628698</v>
      </c>
      <c r="OP22" s="119">
        <v>12382172</v>
      </c>
      <c r="OQ22" s="119">
        <v>9136346</v>
      </c>
      <c r="OR22" s="120">
        <v>49337820</v>
      </c>
      <c r="OS22" s="143">
        <v>50219707</v>
      </c>
    </row>
    <row r="23" spans="2:409" ht="20.25" customHeight="1" x14ac:dyDescent="0.2">
      <c r="B23" s="126" t="s">
        <v>18</v>
      </c>
      <c r="C23" s="110">
        <v>302426</v>
      </c>
      <c r="D23" s="114">
        <v>787454</v>
      </c>
      <c r="E23" s="113">
        <v>1089880</v>
      </c>
      <c r="F23" s="109">
        <v>0</v>
      </c>
      <c r="G23" s="114">
        <v>6657251</v>
      </c>
      <c r="H23" s="114">
        <v>9498485</v>
      </c>
      <c r="I23" s="114">
        <v>7940667</v>
      </c>
      <c r="J23" s="114">
        <v>7023352</v>
      </c>
      <c r="K23" s="114">
        <v>3333737</v>
      </c>
      <c r="L23" s="109">
        <v>34453492</v>
      </c>
      <c r="M23" s="116">
        <v>35543372</v>
      </c>
      <c r="N23" s="110">
        <v>89026</v>
      </c>
      <c r="O23" s="114">
        <v>262325</v>
      </c>
      <c r="P23" s="113">
        <v>351351</v>
      </c>
      <c r="Q23" s="110">
        <v>0</v>
      </c>
      <c r="R23" s="114">
        <v>1572962</v>
      </c>
      <c r="S23" s="114">
        <v>2941025</v>
      </c>
      <c r="T23" s="114">
        <v>2023652</v>
      </c>
      <c r="U23" s="114">
        <v>3226687</v>
      </c>
      <c r="V23" s="114">
        <v>768470</v>
      </c>
      <c r="W23" s="113">
        <v>10532796</v>
      </c>
      <c r="X23" s="116">
        <v>10884147</v>
      </c>
      <c r="Y23" s="110">
        <v>0</v>
      </c>
      <c r="Z23" s="114">
        <v>0</v>
      </c>
      <c r="AA23" s="113">
        <v>0</v>
      </c>
      <c r="AB23" s="110">
        <v>0</v>
      </c>
      <c r="AC23" s="114">
        <v>493380</v>
      </c>
      <c r="AD23" s="114">
        <v>1671211</v>
      </c>
      <c r="AE23" s="114">
        <v>1024821</v>
      </c>
      <c r="AF23" s="114">
        <v>1984439</v>
      </c>
      <c r="AG23" s="114">
        <v>338005</v>
      </c>
      <c r="AH23" s="113">
        <v>5511856</v>
      </c>
      <c r="AI23" s="116">
        <v>5511856</v>
      </c>
      <c r="AJ23" s="110">
        <v>0</v>
      </c>
      <c r="AK23" s="114">
        <v>0</v>
      </c>
      <c r="AL23" s="113">
        <v>0</v>
      </c>
      <c r="AM23" s="110">
        <v>0</v>
      </c>
      <c r="AN23" s="114">
        <v>0</v>
      </c>
      <c r="AO23" s="114">
        <v>37037</v>
      </c>
      <c r="AP23" s="114">
        <v>93772</v>
      </c>
      <c r="AQ23" s="114">
        <v>118973</v>
      </c>
      <c r="AR23" s="114">
        <v>59543</v>
      </c>
      <c r="AS23" s="113">
        <v>309325</v>
      </c>
      <c r="AT23" s="116">
        <v>309325</v>
      </c>
      <c r="AU23" s="110">
        <v>70874</v>
      </c>
      <c r="AV23" s="114">
        <v>109805</v>
      </c>
      <c r="AW23" s="113">
        <v>180679</v>
      </c>
      <c r="AX23" s="110">
        <v>0</v>
      </c>
      <c r="AY23" s="114">
        <v>565256</v>
      </c>
      <c r="AZ23" s="114">
        <v>535053</v>
      </c>
      <c r="BA23" s="114">
        <v>407485</v>
      </c>
      <c r="BB23" s="114">
        <v>725104</v>
      </c>
      <c r="BC23" s="114">
        <v>110557</v>
      </c>
      <c r="BD23" s="113">
        <v>2343455</v>
      </c>
      <c r="BE23" s="116">
        <v>2524134</v>
      </c>
      <c r="BF23" s="110">
        <v>0</v>
      </c>
      <c r="BG23" s="114">
        <v>78960</v>
      </c>
      <c r="BH23" s="112">
        <v>78960</v>
      </c>
      <c r="BI23" s="111">
        <v>0</v>
      </c>
      <c r="BJ23" s="114">
        <v>169718</v>
      </c>
      <c r="BK23" s="114">
        <v>121028</v>
      </c>
      <c r="BL23" s="114">
        <v>36350</v>
      </c>
      <c r="BM23" s="114">
        <v>75275</v>
      </c>
      <c r="BN23" s="114">
        <v>29269</v>
      </c>
      <c r="BO23" s="113">
        <v>431640</v>
      </c>
      <c r="BP23" s="116">
        <v>510600</v>
      </c>
      <c r="BQ23" s="110">
        <v>18152</v>
      </c>
      <c r="BR23" s="114">
        <v>73560</v>
      </c>
      <c r="BS23" s="113">
        <v>91712</v>
      </c>
      <c r="BT23" s="110">
        <v>0</v>
      </c>
      <c r="BU23" s="114">
        <v>344608</v>
      </c>
      <c r="BV23" s="114">
        <v>576696</v>
      </c>
      <c r="BW23" s="114">
        <v>461224</v>
      </c>
      <c r="BX23" s="114">
        <v>322896</v>
      </c>
      <c r="BY23" s="114">
        <v>231096</v>
      </c>
      <c r="BZ23" s="113">
        <v>1936520</v>
      </c>
      <c r="CA23" s="116">
        <v>2028232</v>
      </c>
      <c r="CB23" s="110">
        <v>42646</v>
      </c>
      <c r="CC23" s="114">
        <v>229033</v>
      </c>
      <c r="CD23" s="113">
        <v>271679</v>
      </c>
      <c r="CE23" s="110">
        <v>0</v>
      </c>
      <c r="CF23" s="114">
        <v>2697624</v>
      </c>
      <c r="CG23" s="114">
        <v>2907676</v>
      </c>
      <c r="CH23" s="114">
        <v>2394798</v>
      </c>
      <c r="CI23" s="114">
        <v>884403</v>
      </c>
      <c r="CJ23" s="114">
        <v>546195</v>
      </c>
      <c r="CK23" s="113">
        <v>9430696</v>
      </c>
      <c r="CL23" s="116">
        <v>9702375</v>
      </c>
      <c r="CM23" s="110">
        <v>0</v>
      </c>
      <c r="CN23" s="114">
        <v>0</v>
      </c>
      <c r="CO23" s="113">
        <v>0</v>
      </c>
      <c r="CP23" s="111">
        <v>0</v>
      </c>
      <c r="CQ23" s="114">
        <v>2113578</v>
      </c>
      <c r="CR23" s="114">
        <v>2139695</v>
      </c>
      <c r="CS23" s="114">
        <v>1771964</v>
      </c>
      <c r="CT23" s="114">
        <v>577620</v>
      </c>
      <c r="CU23" s="114">
        <v>497835</v>
      </c>
      <c r="CV23" s="113">
        <v>7100692</v>
      </c>
      <c r="CW23" s="116">
        <v>7100692</v>
      </c>
      <c r="CX23" s="110">
        <v>42646</v>
      </c>
      <c r="CY23" s="114">
        <v>229033</v>
      </c>
      <c r="CZ23" s="113">
        <v>271679</v>
      </c>
      <c r="DA23" s="110">
        <v>0</v>
      </c>
      <c r="DB23" s="114">
        <v>584046</v>
      </c>
      <c r="DC23" s="114">
        <v>767981</v>
      </c>
      <c r="DD23" s="114">
        <v>622834</v>
      </c>
      <c r="DE23" s="114">
        <v>306783</v>
      </c>
      <c r="DF23" s="114">
        <v>48360</v>
      </c>
      <c r="DG23" s="113">
        <v>2330004</v>
      </c>
      <c r="DH23" s="116">
        <v>2601683</v>
      </c>
      <c r="DI23" s="110">
        <v>0</v>
      </c>
      <c r="DJ23" s="114">
        <v>13048</v>
      </c>
      <c r="DK23" s="112">
        <v>13048</v>
      </c>
      <c r="DL23" s="111">
        <v>0</v>
      </c>
      <c r="DM23" s="114">
        <v>111650</v>
      </c>
      <c r="DN23" s="114">
        <v>743454</v>
      </c>
      <c r="DO23" s="114">
        <v>1263658</v>
      </c>
      <c r="DP23" s="114">
        <v>687232</v>
      </c>
      <c r="DQ23" s="114">
        <v>189080</v>
      </c>
      <c r="DR23" s="113">
        <v>2995074</v>
      </c>
      <c r="DS23" s="116">
        <v>3008122</v>
      </c>
      <c r="DT23" s="110">
        <v>0</v>
      </c>
      <c r="DU23" s="114">
        <v>13048</v>
      </c>
      <c r="DV23" s="113">
        <v>13048</v>
      </c>
      <c r="DW23" s="110">
        <v>0</v>
      </c>
      <c r="DX23" s="114">
        <v>111650</v>
      </c>
      <c r="DY23" s="114">
        <v>743454</v>
      </c>
      <c r="DZ23" s="114">
        <v>1242450</v>
      </c>
      <c r="EA23" s="114">
        <v>687232</v>
      </c>
      <c r="EB23" s="114">
        <v>189080</v>
      </c>
      <c r="EC23" s="113">
        <v>2973866</v>
      </c>
      <c r="ED23" s="116">
        <v>2986914</v>
      </c>
      <c r="EE23" s="110">
        <v>0</v>
      </c>
      <c r="EF23" s="112">
        <v>0</v>
      </c>
      <c r="EG23" s="113">
        <v>0</v>
      </c>
      <c r="EH23" s="110">
        <v>0</v>
      </c>
      <c r="EI23" s="114">
        <v>0</v>
      </c>
      <c r="EJ23" s="114">
        <v>0</v>
      </c>
      <c r="EK23" s="114">
        <v>21208</v>
      </c>
      <c r="EL23" s="114">
        <v>0</v>
      </c>
      <c r="EM23" s="114">
        <v>0</v>
      </c>
      <c r="EN23" s="112">
        <v>21208</v>
      </c>
      <c r="EO23" s="116">
        <v>21208</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8">
        <v>0</v>
      </c>
      <c r="FE23" s="114">
        <v>0</v>
      </c>
      <c r="FF23" s="114">
        <v>0</v>
      </c>
      <c r="FG23" s="114">
        <v>0</v>
      </c>
      <c r="FH23" s="114">
        <v>0</v>
      </c>
      <c r="FI23" s="114">
        <v>0</v>
      </c>
      <c r="FJ23" s="113">
        <v>0</v>
      </c>
      <c r="FK23" s="116">
        <v>0</v>
      </c>
      <c r="FL23" s="110">
        <v>116632</v>
      </c>
      <c r="FM23" s="114">
        <v>94648</v>
      </c>
      <c r="FN23" s="113">
        <v>211280</v>
      </c>
      <c r="FO23" s="110">
        <v>0</v>
      </c>
      <c r="FP23" s="114">
        <v>544192</v>
      </c>
      <c r="FQ23" s="114">
        <v>784988</v>
      </c>
      <c r="FR23" s="114">
        <v>649528</v>
      </c>
      <c r="FS23" s="114">
        <v>613568</v>
      </c>
      <c r="FT23" s="114">
        <v>381800</v>
      </c>
      <c r="FU23" s="113">
        <v>2974076</v>
      </c>
      <c r="FV23" s="116">
        <v>3185356</v>
      </c>
      <c r="FW23" s="115">
        <v>51032</v>
      </c>
      <c r="FX23" s="114">
        <v>94648</v>
      </c>
      <c r="FY23" s="112">
        <v>145680</v>
      </c>
      <c r="FZ23" s="111">
        <v>0</v>
      </c>
      <c r="GA23" s="114">
        <v>301792</v>
      </c>
      <c r="GB23" s="114">
        <v>686588</v>
      </c>
      <c r="GC23" s="114">
        <v>519928</v>
      </c>
      <c r="GD23" s="114">
        <v>525568</v>
      </c>
      <c r="GE23" s="114">
        <v>193040</v>
      </c>
      <c r="GF23" s="113">
        <v>2226916</v>
      </c>
      <c r="GG23" s="319">
        <v>2372596</v>
      </c>
      <c r="GH23" s="115">
        <v>0</v>
      </c>
      <c r="GI23" s="114">
        <v>0</v>
      </c>
      <c r="GJ23" s="112">
        <v>0</v>
      </c>
      <c r="GK23" s="111">
        <v>0</v>
      </c>
      <c r="GL23" s="114">
        <v>8800</v>
      </c>
      <c r="GM23" s="114">
        <v>0</v>
      </c>
      <c r="GN23" s="114">
        <v>0</v>
      </c>
      <c r="GO23" s="114">
        <v>0</v>
      </c>
      <c r="GP23" s="114">
        <v>72600</v>
      </c>
      <c r="GQ23" s="113">
        <v>81400</v>
      </c>
      <c r="GR23" s="116">
        <v>81400</v>
      </c>
      <c r="GS23" s="110">
        <v>65600</v>
      </c>
      <c r="GT23" s="114">
        <v>0</v>
      </c>
      <c r="GU23" s="113">
        <v>65600</v>
      </c>
      <c r="GV23" s="110">
        <v>0</v>
      </c>
      <c r="GW23" s="114">
        <v>233600</v>
      </c>
      <c r="GX23" s="114">
        <v>98400</v>
      </c>
      <c r="GY23" s="114">
        <v>129600</v>
      </c>
      <c r="GZ23" s="114">
        <v>88000</v>
      </c>
      <c r="HA23" s="114">
        <v>116160</v>
      </c>
      <c r="HB23" s="112">
        <v>665760</v>
      </c>
      <c r="HC23" s="116">
        <v>731360</v>
      </c>
      <c r="HD23" s="110">
        <v>54122</v>
      </c>
      <c r="HE23" s="114">
        <v>188400</v>
      </c>
      <c r="HF23" s="112">
        <v>242522</v>
      </c>
      <c r="HG23" s="111">
        <v>0</v>
      </c>
      <c r="HH23" s="114">
        <v>1730823</v>
      </c>
      <c r="HI23" s="114">
        <v>2121342</v>
      </c>
      <c r="HJ23" s="114">
        <v>1609031</v>
      </c>
      <c r="HK23" s="114">
        <v>1611462</v>
      </c>
      <c r="HL23" s="114">
        <v>1448192</v>
      </c>
      <c r="HM23" s="113">
        <v>8520850</v>
      </c>
      <c r="HN23" s="109">
        <v>8763372</v>
      </c>
      <c r="HO23" s="329"/>
      <c r="HP23" s="330"/>
      <c r="HQ23" s="331"/>
      <c r="HR23" s="332"/>
      <c r="HS23" s="330"/>
      <c r="HT23" s="330"/>
      <c r="HU23" s="330"/>
      <c r="HV23" s="330"/>
      <c r="HW23" s="330"/>
      <c r="HX23" s="333"/>
      <c r="HY23" s="334"/>
      <c r="HZ23" s="131">
        <v>90020</v>
      </c>
      <c r="IA23" s="132">
        <v>0</v>
      </c>
      <c r="IB23" s="133">
        <v>90020</v>
      </c>
      <c r="IC23" s="146">
        <v>0</v>
      </c>
      <c r="ID23" s="132">
        <v>1841498</v>
      </c>
      <c r="IE23" s="147">
        <v>3134557</v>
      </c>
      <c r="IF23" s="133">
        <v>3105619</v>
      </c>
      <c r="IG23" s="132">
        <v>1377258</v>
      </c>
      <c r="IH23" s="133">
        <v>571165</v>
      </c>
      <c r="II23" s="148">
        <v>10030097</v>
      </c>
      <c r="IJ23" s="139">
        <v>10120117</v>
      </c>
      <c r="IK23" s="232">
        <v>0</v>
      </c>
      <c r="IL23" s="236">
        <v>0</v>
      </c>
      <c r="IM23" s="237">
        <v>0</v>
      </c>
      <c r="IN23" s="140"/>
      <c r="IO23" s="119">
        <v>0</v>
      </c>
      <c r="IP23" s="119">
        <v>0</v>
      </c>
      <c r="IQ23" s="119">
        <v>0</v>
      </c>
      <c r="IR23" s="119">
        <v>0</v>
      </c>
      <c r="IS23" s="119">
        <v>0</v>
      </c>
      <c r="IT23" s="141">
        <v>0</v>
      </c>
      <c r="IU23" s="321">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853052</v>
      </c>
      <c r="JL23" s="119">
        <v>930284</v>
      </c>
      <c r="JM23" s="119">
        <v>314524</v>
      </c>
      <c r="JN23" s="119">
        <v>39558</v>
      </c>
      <c r="JO23" s="119">
        <v>0</v>
      </c>
      <c r="JP23" s="120">
        <v>2137418</v>
      </c>
      <c r="JQ23" s="321">
        <v>2137418</v>
      </c>
      <c r="JR23" s="142">
        <v>0</v>
      </c>
      <c r="JS23" s="119">
        <v>0</v>
      </c>
      <c r="JT23" s="141">
        <v>0</v>
      </c>
      <c r="JU23" s="118">
        <v>0</v>
      </c>
      <c r="JV23" s="119">
        <v>154807</v>
      </c>
      <c r="JW23" s="119">
        <v>0</v>
      </c>
      <c r="JX23" s="119">
        <v>97017</v>
      </c>
      <c r="JY23" s="119">
        <v>0</v>
      </c>
      <c r="JZ23" s="119">
        <v>49736</v>
      </c>
      <c r="KA23" s="120">
        <v>301560</v>
      </c>
      <c r="KB23" s="321">
        <v>301560</v>
      </c>
      <c r="KC23" s="234">
        <v>90020</v>
      </c>
      <c r="KD23" s="230">
        <v>0</v>
      </c>
      <c r="KE23" s="120">
        <v>90020</v>
      </c>
      <c r="KF23" s="118">
        <v>0</v>
      </c>
      <c r="KG23" s="119">
        <v>599033</v>
      </c>
      <c r="KH23" s="119">
        <v>541347</v>
      </c>
      <c r="KI23" s="119">
        <v>687166</v>
      </c>
      <c r="KJ23" s="119">
        <v>0</v>
      </c>
      <c r="KK23" s="119">
        <v>0</v>
      </c>
      <c r="KL23" s="120">
        <v>1827546</v>
      </c>
      <c r="KM23" s="143">
        <v>1917566</v>
      </c>
      <c r="KN23" s="232">
        <v>0</v>
      </c>
      <c r="KO23" s="236">
        <v>0</v>
      </c>
      <c r="KP23" s="237">
        <v>0</v>
      </c>
      <c r="KQ23" s="140"/>
      <c r="KR23" s="119">
        <v>234606</v>
      </c>
      <c r="KS23" s="119">
        <v>1460637</v>
      </c>
      <c r="KT23" s="119">
        <v>1269486</v>
      </c>
      <c r="KU23" s="119">
        <v>495002</v>
      </c>
      <c r="KV23" s="119">
        <v>521429</v>
      </c>
      <c r="KW23" s="120">
        <v>3981160</v>
      </c>
      <c r="KX23" s="321">
        <v>3981160</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0</v>
      </c>
      <c r="LR23" s="119">
        <v>0</v>
      </c>
      <c r="LS23" s="120">
        <v>0</v>
      </c>
      <c r="LT23" s="321">
        <v>0</v>
      </c>
      <c r="LU23" s="142">
        <v>0</v>
      </c>
      <c r="LV23" s="119">
        <v>0</v>
      </c>
      <c r="LW23" s="120">
        <v>0</v>
      </c>
      <c r="LX23" s="145"/>
      <c r="LY23" s="119">
        <v>0</v>
      </c>
      <c r="LZ23" s="119">
        <v>202289</v>
      </c>
      <c r="MA23" s="119">
        <v>737426</v>
      </c>
      <c r="MB23" s="119">
        <v>842698</v>
      </c>
      <c r="MC23" s="119">
        <v>0</v>
      </c>
      <c r="MD23" s="120">
        <v>1782413</v>
      </c>
      <c r="ME23" s="121">
        <v>1782413</v>
      </c>
      <c r="MF23" s="142">
        <v>0</v>
      </c>
      <c r="MG23" s="119">
        <v>0</v>
      </c>
      <c r="MH23" s="120">
        <v>0</v>
      </c>
      <c r="MI23" s="145"/>
      <c r="MJ23" s="119">
        <v>611800</v>
      </c>
      <c r="MK23" s="119">
        <v>289962</v>
      </c>
      <c r="ML23" s="119">
        <v>2677158</v>
      </c>
      <c r="MM23" s="119">
        <v>6397013</v>
      </c>
      <c r="MN23" s="119">
        <v>3137777</v>
      </c>
      <c r="MO23" s="120">
        <v>13113710</v>
      </c>
      <c r="MP23" s="143">
        <v>13113710</v>
      </c>
      <c r="MQ23" s="142">
        <v>0</v>
      </c>
      <c r="MR23" s="119">
        <v>0</v>
      </c>
      <c r="MS23" s="120">
        <v>0</v>
      </c>
      <c r="MT23" s="145"/>
      <c r="MU23" s="119">
        <v>0</v>
      </c>
      <c r="MV23" s="119">
        <v>0</v>
      </c>
      <c r="MW23" s="119">
        <v>1860469</v>
      </c>
      <c r="MX23" s="119">
        <v>4047157</v>
      </c>
      <c r="MY23" s="119">
        <v>1607505</v>
      </c>
      <c r="MZ23" s="120">
        <v>7515131</v>
      </c>
      <c r="NA23" s="143">
        <v>7515131</v>
      </c>
      <c r="NB23" s="142">
        <v>0</v>
      </c>
      <c r="NC23" s="119">
        <v>0</v>
      </c>
      <c r="ND23" s="120">
        <v>0</v>
      </c>
      <c r="NE23" s="145"/>
      <c r="NF23" s="119">
        <v>611800</v>
      </c>
      <c r="NG23" s="119">
        <v>289962</v>
      </c>
      <c r="NH23" s="119">
        <v>816689</v>
      </c>
      <c r="NI23" s="119">
        <v>2027232</v>
      </c>
      <c r="NJ23" s="119">
        <v>1137585</v>
      </c>
      <c r="NK23" s="120">
        <v>4883268</v>
      </c>
      <c r="NL23" s="321">
        <v>4883268</v>
      </c>
      <c r="NM23" s="142">
        <v>0</v>
      </c>
      <c r="NN23" s="119">
        <v>0</v>
      </c>
      <c r="NO23" s="120">
        <v>0</v>
      </c>
      <c r="NP23" s="145"/>
      <c r="NQ23" s="119">
        <v>0</v>
      </c>
      <c r="NR23" s="119">
        <v>0</v>
      </c>
      <c r="NS23" s="119">
        <v>0</v>
      </c>
      <c r="NT23" s="119">
        <v>322624</v>
      </c>
      <c r="NU23" s="119">
        <v>0</v>
      </c>
      <c r="NV23" s="120">
        <v>322624</v>
      </c>
      <c r="NW23" s="121">
        <v>322624</v>
      </c>
      <c r="NX23" s="142">
        <v>0</v>
      </c>
      <c r="NY23" s="119">
        <v>0</v>
      </c>
      <c r="NZ23" s="120">
        <v>0</v>
      </c>
      <c r="OA23" s="145"/>
      <c r="OB23" s="119">
        <v>0</v>
      </c>
      <c r="OC23" s="119">
        <v>0</v>
      </c>
      <c r="OD23" s="119">
        <v>0</v>
      </c>
      <c r="OE23" s="119">
        <v>0</v>
      </c>
      <c r="OF23" s="119">
        <v>392687</v>
      </c>
      <c r="OG23" s="120">
        <v>392687</v>
      </c>
      <c r="OH23" s="121">
        <v>392687</v>
      </c>
      <c r="OI23" s="142">
        <v>392446</v>
      </c>
      <c r="OJ23" s="119">
        <v>787454</v>
      </c>
      <c r="OK23" s="141">
        <v>1179900</v>
      </c>
      <c r="OL23" s="118">
        <v>0</v>
      </c>
      <c r="OM23" s="119">
        <v>9110549</v>
      </c>
      <c r="ON23" s="119">
        <v>12923004</v>
      </c>
      <c r="OO23" s="119">
        <v>13723444</v>
      </c>
      <c r="OP23" s="119">
        <v>14797623</v>
      </c>
      <c r="OQ23" s="119">
        <v>7042679</v>
      </c>
      <c r="OR23" s="120">
        <v>57597299</v>
      </c>
      <c r="OS23" s="143">
        <v>58777199</v>
      </c>
    </row>
    <row r="24" spans="2:409" ht="20.25" customHeight="1" x14ac:dyDescent="0.2">
      <c r="B24" s="126" t="s">
        <v>19</v>
      </c>
      <c r="C24" s="110">
        <v>103299</v>
      </c>
      <c r="D24" s="114">
        <v>486083</v>
      </c>
      <c r="E24" s="113">
        <v>589382</v>
      </c>
      <c r="F24" s="109">
        <v>0</v>
      </c>
      <c r="G24" s="114">
        <v>4268130</v>
      </c>
      <c r="H24" s="114">
        <v>4030058</v>
      </c>
      <c r="I24" s="114">
        <v>2372169</v>
      </c>
      <c r="J24" s="114">
        <v>3027403</v>
      </c>
      <c r="K24" s="114">
        <v>1023710</v>
      </c>
      <c r="L24" s="109">
        <v>14721470</v>
      </c>
      <c r="M24" s="116">
        <v>15310852</v>
      </c>
      <c r="N24" s="110">
        <v>42061</v>
      </c>
      <c r="O24" s="114">
        <v>13744</v>
      </c>
      <c r="P24" s="113">
        <v>55805</v>
      </c>
      <c r="Q24" s="110">
        <v>0</v>
      </c>
      <c r="R24" s="114">
        <v>1274964</v>
      </c>
      <c r="S24" s="114">
        <v>1062098</v>
      </c>
      <c r="T24" s="114">
        <v>1038931</v>
      </c>
      <c r="U24" s="114">
        <v>1745184</v>
      </c>
      <c r="V24" s="114">
        <v>775262</v>
      </c>
      <c r="W24" s="113">
        <v>5896439</v>
      </c>
      <c r="X24" s="116">
        <v>5952244</v>
      </c>
      <c r="Y24" s="110">
        <v>0</v>
      </c>
      <c r="Z24" s="114">
        <v>0</v>
      </c>
      <c r="AA24" s="113">
        <v>0</v>
      </c>
      <c r="AB24" s="110">
        <v>0</v>
      </c>
      <c r="AC24" s="114">
        <v>524138</v>
      </c>
      <c r="AD24" s="114">
        <v>290467</v>
      </c>
      <c r="AE24" s="114">
        <v>317161</v>
      </c>
      <c r="AF24" s="114">
        <v>864133</v>
      </c>
      <c r="AG24" s="114">
        <v>27117</v>
      </c>
      <c r="AH24" s="113">
        <v>2023016</v>
      </c>
      <c r="AI24" s="116">
        <v>2023016</v>
      </c>
      <c r="AJ24" s="110">
        <v>0</v>
      </c>
      <c r="AK24" s="114">
        <v>0</v>
      </c>
      <c r="AL24" s="113">
        <v>0</v>
      </c>
      <c r="AM24" s="110">
        <v>0</v>
      </c>
      <c r="AN24" s="114">
        <v>0</v>
      </c>
      <c r="AO24" s="114">
        <v>11559</v>
      </c>
      <c r="AP24" s="114">
        <v>118666</v>
      </c>
      <c r="AQ24" s="114">
        <v>312292</v>
      </c>
      <c r="AR24" s="114">
        <v>270544</v>
      </c>
      <c r="AS24" s="113">
        <v>713061</v>
      </c>
      <c r="AT24" s="116">
        <v>713061</v>
      </c>
      <c r="AU24" s="110">
        <v>11709</v>
      </c>
      <c r="AV24" s="114">
        <v>0</v>
      </c>
      <c r="AW24" s="113">
        <v>11709</v>
      </c>
      <c r="AX24" s="110">
        <v>0</v>
      </c>
      <c r="AY24" s="114">
        <v>417399</v>
      </c>
      <c r="AZ24" s="114">
        <v>546213</v>
      </c>
      <c r="BA24" s="114">
        <v>328962</v>
      </c>
      <c r="BB24" s="114">
        <v>306221</v>
      </c>
      <c r="BC24" s="114">
        <v>414969</v>
      </c>
      <c r="BD24" s="113">
        <v>2013764</v>
      </c>
      <c r="BE24" s="116">
        <v>2025473</v>
      </c>
      <c r="BF24" s="110">
        <v>0</v>
      </c>
      <c r="BG24" s="114">
        <v>0</v>
      </c>
      <c r="BH24" s="112">
        <v>0</v>
      </c>
      <c r="BI24" s="111">
        <v>0</v>
      </c>
      <c r="BJ24" s="114">
        <v>33219</v>
      </c>
      <c r="BK24" s="114">
        <v>33219</v>
      </c>
      <c r="BL24" s="114">
        <v>107574</v>
      </c>
      <c r="BM24" s="114">
        <v>20706</v>
      </c>
      <c r="BN24" s="114">
        <v>0</v>
      </c>
      <c r="BO24" s="113">
        <v>194718</v>
      </c>
      <c r="BP24" s="116">
        <v>194718</v>
      </c>
      <c r="BQ24" s="110">
        <v>30352</v>
      </c>
      <c r="BR24" s="114">
        <v>13744</v>
      </c>
      <c r="BS24" s="113">
        <v>44096</v>
      </c>
      <c r="BT24" s="110">
        <v>0</v>
      </c>
      <c r="BU24" s="114">
        <v>300208</v>
      </c>
      <c r="BV24" s="114">
        <v>180640</v>
      </c>
      <c r="BW24" s="114">
        <v>166568</v>
      </c>
      <c r="BX24" s="114">
        <v>241832</v>
      </c>
      <c r="BY24" s="114">
        <v>62632</v>
      </c>
      <c r="BZ24" s="113">
        <v>951880</v>
      </c>
      <c r="CA24" s="116">
        <v>995976</v>
      </c>
      <c r="CB24" s="110">
        <v>21158</v>
      </c>
      <c r="CC24" s="114">
        <v>78286</v>
      </c>
      <c r="CD24" s="113">
        <v>99444</v>
      </c>
      <c r="CE24" s="110">
        <v>0</v>
      </c>
      <c r="CF24" s="114">
        <v>1436043</v>
      </c>
      <c r="CG24" s="114">
        <v>1547021</v>
      </c>
      <c r="CH24" s="114">
        <v>661509</v>
      </c>
      <c r="CI24" s="114">
        <v>361102</v>
      </c>
      <c r="CJ24" s="114">
        <v>0</v>
      </c>
      <c r="CK24" s="113">
        <v>4005675</v>
      </c>
      <c r="CL24" s="116">
        <v>4105119</v>
      </c>
      <c r="CM24" s="110">
        <v>0</v>
      </c>
      <c r="CN24" s="114">
        <v>0</v>
      </c>
      <c r="CO24" s="113">
        <v>0</v>
      </c>
      <c r="CP24" s="111">
        <v>0</v>
      </c>
      <c r="CQ24" s="114">
        <v>903964</v>
      </c>
      <c r="CR24" s="114">
        <v>1153608</v>
      </c>
      <c r="CS24" s="114">
        <v>525358</v>
      </c>
      <c r="CT24" s="114">
        <v>187278</v>
      </c>
      <c r="CU24" s="114">
        <v>0</v>
      </c>
      <c r="CV24" s="113">
        <v>2770208</v>
      </c>
      <c r="CW24" s="116">
        <v>2770208</v>
      </c>
      <c r="CX24" s="110">
        <v>21158</v>
      </c>
      <c r="CY24" s="114">
        <v>78286</v>
      </c>
      <c r="CZ24" s="113">
        <v>99444</v>
      </c>
      <c r="DA24" s="110">
        <v>0</v>
      </c>
      <c r="DB24" s="114">
        <v>532079</v>
      </c>
      <c r="DC24" s="114">
        <v>393413</v>
      </c>
      <c r="DD24" s="114">
        <v>136151</v>
      </c>
      <c r="DE24" s="114">
        <v>173824</v>
      </c>
      <c r="DF24" s="114">
        <v>0</v>
      </c>
      <c r="DG24" s="113">
        <v>1235467</v>
      </c>
      <c r="DH24" s="116">
        <v>1334911</v>
      </c>
      <c r="DI24" s="110">
        <v>0</v>
      </c>
      <c r="DJ24" s="114">
        <v>0</v>
      </c>
      <c r="DK24" s="112">
        <v>0</v>
      </c>
      <c r="DL24" s="111">
        <v>0</v>
      </c>
      <c r="DM24" s="114">
        <v>103199</v>
      </c>
      <c r="DN24" s="114">
        <v>283656</v>
      </c>
      <c r="DO24" s="114">
        <v>70391</v>
      </c>
      <c r="DP24" s="114">
        <v>0</v>
      </c>
      <c r="DQ24" s="114">
        <v>0</v>
      </c>
      <c r="DR24" s="113">
        <v>457246</v>
      </c>
      <c r="DS24" s="116">
        <v>457246</v>
      </c>
      <c r="DT24" s="110">
        <v>0</v>
      </c>
      <c r="DU24" s="114">
        <v>0</v>
      </c>
      <c r="DV24" s="113">
        <v>0</v>
      </c>
      <c r="DW24" s="110">
        <v>0</v>
      </c>
      <c r="DX24" s="114">
        <v>82216</v>
      </c>
      <c r="DY24" s="114">
        <v>283656</v>
      </c>
      <c r="DZ24" s="114">
        <v>70391</v>
      </c>
      <c r="EA24" s="114">
        <v>0</v>
      </c>
      <c r="EB24" s="114">
        <v>0</v>
      </c>
      <c r="EC24" s="113">
        <v>436263</v>
      </c>
      <c r="ED24" s="116">
        <v>436263</v>
      </c>
      <c r="EE24" s="110">
        <v>0</v>
      </c>
      <c r="EF24" s="112">
        <v>0</v>
      </c>
      <c r="EG24" s="113">
        <v>0</v>
      </c>
      <c r="EH24" s="110">
        <v>0</v>
      </c>
      <c r="EI24" s="114">
        <v>20983</v>
      </c>
      <c r="EJ24" s="114">
        <v>0</v>
      </c>
      <c r="EK24" s="114">
        <v>0</v>
      </c>
      <c r="EL24" s="114">
        <v>0</v>
      </c>
      <c r="EM24" s="114">
        <v>0</v>
      </c>
      <c r="EN24" s="112">
        <v>20983</v>
      </c>
      <c r="EO24" s="116">
        <v>20983</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8">
        <v>0</v>
      </c>
      <c r="FE24" s="114">
        <v>0</v>
      </c>
      <c r="FF24" s="114">
        <v>0</v>
      </c>
      <c r="FG24" s="114">
        <v>0</v>
      </c>
      <c r="FH24" s="114">
        <v>0</v>
      </c>
      <c r="FI24" s="114">
        <v>0</v>
      </c>
      <c r="FJ24" s="113">
        <v>0</v>
      </c>
      <c r="FK24" s="116">
        <v>0</v>
      </c>
      <c r="FL24" s="110">
        <v>40080</v>
      </c>
      <c r="FM24" s="114">
        <v>209440</v>
      </c>
      <c r="FN24" s="113">
        <v>249520</v>
      </c>
      <c r="FO24" s="110">
        <v>0</v>
      </c>
      <c r="FP24" s="114">
        <v>196152</v>
      </c>
      <c r="FQ24" s="114">
        <v>309688</v>
      </c>
      <c r="FR24" s="114">
        <v>206096</v>
      </c>
      <c r="FS24" s="114">
        <v>269984</v>
      </c>
      <c r="FT24" s="114">
        <v>248448</v>
      </c>
      <c r="FU24" s="113">
        <v>1230368</v>
      </c>
      <c r="FV24" s="116">
        <v>1479888</v>
      </c>
      <c r="FW24" s="115">
        <v>40080</v>
      </c>
      <c r="FX24" s="114">
        <v>49440</v>
      </c>
      <c r="FY24" s="112">
        <v>89520</v>
      </c>
      <c r="FZ24" s="111">
        <v>0</v>
      </c>
      <c r="GA24" s="114">
        <v>196152</v>
      </c>
      <c r="GB24" s="114">
        <v>309688</v>
      </c>
      <c r="GC24" s="114">
        <v>206096</v>
      </c>
      <c r="GD24" s="114">
        <v>269984</v>
      </c>
      <c r="GE24" s="114">
        <v>248448</v>
      </c>
      <c r="GF24" s="113">
        <v>1230368</v>
      </c>
      <c r="GG24" s="319">
        <v>1319888</v>
      </c>
      <c r="GH24" s="115">
        <v>0</v>
      </c>
      <c r="GI24" s="114">
        <v>0</v>
      </c>
      <c r="GJ24" s="112">
        <v>0</v>
      </c>
      <c r="GK24" s="111">
        <v>0</v>
      </c>
      <c r="GL24" s="114">
        <v>0</v>
      </c>
      <c r="GM24" s="114">
        <v>0</v>
      </c>
      <c r="GN24" s="114">
        <v>0</v>
      </c>
      <c r="GO24" s="114">
        <v>0</v>
      </c>
      <c r="GP24" s="114">
        <v>0</v>
      </c>
      <c r="GQ24" s="113">
        <v>0</v>
      </c>
      <c r="GR24" s="116">
        <v>0</v>
      </c>
      <c r="GS24" s="110">
        <v>0</v>
      </c>
      <c r="GT24" s="114">
        <v>160000</v>
      </c>
      <c r="GU24" s="113">
        <v>160000</v>
      </c>
      <c r="GV24" s="110">
        <v>0</v>
      </c>
      <c r="GW24" s="114">
        <v>0</v>
      </c>
      <c r="GX24" s="114">
        <v>0</v>
      </c>
      <c r="GY24" s="114">
        <v>0</v>
      </c>
      <c r="GZ24" s="114">
        <v>0</v>
      </c>
      <c r="HA24" s="114">
        <v>0</v>
      </c>
      <c r="HB24" s="112">
        <v>0</v>
      </c>
      <c r="HC24" s="116">
        <v>160000</v>
      </c>
      <c r="HD24" s="110">
        <v>0</v>
      </c>
      <c r="HE24" s="114">
        <v>184613</v>
      </c>
      <c r="HF24" s="112">
        <v>184613</v>
      </c>
      <c r="HG24" s="111">
        <v>0</v>
      </c>
      <c r="HH24" s="114">
        <v>1257772</v>
      </c>
      <c r="HI24" s="114">
        <v>827595</v>
      </c>
      <c r="HJ24" s="114">
        <v>395242</v>
      </c>
      <c r="HK24" s="114">
        <v>651133</v>
      </c>
      <c r="HL24" s="114">
        <v>0</v>
      </c>
      <c r="HM24" s="113">
        <v>3131742</v>
      </c>
      <c r="HN24" s="109">
        <v>3316355</v>
      </c>
      <c r="HO24" s="329"/>
      <c r="HP24" s="330"/>
      <c r="HQ24" s="331"/>
      <c r="HR24" s="332"/>
      <c r="HS24" s="330"/>
      <c r="HT24" s="330"/>
      <c r="HU24" s="330"/>
      <c r="HV24" s="330"/>
      <c r="HW24" s="330"/>
      <c r="HX24" s="333"/>
      <c r="HY24" s="334"/>
      <c r="HZ24" s="150">
        <v>0</v>
      </c>
      <c r="IA24" s="135">
        <v>0</v>
      </c>
      <c r="IB24" s="150">
        <v>0</v>
      </c>
      <c r="IC24" s="134">
        <v>0</v>
      </c>
      <c r="ID24" s="135">
        <v>1008304</v>
      </c>
      <c r="IE24" s="136">
        <v>1046492</v>
      </c>
      <c r="IF24" s="137">
        <v>521588</v>
      </c>
      <c r="IG24" s="135">
        <v>700746</v>
      </c>
      <c r="IH24" s="137">
        <v>887041</v>
      </c>
      <c r="II24" s="138">
        <v>4164171</v>
      </c>
      <c r="IJ24" s="150">
        <v>4164171</v>
      </c>
      <c r="IK24" s="232">
        <v>0</v>
      </c>
      <c r="IL24" s="236">
        <v>0</v>
      </c>
      <c r="IM24" s="237">
        <v>0</v>
      </c>
      <c r="IN24" s="140"/>
      <c r="IO24" s="119">
        <v>52489</v>
      </c>
      <c r="IP24" s="119">
        <v>0</v>
      </c>
      <c r="IQ24" s="119">
        <v>0</v>
      </c>
      <c r="IR24" s="119">
        <v>0</v>
      </c>
      <c r="IS24" s="119">
        <v>0</v>
      </c>
      <c r="IT24" s="141">
        <v>52489</v>
      </c>
      <c r="IU24" s="321">
        <v>52489</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215860</v>
      </c>
      <c r="JL24" s="119">
        <v>172271</v>
      </c>
      <c r="JM24" s="119">
        <v>30998</v>
      </c>
      <c r="JN24" s="119">
        <v>203070</v>
      </c>
      <c r="JO24" s="119">
        <v>0</v>
      </c>
      <c r="JP24" s="120">
        <v>622199</v>
      </c>
      <c r="JQ24" s="321">
        <v>622199</v>
      </c>
      <c r="JR24" s="142">
        <v>0</v>
      </c>
      <c r="JS24" s="119">
        <v>0</v>
      </c>
      <c r="JT24" s="141">
        <v>0</v>
      </c>
      <c r="JU24" s="118">
        <v>0</v>
      </c>
      <c r="JV24" s="119">
        <v>0</v>
      </c>
      <c r="JW24" s="119">
        <v>253163</v>
      </c>
      <c r="JX24" s="119">
        <v>0</v>
      </c>
      <c r="JY24" s="119">
        <v>0</v>
      </c>
      <c r="JZ24" s="119">
        <v>0</v>
      </c>
      <c r="KA24" s="120">
        <v>253163</v>
      </c>
      <c r="KB24" s="321">
        <v>253163</v>
      </c>
      <c r="KC24" s="234">
        <v>0</v>
      </c>
      <c r="KD24" s="230">
        <v>0</v>
      </c>
      <c r="KE24" s="120">
        <v>0</v>
      </c>
      <c r="KF24" s="118">
        <v>0</v>
      </c>
      <c r="KG24" s="119">
        <v>266112</v>
      </c>
      <c r="KH24" s="119">
        <v>377925</v>
      </c>
      <c r="KI24" s="119">
        <v>203741</v>
      </c>
      <c r="KJ24" s="119">
        <v>0</v>
      </c>
      <c r="KK24" s="119">
        <v>528376</v>
      </c>
      <c r="KL24" s="120">
        <v>1376154</v>
      </c>
      <c r="KM24" s="143">
        <v>1376154</v>
      </c>
      <c r="KN24" s="232">
        <v>0</v>
      </c>
      <c r="KO24" s="236">
        <v>0</v>
      </c>
      <c r="KP24" s="237">
        <v>0</v>
      </c>
      <c r="KQ24" s="140"/>
      <c r="KR24" s="119">
        <v>473843</v>
      </c>
      <c r="KS24" s="119">
        <v>243133</v>
      </c>
      <c r="KT24" s="119">
        <v>0</v>
      </c>
      <c r="KU24" s="119">
        <v>183084</v>
      </c>
      <c r="KV24" s="119">
        <v>0</v>
      </c>
      <c r="KW24" s="120">
        <v>900060</v>
      </c>
      <c r="KX24" s="321">
        <v>900060</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1">
        <v>0</v>
      </c>
      <c r="LU24" s="142">
        <v>0</v>
      </c>
      <c r="LV24" s="119">
        <v>0</v>
      </c>
      <c r="LW24" s="120">
        <v>0</v>
      </c>
      <c r="LX24" s="145"/>
      <c r="LY24" s="119">
        <v>0</v>
      </c>
      <c r="LZ24" s="119">
        <v>0</v>
      </c>
      <c r="MA24" s="119">
        <v>286849</v>
      </c>
      <c r="MB24" s="119">
        <v>314592</v>
      </c>
      <c r="MC24" s="119">
        <v>358665</v>
      </c>
      <c r="MD24" s="120">
        <v>960106</v>
      </c>
      <c r="ME24" s="121">
        <v>960106</v>
      </c>
      <c r="MF24" s="142">
        <v>0</v>
      </c>
      <c r="MG24" s="119">
        <v>0</v>
      </c>
      <c r="MH24" s="120">
        <v>0</v>
      </c>
      <c r="MI24" s="145"/>
      <c r="MJ24" s="119">
        <v>850485</v>
      </c>
      <c r="MK24" s="119">
        <v>252664</v>
      </c>
      <c r="ML24" s="119">
        <v>1801910</v>
      </c>
      <c r="MM24" s="119">
        <v>1924473</v>
      </c>
      <c r="MN24" s="119">
        <v>838420</v>
      </c>
      <c r="MO24" s="120">
        <v>5667952</v>
      </c>
      <c r="MP24" s="143">
        <v>5667952</v>
      </c>
      <c r="MQ24" s="142">
        <v>0</v>
      </c>
      <c r="MR24" s="119">
        <v>0</v>
      </c>
      <c r="MS24" s="120">
        <v>0</v>
      </c>
      <c r="MT24" s="145"/>
      <c r="MU24" s="119">
        <v>0</v>
      </c>
      <c r="MV24" s="119">
        <v>0</v>
      </c>
      <c r="MW24" s="119">
        <v>956849</v>
      </c>
      <c r="MX24" s="119">
        <v>1033861</v>
      </c>
      <c r="MY24" s="119">
        <v>838420</v>
      </c>
      <c r="MZ24" s="120">
        <v>2829130</v>
      </c>
      <c r="NA24" s="143">
        <v>2829130</v>
      </c>
      <c r="NB24" s="142">
        <v>0</v>
      </c>
      <c r="NC24" s="119">
        <v>0</v>
      </c>
      <c r="ND24" s="120">
        <v>0</v>
      </c>
      <c r="NE24" s="145"/>
      <c r="NF24" s="119">
        <v>850485</v>
      </c>
      <c r="NG24" s="119">
        <v>252664</v>
      </c>
      <c r="NH24" s="119">
        <v>845061</v>
      </c>
      <c r="NI24" s="119">
        <v>890612</v>
      </c>
      <c r="NJ24" s="119">
        <v>0</v>
      </c>
      <c r="NK24" s="120">
        <v>2838822</v>
      </c>
      <c r="NL24" s="321">
        <v>2838822</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103299</v>
      </c>
      <c r="OJ24" s="119">
        <v>486083</v>
      </c>
      <c r="OK24" s="141">
        <v>589382</v>
      </c>
      <c r="OL24" s="118">
        <v>0</v>
      </c>
      <c r="OM24" s="119">
        <v>6126919</v>
      </c>
      <c r="ON24" s="119">
        <v>5329214</v>
      </c>
      <c r="OO24" s="119">
        <v>4695667</v>
      </c>
      <c r="OP24" s="119">
        <v>5652622</v>
      </c>
      <c r="OQ24" s="119">
        <v>2749171</v>
      </c>
      <c r="OR24" s="120">
        <v>24553593</v>
      </c>
      <c r="OS24" s="143">
        <v>25142975</v>
      </c>
    </row>
    <row r="25" spans="2:409" ht="20.25" customHeight="1" x14ac:dyDescent="0.2">
      <c r="B25" s="126" t="s">
        <v>20</v>
      </c>
      <c r="C25" s="110">
        <v>637902</v>
      </c>
      <c r="D25" s="114">
        <v>862391</v>
      </c>
      <c r="E25" s="113">
        <v>1500293</v>
      </c>
      <c r="F25" s="110">
        <v>0</v>
      </c>
      <c r="G25" s="114">
        <v>5236960</v>
      </c>
      <c r="H25" s="114">
        <v>6418750</v>
      </c>
      <c r="I25" s="114">
        <v>5642571</v>
      </c>
      <c r="J25" s="114">
        <v>5989278</v>
      </c>
      <c r="K25" s="114">
        <v>1160718</v>
      </c>
      <c r="L25" s="173">
        <v>24448277</v>
      </c>
      <c r="M25" s="116">
        <v>25948570</v>
      </c>
      <c r="N25" s="110">
        <v>101367</v>
      </c>
      <c r="O25" s="114">
        <v>230575</v>
      </c>
      <c r="P25" s="113">
        <v>331942</v>
      </c>
      <c r="Q25" s="110">
        <v>0</v>
      </c>
      <c r="R25" s="114">
        <v>2047795</v>
      </c>
      <c r="S25" s="114">
        <v>1992501</v>
      </c>
      <c r="T25" s="114">
        <v>1503222</v>
      </c>
      <c r="U25" s="114">
        <v>1578263</v>
      </c>
      <c r="V25" s="114">
        <v>586143</v>
      </c>
      <c r="W25" s="113">
        <v>7707924</v>
      </c>
      <c r="X25" s="116">
        <v>8039866</v>
      </c>
      <c r="Y25" s="110">
        <v>0</v>
      </c>
      <c r="Z25" s="114">
        <v>0</v>
      </c>
      <c r="AA25" s="113">
        <v>0</v>
      </c>
      <c r="AB25" s="110">
        <v>0</v>
      </c>
      <c r="AC25" s="114">
        <v>833510</v>
      </c>
      <c r="AD25" s="114">
        <v>798837</v>
      </c>
      <c r="AE25" s="114">
        <v>500995</v>
      </c>
      <c r="AF25" s="114">
        <v>803731</v>
      </c>
      <c r="AG25" s="114">
        <v>242755</v>
      </c>
      <c r="AH25" s="113">
        <v>3179828</v>
      </c>
      <c r="AI25" s="116">
        <v>3179828</v>
      </c>
      <c r="AJ25" s="110">
        <v>0</v>
      </c>
      <c r="AK25" s="114">
        <v>0</v>
      </c>
      <c r="AL25" s="113">
        <v>0</v>
      </c>
      <c r="AM25" s="110">
        <v>0</v>
      </c>
      <c r="AN25" s="114">
        <v>0</v>
      </c>
      <c r="AO25" s="114">
        <v>46897</v>
      </c>
      <c r="AP25" s="114">
        <v>62349</v>
      </c>
      <c r="AQ25" s="114">
        <v>70726</v>
      </c>
      <c r="AR25" s="114">
        <v>152417</v>
      </c>
      <c r="AS25" s="113">
        <v>332389</v>
      </c>
      <c r="AT25" s="116">
        <v>332389</v>
      </c>
      <c r="AU25" s="110">
        <v>40515</v>
      </c>
      <c r="AV25" s="114">
        <v>105467</v>
      </c>
      <c r="AW25" s="113">
        <v>145982</v>
      </c>
      <c r="AX25" s="110">
        <v>0</v>
      </c>
      <c r="AY25" s="114">
        <v>829258</v>
      </c>
      <c r="AZ25" s="114">
        <v>663987</v>
      </c>
      <c r="BA25" s="114">
        <v>466348</v>
      </c>
      <c r="BB25" s="114">
        <v>385246</v>
      </c>
      <c r="BC25" s="114">
        <v>138763</v>
      </c>
      <c r="BD25" s="113">
        <v>2483602</v>
      </c>
      <c r="BE25" s="116">
        <v>2629584</v>
      </c>
      <c r="BF25" s="110">
        <v>33052</v>
      </c>
      <c r="BG25" s="114">
        <v>34724</v>
      </c>
      <c r="BH25" s="112">
        <v>67776</v>
      </c>
      <c r="BI25" s="111">
        <v>0</v>
      </c>
      <c r="BJ25" s="114">
        <v>146363</v>
      </c>
      <c r="BK25" s="114">
        <v>102300</v>
      </c>
      <c r="BL25" s="114">
        <v>149410</v>
      </c>
      <c r="BM25" s="114">
        <v>37736</v>
      </c>
      <c r="BN25" s="114">
        <v>0</v>
      </c>
      <c r="BO25" s="113">
        <v>435809</v>
      </c>
      <c r="BP25" s="116">
        <v>503585</v>
      </c>
      <c r="BQ25" s="110">
        <v>27800</v>
      </c>
      <c r="BR25" s="114">
        <v>90384</v>
      </c>
      <c r="BS25" s="113">
        <v>118184</v>
      </c>
      <c r="BT25" s="110">
        <v>0</v>
      </c>
      <c r="BU25" s="114">
        <v>238664</v>
      </c>
      <c r="BV25" s="114">
        <v>380480</v>
      </c>
      <c r="BW25" s="114">
        <v>324120</v>
      </c>
      <c r="BX25" s="114">
        <v>280824</v>
      </c>
      <c r="BY25" s="114">
        <v>52208</v>
      </c>
      <c r="BZ25" s="113">
        <v>1276296</v>
      </c>
      <c r="CA25" s="116">
        <v>1394480</v>
      </c>
      <c r="CB25" s="110">
        <v>87007</v>
      </c>
      <c r="CC25" s="114">
        <v>71594</v>
      </c>
      <c r="CD25" s="113">
        <v>158601</v>
      </c>
      <c r="CE25" s="110">
        <v>0</v>
      </c>
      <c r="CF25" s="114">
        <v>1776604</v>
      </c>
      <c r="CG25" s="114">
        <v>1708965</v>
      </c>
      <c r="CH25" s="114">
        <v>1375724</v>
      </c>
      <c r="CI25" s="114">
        <v>1084869</v>
      </c>
      <c r="CJ25" s="114">
        <v>36371</v>
      </c>
      <c r="CK25" s="113">
        <v>5982533</v>
      </c>
      <c r="CL25" s="116">
        <v>6141134</v>
      </c>
      <c r="CM25" s="110">
        <v>0</v>
      </c>
      <c r="CN25" s="114">
        <v>0</v>
      </c>
      <c r="CO25" s="113">
        <v>0</v>
      </c>
      <c r="CP25" s="111">
        <v>0</v>
      </c>
      <c r="CQ25" s="114">
        <v>1232956</v>
      </c>
      <c r="CR25" s="114">
        <v>1150596</v>
      </c>
      <c r="CS25" s="114">
        <v>984935</v>
      </c>
      <c r="CT25" s="114">
        <v>477597</v>
      </c>
      <c r="CU25" s="114">
        <v>0</v>
      </c>
      <c r="CV25" s="113">
        <v>3846084</v>
      </c>
      <c r="CW25" s="116">
        <v>3846084</v>
      </c>
      <c r="CX25" s="110">
        <v>87007</v>
      </c>
      <c r="CY25" s="114">
        <v>71594</v>
      </c>
      <c r="CZ25" s="113">
        <v>158601</v>
      </c>
      <c r="DA25" s="110">
        <v>0</v>
      </c>
      <c r="DB25" s="114">
        <v>543648</v>
      </c>
      <c r="DC25" s="114">
        <v>558369</v>
      </c>
      <c r="DD25" s="114">
        <v>390789</v>
      </c>
      <c r="DE25" s="114">
        <v>607272</v>
      </c>
      <c r="DF25" s="114">
        <v>36371</v>
      </c>
      <c r="DG25" s="113">
        <v>2136449</v>
      </c>
      <c r="DH25" s="116">
        <v>2295050</v>
      </c>
      <c r="DI25" s="110">
        <v>41448</v>
      </c>
      <c r="DJ25" s="114">
        <v>22880</v>
      </c>
      <c r="DK25" s="112">
        <v>64328</v>
      </c>
      <c r="DL25" s="111">
        <v>0</v>
      </c>
      <c r="DM25" s="114">
        <v>120378</v>
      </c>
      <c r="DN25" s="114">
        <v>56012</v>
      </c>
      <c r="DO25" s="114">
        <v>1177836</v>
      </c>
      <c r="DP25" s="114">
        <v>1521795</v>
      </c>
      <c r="DQ25" s="114">
        <v>0</v>
      </c>
      <c r="DR25" s="113">
        <v>2876021</v>
      </c>
      <c r="DS25" s="116">
        <v>2940349</v>
      </c>
      <c r="DT25" s="110">
        <v>41448</v>
      </c>
      <c r="DU25" s="114">
        <v>22880</v>
      </c>
      <c r="DV25" s="113">
        <v>64328</v>
      </c>
      <c r="DW25" s="110">
        <v>0</v>
      </c>
      <c r="DX25" s="114">
        <v>120378</v>
      </c>
      <c r="DY25" s="114">
        <v>37260</v>
      </c>
      <c r="DZ25" s="114">
        <v>1093181</v>
      </c>
      <c r="EA25" s="114">
        <v>1357011</v>
      </c>
      <c r="EB25" s="114">
        <v>0</v>
      </c>
      <c r="EC25" s="113">
        <v>2607830</v>
      </c>
      <c r="ED25" s="116">
        <v>2672158</v>
      </c>
      <c r="EE25" s="110">
        <v>0</v>
      </c>
      <c r="EF25" s="112">
        <v>0</v>
      </c>
      <c r="EG25" s="113">
        <v>0</v>
      </c>
      <c r="EH25" s="110">
        <v>0</v>
      </c>
      <c r="EI25" s="114">
        <v>0</v>
      </c>
      <c r="EJ25" s="114">
        <v>18752</v>
      </c>
      <c r="EK25" s="114">
        <v>84655</v>
      </c>
      <c r="EL25" s="114">
        <v>164784</v>
      </c>
      <c r="EM25" s="114">
        <v>0</v>
      </c>
      <c r="EN25" s="112">
        <v>268191</v>
      </c>
      <c r="EO25" s="116">
        <v>268191</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8">
        <v>0</v>
      </c>
      <c r="FE25" s="114">
        <v>0</v>
      </c>
      <c r="FF25" s="114">
        <v>0</v>
      </c>
      <c r="FG25" s="114">
        <v>0</v>
      </c>
      <c r="FH25" s="114">
        <v>0</v>
      </c>
      <c r="FI25" s="114">
        <v>0</v>
      </c>
      <c r="FJ25" s="113">
        <v>0</v>
      </c>
      <c r="FK25" s="116">
        <v>0</v>
      </c>
      <c r="FL25" s="110">
        <v>302712</v>
      </c>
      <c r="FM25" s="114">
        <v>222456</v>
      </c>
      <c r="FN25" s="113">
        <v>525168</v>
      </c>
      <c r="FO25" s="110">
        <v>0</v>
      </c>
      <c r="FP25" s="114">
        <v>503792</v>
      </c>
      <c r="FQ25" s="114">
        <v>536384</v>
      </c>
      <c r="FR25" s="114">
        <v>392277</v>
      </c>
      <c r="FS25" s="114">
        <v>342224</v>
      </c>
      <c r="FT25" s="114">
        <v>62320</v>
      </c>
      <c r="FU25" s="113">
        <v>1836997</v>
      </c>
      <c r="FV25" s="116">
        <v>2362165</v>
      </c>
      <c r="FW25" s="115">
        <v>62152</v>
      </c>
      <c r="FX25" s="114">
        <v>122456</v>
      </c>
      <c r="FY25" s="112">
        <v>184608</v>
      </c>
      <c r="FZ25" s="111">
        <v>0</v>
      </c>
      <c r="GA25" s="114">
        <v>388512</v>
      </c>
      <c r="GB25" s="114">
        <v>442144</v>
      </c>
      <c r="GC25" s="114">
        <v>335808</v>
      </c>
      <c r="GD25" s="114">
        <v>342224</v>
      </c>
      <c r="GE25" s="114">
        <v>62320</v>
      </c>
      <c r="GF25" s="113">
        <v>1571008</v>
      </c>
      <c r="GG25" s="319">
        <v>1755616</v>
      </c>
      <c r="GH25" s="115">
        <v>9840</v>
      </c>
      <c r="GI25" s="114">
        <v>0</v>
      </c>
      <c r="GJ25" s="112">
        <v>9840</v>
      </c>
      <c r="GK25" s="111">
        <v>0</v>
      </c>
      <c r="GL25" s="114">
        <v>0</v>
      </c>
      <c r="GM25" s="114">
        <v>35040</v>
      </c>
      <c r="GN25" s="114">
        <v>0</v>
      </c>
      <c r="GO25" s="114">
        <v>0</v>
      </c>
      <c r="GP25" s="114">
        <v>0</v>
      </c>
      <c r="GQ25" s="113">
        <v>35040</v>
      </c>
      <c r="GR25" s="116">
        <v>44880</v>
      </c>
      <c r="GS25" s="110">
        <v>230720</v>
      </c>
      <c r="GT25" s="114">
        <v>100000</v>
      </c>
      <c r="GU25" s="113">
        <v>330720</v>
      </c>
      <c r="GV25" s="110">
        <v>0</v>
      </c>
      <c r="GW25" s="114">
        <v>115280</v>
      </c>
      <c r="GX25" s="114">
        <v>59200</v>
      </c>
      <c r="GY25" s="114">
        <v>56469</v>
      </c>
      <c r="GZ25" s="114">
        <v>0</v>
      </c>
      <c r="HA25" s="114">
        <v>0</v>
      </c>
      <c r="HB25" s="112">
        <v>230949</v>
      </c>
      <c r="HC25" s="116">
        <v>561669</v>
      </c>
      <c r="HD25" s="110">
        <v>105368</v>
      </c>
      <c r="HE25" s="114">
        <v>314886</v>
      </c>
      <c r="HF25" s="112">
        <v>420254</v>
      </c>
      <c r="HG25" s="111">
        <v>0</v>
      </c>
      <c r="HH25" s="114">
        <v>788391</v>
      </c>
      <c r="HI25" s="114">
        <v>2124888</v>
      </c>
      <c r="HJ25" s="114">
        <v>1193512</v>
      </c>
      <c r="HK25" s="114">
        <v>1462127</v>
      </c>
      <c r="HL25" s="114">
        <v>475884</v>
      </c>
      <c r="HM25" s="113">
        <v>6044802</v>
      </c>
      <c r="HN25" s="109">
        <v>6465056</v>
      </c>
      <c r="HO25" s="329"/>
      <c r="HP25" s="330"/>
      <c r="HQ25" s="331"/>
      <c r="HR25" s="332"/>
      <c r="HS25" s="330"/>
      <c r="HT25" s="330"/>
      <c r="HU25" s="330"/>
      <c r="HV25" s="330"/>
      <c r="HW25" s="330"/>
      <c r="HX25" s="333"/>
      <c r="HY25" s="334"/>
      <c r="HZ25" s="131">
        <v>0</v>
      </c>
      <c r="IA25" s="132">
        <v>0</v>
      </c>
      <c r="IB25" s="133">
        <v>0</v>
      </c>
      <c r="IC25" s="146">
        <v>0</v>
      </c>
      <c r="ID25" s="132">
        <v>839143</v>
      </c>
      <c r="IE25" s="147">
        <v>659609</v>
      </c>
      <c r="IF25" s="133">
        <v>713047</v>
      </c>
      <c r="IG25" s="132">
        <v>1639596</v>
      </c>
      <c r="IH25" s="133">
        <v>0</v>
      </c>
      <c r="II25" s="148">
        <v>3851395</v>
      </c>
      <c r="IJ25" s="139">
        <v>3851395</v>
      </c>
      <c r="IK25" s="232">
        <v>0</v>
      </c>
      <c r="IL25" s="236">
        <v>0</v>
      </c>
      <c r="IM25" s="237">
        <v>0</v>
      </c>
      <c r="IN25" s="140"/>
      <c r="IO25" s="119">
        <v>0</v>
      </c>
      <c r="IP25" s="119">
        <v>0</v>
      </c>
      <c r="IQ25" s="119">
        <v>0</v>
      </c>
      <c r="IR25" s="119">
        <v>0</v>
      </c>
      <c r="IS25" s="119">
        <v>0</v>
      </c>
      <c r="IT25" s="141">
        <v>0</v>
      </c>
      <c r="IU25" s="321">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483236</v>
      </c>
      <c r="JL25" s="119">
        <v>407282</v>
      </c>
      <c r="JM25" s="119">
        <v>297973</v>
      </c>
      <c r="JN25" s="119">
        <v>288011</v>
      </c>
      <c r="JO25" s="119">
        <v>0</v>
      </c>
      <c r="JP25" s="120">
        <v>1476502</v>
      </c>
      <c r="JQ25" s="321">
        <v>1476502</v>
      </c>
      <c r="JR25" s="142">
        <v>0</v>
      </c>
      <c r="JS25" s="119">
        <v>0</v>
      </c>
      <c r="JT25" s="141">
        <v>0</v>
      </c>
      <c r="JU25" s="118">
        <v>0</v>
      </c>
      <c r="JV25" s="119">
        <v>0</v>
      </c>
      <c r="JW25" s="119">
        <v>0</v>
      </c>
      <c r="JX25" s="119">
        <v>155294</v>
      </c>
      <c r="JY25" s="119">
        <v>84222</v>
      </c>
      <c r="JZ25" s="119">
        <v>0</v>
      </c>
      <c r="KA25" s="120">
        <v>239516</v>
      </c>
      <c r="KB25" s="321">
        <v>239516</v>
      </c>
      <c r="KC25" s="234">
        <v>0</v>
      </c>
      <c r="KD25" s="230">
        <v>0</v>
      </c>
      <c r="KE25" s="120">
        <v>0</v>
      </c>
      <c r="KF25" s="118">
        <v>0</v>
      </c>
      <c r="KG25" s="119">
        <v>114027</v>
      </c>
      <c r="KH25" s="119">
        <v>0</v>
      </c>
      <c r="KI25" s="119">
        <v>0</v>
      </c>
      <c r="KJ25" s="119">
        <v>0</v>
      </c>
      <c r="KK25" s="119">
        <v>0</v>
      </c>
      <c r="KL25" s="120">
        <v>114027</v>
      </c>
      <c r="KM25" s="143">
        <v>114027</v>
      </c>
      <c r="KN25" s="232">
        <v>0</v>
      </c>
      <c r="KO25" s="236">
        <v>0</v>
      </c>
      <c r="KP25" s="237">
        <v>0</v>
      </c>
      <c r="KQ25" s="140"/>
      <c r="KR25" s="119">
        <v>241880</v>
      </c>
      <c r="KS25" s="119">
        <v>252327</v>
      </c>
      <c r="KT25" s="119">
        <v>259780</v>
      </c>
      <c r="KU25" s="119">
        <v>1267363</v>
      </c>
      <c r="KV25" s="119">
        <v>0</v>
      </c>
      <c r="KW25" s="120">
        <v>2021350</v>
      </c>
      <c r="KX25" s="321">
        <v>2021350</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1">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229965</v>
      </c>
      <c r="MK25" s="119">
        <v>476763</v>
      </c>
      <c r="ML25" s="119">
        <v>2923489</v>
      </c>
      <c r="MM25" s="119">
        <v>2219167</v>
      </c>
      <c r="MN25" s="119">
        <v>2413980</v>
      </c>
      <c r="MO25" s="120">
        <v>8263364</v>
      </c>
      <c r="MP25" s="143">
        <v>8263364</v>
      </c>
      <c r="MQ25" s="142">
        <v>0</v>
      </c>
      <c r="MR25" s="119">
        <v>0</v>
      </c>
      <c r="MS25" s="120">
        <v>0</v>
      </c>
      <c r="MT25" s="145"/>
      <c r="MU25" s="119">
        <v>0</v>
      </c>
      <c r="MV25" s="119">
        <v>0</v>
      </c>
      <c r="MW25" s="119">
        <v>1191385</v>
      </c>
      <c r="MX25" s="119">
        <v>1917463</v>
      </c>
      <c r="MY25" s="119">
        <v>1404961</v>
      </c>
      <c r="MZ25" s="120">
        <v>4513809</v>
      </c>
      <c r="NA25" s="143">
        <v>4513809</v>
      </c>
      <c r="NB25" s="142">
        <v>0</v>
      </c>
      <c r="NC25" s="119">
        <v>0</v>
      </c>
      <c r="ND25" s="120">
        <v>0</v>
      </c>
      <c r="NE25" s="145"/>
      <c r="NF25" s="119">
        <v>229965</v>
      </c>
      <c r="NG25" s="119">
        <v>476763</v>
      </c>
      <c r="NH25" s="119">
        <v>1732104</v>
      </c>
      <c r="NI25" s="119">
        <v>301704</v>
      </c>
      <c r="NJ25" s="119">
        <v>273463</v>
      </c>
      <c r="NK25" s="120">
        <v>3013999</v>
      </c>
      <c r="NL25" s="321">
        <v>3013999</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735556</v>
      </c>
      <c r="OG25" s="120">
        <v>735556</v>
      </c>
      <c r="OH25" s="121">
        <v>735556</v>
      </c>
      <c r="OI25" s="142">
        <v>637902</v>
      </c>
      <c r="OJ25" s="119">
        <v>862391</v>
      </c>
      <c r="OK25" s="141">
        <v>1500293</v>
      </c>
      <c r="OL25" s="118">
        <v>0</v>
      </c>
      <c r="OM25" s="119">
        <v>6306068</v>
      </c>
      <c r="ON25" s="119">
        <v>7555122</v>
      </c>
      <c r="OO25" s="119">
        <v>9279107</v>
      </c>
      <c r="OP25" s="119">
        <v>9848041</v>
      </c>
      <c r="OQ25" s="119">
        <v>3574698</v>
      </c>
      <c r="OR25" s="120">
        <v>36563036</v>
      </c>
      <c r="OS25" s="143">
        <v>38063329</v>
      </c>
    </row>
    <row r="26" spans="2:409" ht="20.25" customHeight="1" x14ac:dyDescent="0.2">
      <c r="B26" s="126" t="s">
        <v>21</v>
      </c>
      <c r="C26" s="110">
        <v>271416</v>
      </c>
      <c r="D26" s="114">
        <v>410224</v>
      </c>
      <c r="E26" s="113">
        <v>681640</v>
      </c>
      <c r="F26" s="109">
        <v>0</v>
      </c>
      <c r="G26" s="114">
        <v>4350441</v>
      </c>
      <c r="H26" s="114">
        <v>4710242</v>
      </c>
      <c r="I26" s="114">
        <v>4986052</v>
      </c>
      <c r="J26" s="114">
        <v>3367944</v>
      </c>
      <c r="K26" s="114">
        <v>3919576</v>
      </c>
      <c r="L26" s="173">
        <v>21334255</v>
      </c>
      <c r="M26" s="116">
        <v>22015895</v>
      </c>
      <c r="N26" s="110">
        <v>139815</v>
      </c>
      <c r="O26" s="114">
        <v>202978</v>
      </c>
      <c r="P26" s="113">
        <v>342793</v>
      </c>
      <c r="Q26" s="110">
        <v>0</v>
      </c>
      <c r="R26" s="114">
        <v>1149213</v>
      </c>
      <c r="S26" s="114">
        <v>1390109</v>
      </c>
      <c r="T26" s="114">
        <v>912111</v>
      </c>
      <c r="U26" s="114">
        <v>2150663</v>
      </c>
      <c r="V26" s="114">
        <v>2468747</v>
      </c>
      <c r="W26" s="113">
        <v>8070843</v>
      </c>
      <c r="X26" s="116">
        <v>8413636</v>
      </c>
      <c r="Y26" s="110">
        <v>0</v>
      </c>
      <c r="Z26" s="114">
        <v>0</v>
      </c>
      <c r="AA26" s="113">
        <v>0</v>
      </c>
      <c r="AB26" s="110">
        <v>0</v>
      </c>
      <c r="AC26" s="114">
        <v>408232</v>
      </c>
      <c r="AD26" s="114">
        <v>343033</v>
      </c>
      <c r="AE26" s="114">
        <v>402085</v>
      </c>
      <c r="AF26" s="114">
        <v>1195127</v>
      </c>
      <c r="AG26" s="114">
        <v>1670126</v>
      </c>
      <c r="AH26" s="113">
        <v>4018603</v>
      </c>
      <c r="AI26" s="116">
        <v>4018603</v>
      </c>
      <c r="AJ26" s="110">
        <v>0</v>
      </c>
      <c r="AK26" s="114">
        <v>0</v>
      </c>
      <c r="AL26" s="113">
        <v>0</v>
      </c>
      <c r="AM26" s="110">
        <v>0</v>
      </c>
      <c r="AN26" s="114">
        <v>0</v>
      </c>
      <c r="AO26" s="114">
        <v>0</v>
      </c>
      <c r="AP26" s="114">
        <v>46292</v>
      </c>
      <c r="AQ26" s="114">
        <v>49703</v>
      </c>
      <c r="AR26" s="114">
        <v>263366</v>
      </c>
      <c r="AS26" s="113">
        <v>359361</v>
      </c>
      <c r="AT26" s="116">
        <v>359361</v>
      </c>
      <c r="AU26" s="110">
        <v>77911</v>
      </c>
      <c r="AV26" s="114">
        <v>170548</v>
      </c>
      <c r="AW26" s="113">
        <v>248459</v>
      </c>
      <c r="AX26" s="110">
        <v>0</v>
      </c>
      <c r="AY26" s="114">
        <v>482422</v>
      </c>
      <c r="AZ26" s="114">
        <v>696401</v>
      </c>
      <c r="BA26" s="114">
        <v>297286</v>
      </c>
      <c r="BB26" s="114">
        <v>705953</v>
      </c>
      <c r="BC26" s="114">
        <v>376479</v>
      </c>
      <c r="BD26" s="113">
        <v>2558541</v>
      </c>
      <c r="BE26" s="116">
        <v>2807000</v>
      </c>
      <c r="BF26" s="110">
        <v>0</v>
      </c>
      <c r="BG26" s="114">
        <v>25910</v>
      </c>
      <c r="BH26" s="112">
        <v>25910</v>
      </c>
      <c r="BI26" s="111">
        <v>0</v>
      </c>
      <c r="BJ26" s="114">
        <v>43415</v>
      </c>
      <c r="BK26" s="114">
        <v>115179</v>
      </c>
      <c r="BL26" s="114">
        <v>0</v>
      </c>
      <c r="BM26" s="114">
        <v>0</v>
      </c>
      <c r="BN26" s="114">
        <v>0</v>
      </c>
      <c r="BO26" s="113">
        <v>158594</v>
      </c>
      <c r="BP26" s="116">
        <v>184504</v>
      </c>
      <c r="BQ26" s="110">
        <v>61904</v>
      </c>
      <c r="BR26" s="114">
        <v>6520</v>
      </c>
      <c r="BS26" s="113">
        <v>68424</v>
      </c>
      <c r="BT26" s="110">
        <v>0</v>
      </c>
      <c r="BU26" s="114">
        <v>215144</v>
      </c>
      <c r="BV26" s="114">
        <v>235496</v>
      </c>
      <c r="BW26" s="114">
        <v>166448</v>
      </c>
      <c r="BX26" s="114">
        <v>199880</v>
      </c>
      <c r="BY26" s="114">
        <v>158776</v>
      </c>
      <c r="BZ26" s="113">
        <v>975744</v>
      </c>
      <c r="CA26" s="116">
        <v>1044168</v>
      </c>
      <c r="CB26" s="110">
        <v>0</v>
      </c>
      <c r="CC26" s="114">
        <v>75173</v>
      </c>
      <c r="CD26" s="113">
        <v>75173</v>
      </c>
      <c r="CE26" s="110">
        <v>0</v>
      </c>
      <c r="CF26" s="114">
        <v>1267943</v>
      </c>
      <c r="CG26" s="114">
        <v>1790628</v>
      </c>
      <c r="CH26" s="114">
        <v>1221307</v>
      </c>
      <c r="CI26" s="114">
        <v>139246</v>
      </c>
      <c r="CJ26" s="114">
        <v>454265</v>
      </c>
      <c r="CK26" s="113">
        <v>4873389</v>
      </c>
      <c r="CL26" s="116">
        <v>4948562</v>
      </c>
      <c r="CM26" s="110">
        <v>0</v>
      </c>
      <c r="CN26" s="114">
        <v>0</v>
      </c>
      <c r="CO26" s="113">
        <v>0</v>
      </c>
      <c r="CP26" s="111">
        <v>0</v>
      </c>
      <c r="CQ26" s="114">
        <v>991098</v>
      </c>
      <c r="CR26" s="114">
        <v>1130354</v>
      </c>
      <c r="CS26" s="114">
        <v>892846</v>
      </c>
      <c r="CT26" s="114">
        <v>110644</v>
      </c>
      <c r="CU26" s="114">
        <v>454265</v>
      </c>
      <c r="CV26" s="113">
        <v>3579207</v>
      </c>
      <c r="CW26" s="116">
        <v>3579207</v>
      </c>
      <c r="CX26" s="110">
        <v>0</v>
      </c>
      <c r="CY26" s="114">
        <v>75173</v>
      </c>
      <c r="CZ26" s="113">
        <v>75173</v>
      </c>
      <c r="DA26" s="110">
        <v>0</v>
      </c>
      <c r="DB26" s="114">
        <v>276845</v>
      </c>
      <c r="DC26" s="114">
        <v>660274</v>
      </c>
      <c r="DD26" s="114">
        <v>328461</v>
      </c>
      <c r="DE26" s="114">
        <v>28602</v>
      </c>
      <c r="DF26" s="114">
        <v>0</v>
      </c>
      <c r="DG26" s="113">
        <v>1294182</v>
      </c>
      <c r="DH26" s="116">
        <v>1369355</v>
      </c>
      <c r="DI26" s="110">
        <v>0</v>
      </c>
      <c r="DJ26" s="114">
        <v>0</v>
      </c>
      <c r="DK26" s="112">
        <v>0</v>
      </c>
      <c r="DL26" s="111">
        <v>0</v>
      </c>
      <c r="DM26" s="114">
        <v>286175</v>
      </c>
      <c r="DN26" s="114">
        <v>99970</v>
      </c>
      <c r="DO26" s="114">
        <v>1726597</v>
      </c>
      <c r="DP26" s="114">
        <v>313847</v>
      </c>
      <c r="DQ26" s="114">
        <v>198886</v>
      </c>
      <c r="DR26" s="113">
        <v>2625475</v>
      </c>
      <c r="DS26" s="116">
        <v>2625475</v>
      </c>
      <c r="DT26" s="110">
        <v>0</v>
      </c>
      <c r="DU26" s="114">
        <v>0</v>
      </c>
      <c r="DV26" s="113">
        <v>0</v>
      </c>
      <c r="DW26" s="110">
        <v>0</v>
      </c>
      <c r="DX26" s="114">
        <v>286175</v>
      </c>
      <c r="DY26" s="114">
        <v>99970</v>
      </c>
      <c r="DZ26" s="114">
        <v>1563862</v>
      </c>
      <c r="EA26" s="114">
        <v>313847</v>
      </c>
      <c r="EB26" s="114">
        <v>198886</v>
      </c>
      <c r="EC26" s="113">
        <v>2462740</v>
      </c>
      <c r="ED26" s="116">
        <v>2462740</v>
      </c>
      <c r="EE26" s="110">
        <v>0</v>
      </c>
      <c r="EF26" s="112">
        <v>0</v>
      </c>
      <c r="EG26" s="113">
        <v>0</v>
      </c>
      <c r="EH26" s="110">
        <v>0</v>
      </c>
      <c r="EI26" s="114">
        <v>0</v>
      </c>
      <c r="EJ26" s="114">
        <v>0</v>
      </c>
      <c r="EK26" s="114">
        <v>162735</v>
      </c>
      <c r="EL26" s="114">
        <v>0</v>
      </c>
      <c r="EM26" s="114">
        <v>0</v>
      </c>
      <c r="EN26" s="112">
        <v>162735</v>
      </c>
      <c r="EO26" s="116">
        <v>162735</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8">
        <v>0</v>
      </c>
      <c r="FE26" s="114">
        <v>0</v>
      </c>
      <c r="FF26" s="114">
        <v>0</v>
      </c>
      <c r="FG26" s="114">
        <v>0</v>
      </c>
      <c r="FH26" s="114">
        <v>0</v>
      </c>
      <c r="FI26" s="114">
        <v>0</v>
      </c>
      <c r="FJ26" s="113">
        <v>0</v>
      </c>
      <c r="FK26" s="116">
        <v>0</v>
      </c>
      <c r="FL26" s="110">
        <v>14592</v>
      </c>
      <c r="FM26" s="114">
        <v>41552</v>
      </c>
      <c r="FN26" s="113">
        <v>56144</v>
      </c>
      <c r="FO26" s="110">
        <v>0</v>
      </c>
      <c r="FP26" s="114">
        <v>321768</v>
      </c>
      <c r="FQ26" s="114">
        <v>447960</v>
      </c>
      <c r="FR26" s="114">
        <v>310368</v>
      </c>
      <c r="FS26" s="114">
        <v>437472</v>
      </c>
      <c r="FT26" s="114">
        <v>163616</v>
      </c>
      <c r="FU26" s="113">
        <v>1681184</v>
      </c>
      <c r="FV26" s="116">
        <v>1737328</v>
      </c>
      <c r="FW26" s="115">
        <v>14592</v>
      </c>
      <c r="FX26" s="114">
        <v>41552</v>
      </c>
      <c r="FY26" s="112">
        <v>56144</v>
      </c>
      <c r="FZ26" s="111">
        <v>0</v>
      </c>
      <c r="GA26" s="114">
        <v>147368</v>
      </c>
      <c r="GB26" s="114">
        <v>447960</v>
      </c>
      <c r="GC26" s="114">
        <v>310368</v>
      </c>
      <c r="GD26" s="114">
        <v>375432</v>
      </c>
      <c r="GE26" s="114">
        <v>163616</v>
      </c>
      <c r="GF26" s="113">
        <v>1444744</v>
      </c>
      <c r="GG26" s="319">
        <v>1500888</v>
      </c>
      <c r="GH26" s="115">
        <v>0</v>
      </c>
      <c r="GI26" s="114">
        <v>0</v>
      </c>
      <c r="GJ26" s="112">
        <v>0</v>
      </c>
      <c r="GK26" s="111">
        <v>0</v>
      </c>
      <c r="GL26" s="114">
        <v>14400</v>
      </c>
      <c r="GM26" s="114">
        <v>0</v>
      </c>
      <c r="GN26" s="114">
        <v>0</v>
      </c>
      <c r="GO26" s="114">
        <v>0</v>
      </c>
      <c r="GP26" s="114">
        <v>0</v>
      </c>
      <c r="GQ26" s="113">
        <v>14400</v>
      </c>
      <c r="GR26" s="116">
        <v>14400</v>
      </c>
      <c r="GS26" s="110">
        <v>0</v>
      </c>
      <c r="GT26" s="114">
        <v>0</v>
      </c>
      <c r="GU26" s="113">
        <v>0</v>
      </c>
      <c r="GV26" s="110">
        <v>0</v>
      </c>
      <c r="GW26" s="114">
        <v>160000</v>
      </c>
      <c r="GX26" s="114">
        <v>0</v>
      </c>
      <c r="GY26" s="114">
        <v>0</v>
      </c>
      <c r="GZ26" s="114">
        <v>62040</v>
      </c>
      <c r="HA26" s="114">
        <v>0</v>
      </c>
      <c r="HB26" s="112">
        <v>222040</v>
      </c>
      <c r="HC26" s="116">
        <v>222040</v>
      </c>
      <c r="HD26" s="110">
        <v>117009</v>
      </c>
      <c r="HE26" s="114">
        <v>90521</v>
      </c>
      <c r="HF26" s="112">
        <v>207530</v>
      </c>
      <c r="HG26" s="111">
        <v>0</v>
      </c>
      <c r="HH26" s="114">
        <v>1325342</v>
      </c>
      <c r="HI26" s="114">
        <v>981575</v>
      </c>
      <c r="HJ26" s="114">
        <v>815669</v>
      </c>
      <c r="HK26" s="114">
        <v>326716</v>
      </c>
      <c r="HL26" s="114">
        <v>634062</v>
      </c>
      <c r="HM26" s="113">
        <v>4083364</v>
      </c>
      <c r="HN26" s="109">
        <v>4290894</v>
      </c>
      <c r="HO26" s="329"/>
      <c r="HP26" s="330"/>
      <c r="HQ26" s="331"/>
      <c r="HR26" s="332"/>
      <c r="HS26" s="330"/>
      <c r="HT26" s="330"/>
      <c r="HU26" s="330"/>
      <c r="HV26" s="330"/>
      <c r="HW26" s="330"/>
      <c r="HX26" s="333"/>
      <c r="HY26" s="334"/>
      <c r="HZ26" s="150">
        <v>0</v>
      </c>
      <c r="IA26" s="135">
        <v>0</v>
      </c>
      <c r="IB26" s="150">
        <v>0</v>
      </c>
      <c r="IC26" s="134">
        <v>0</v>
      </c>
      <c r="ID26" s="135">
        <v>522256</v>
      </c>
      <c r="IE26" s="136">
        <v>699178</v>
      </c>
      <c r="IF26" s="137">
        <v>1039272</v>
      </c>
      <c r="IG26" s="135">
        <v>511227</v>
      </c>
      <c r="IH26" s="137">
        <v>32452</v>
      </c>
      <c r="II26" s="138">
        <v>2804385</v>
      </c>
      <c r="IJ26" s="150">
        <v>2804385</v>
      </c>
      <c r="IK26" s="232">
        <v>0</v>
      </c>
      <c r="IL26" s="236">
        <v>0</v>
      </c>
      <c r="IM26" s="237">
        <v>0</v>
      </c>
      <c r="IN26" s="140"/>
      <c r="IO26" s="119">
        <v>0</v>
      </c>
      <c r="IP26" s="119">
        <v>0</v>
      </c>
      <c r="IQ26" s="119">
        <v>0</v>
      </c>
      <c r="IR26" s="119">
        <v>0</v>
      </c>
      <c r="IS26" s="119">
        <v>0</v>
      </c>
      <c r="IT26" s="141">
        <v>0</v>
      </c>
      <c r="IU26" s="321">
        <v>0</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287366</v>
      </c>
      <c r="JL26" s="119">
        <v>451823</v>
      </c>
      <c r="JM26" s="119">
        <v>368046</v>
      </c>
      <c r="JN26" s="119">
        <v>253690</v>
      </c>
      <c r="JO26" s="119">
        <v>32452</v>
      </c>
      <c r="JP26" s="120">
        <v>1393377</v>
      </c>
      <c r="JQ26" s="321">
        <v>1393377</v>
      </c>
      <c r="JR26" s="142">
        <v>0</v>
      </c>
      <c r="JS26" s="119">
        <v>0</v>
      </c>
      <c r="JT26" s="141">
        <v>0</v>
      </c>
      <c r="JU26" s="118">
        <v>0</v>
      </c>
      <c r="JV26" s="119">
        <v>0</v>
      </c>
      <c r="JW26" s="119">
        <v>0</v>
      </c>
      <c r="JX26" s="119">
        <v>0</v>
      </c>
      <c r="JY26" s="119">
        <v>0</v>
      </c>
      <c r="JZ26" s="119">
        <v>0</v>
      </c>
      <c r="KA26" s="120">
        <v>0</v>
      </c>
      <c r="KB26" s="321">
        <v>0</v>
      </c>
      <c r="KC26" s="234">
        <v>0</v>
      </c>
      <c r="KD26" s="230">
        <v>0</v>
      </c>
      <c r="KE26" s="120">
        <v>0</v>
      </c>
      <c r="KF26" s="118">
        <v>0</v>
      </c>
      <c r="KG26" s="119">
        <v>0</v>
      </c>
      <c r="KH26" s="119">
        <v>0</v>
      </c>
      <c r="KI26" s="119">
        <v>671226</v>
      </c>
      <c r="KJ26" s="119">
        <v>0</v>
      </c>
      <c r="KK26" s="119">
        <v>0</v>
      </c>
      <c r="KL26" s="120">
        <v>671226</v>
      </c>
      <c r="KM26" s="143">
        <v>671226</v>
      </c>
      <c r="KN26" s="232">
        <v>0</v>
      </c>
      <c r="KO26" s="236">
        <v>0</v>
      </c>
      <c r="KP26" s="237">
        <v>0</v>
      </c>
      <c r="KQ26" s="140"/>
      <c r="KR26" s="119">
        <v>234890</v>
      </c>
      <c r="KS26" s="119">
        <v>247355</v>
      </c>
      <c r="KT26" s="119">
        <v>0</v>
      </c>
      <c r="KU26" s="119">
        <v>257537</v>
      </c>
      <c r="KV26" s="119">
        <v>0</v>
      </c>
      <c r="KW26" s="120">
        <v>739782</v>
      </c>
      <c r="KX26" s="321">
        <v>739782</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1">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239547</v>
      </c>
      <c r="ML26" s="119">
        <v>2199967</v>
      </c>
      <c r="MM26" s="119">
        <v>4033788</v>
      </c>
      <c r="MN26" s="119">
        <v>2126652</v>
      </c>
      <c r="MO26" s="120">
        <v>8599954</v>
      </c>
      <c r="MP26" s="143">
        <v>8599954</v>
      </c>
      <c r="MQ26" s="142">
        <v>0</v>
      </c>
      <c r="MR26" s="119">
        <v>0</v>
      </c>
      <c r="MS26" s="120">
        <v>0</v>
      </c>
      <c r="MT26" s="145"/>
      <c r="MU26" s="119">
        <v>0</v>
      </c>
      <c r="MV26" s="119">
        <v>0</v>
      </c>
      <c r="MW26" s="119">
        <v>1969491</v>
      </c>
      <c r="MX26" s="119">
        <v>2212810</v>
      </c>
      <c r="MY26" s="119">
        <v>1763073</v>
      </c>
      <c r="MZ26" s="120">
        <v>5945374</v>
      </c>
      <c r="NA26" s="143">
        <v>5945374</v>
      </c>
      <c r="NB26" s="142">
        <v>0</v>
      </c>
      <c r="NC26" s="119">
        <v>0</v>
      </c>
      <c r="ND26" s="120">
        <v>0</v>
      </c>
      <c r="NE26" s="145"/>
      <c r="NF26" s="119">
        <v>0</v>
      </c>
      <c r="NG26" s="119">
        <v>239547</v>
      </c>
      <c r="NH26" s="119">
        <v>230476</v>
      </c>
      <c r="NI26" s="119">
        <v>980195</v>
      </c>
      <c r="NJ26" s="119">
        <v>363579</v>
      </c>
      <c r="NK26" s="120">
        <v>1813797</v>
      </c>
      <c r="NL26" s="321">
        <v>1813797</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840783</v>
      </c>
      <c r="OF26" s="119">
        <v>0</v>
      </c>
      <c r="OG26" s="120">
        <v>840783</v>
      </c>
      <c r="OH26" s="121">
        <v>840783</v>
      </c>
      <c r="OI26" s="142">
        <v>271416</v>
      </c>
      <c r="OJ26" s="119">
        <v>410224</v>
      </c>
      <c r="OK26" s="141">
        <v>681640</v>
      </c>
      <c r="OL26" s="118">
        <v>0</v>
      </c>
      <c r="OM26" s="119">
        <v>4872697</v>
      </c>
      <c r="ON26" s="119">
        <v>5648967</v>
      </c>
      <c r="OO26" s="119">
        <v>8225291</v>
      </c>
      <c r="OP26" s="119">
        <v>7912959</v>
      </c>
      <c r="OQ26" s="119">
        <v>6078680</v>
      </c>
      <c r="OR26" s="120">
        <v>32738594</v>
      </c>
      <c r="OS26" s="143">
        <v>33420234</v>
      </c>
    </row>
    <row r="27" spans="2:409" ht="20.25" customHeight="1" x14ac:dyDescent="0.2">
      <c r="B27" s="126" t="s">
        <v>22</v>
      </c>
      <c r="C27" s="110">
        <v>3200</v>
      </c>
      <c r="D27" s="114">
        <v>118000</v>
      </c>
      <c r="E27" s="113">
        <v>121200</v>
      </c>
      <c r="F27" s="109">
        <v>0</v>
      </c>
      <c r="G27" s="114">
        <v>1273206</v>
      </c>
      <c r="H27" s="114">
        <v>2311317</v>
      </c>
      <c r="I27" s="114">
        <v>1659993</v>
      </c>
      <c r="J27" s="114">
        <v>1330369</v>
      </c>
      <c r="K27" s="114">
        <v>1547561</v>
      </c>
      <c r="L27" s="173">
        <v>8122446</v>
      </c>
      <c r="M27" s="116">
        <v>8243646</v>
      </c>
      <c r="N27" s="110">
        <v>0</v>
      </c>
      <c r="O27" s="114">
        <v>0</v>
      </c>
      <c r="P27" s="113">
        <v>0</v>
      </c>
      <c r="Q27" s="110">
        <v>0</v>
      </c>
      <c r="R27" s="114">
        <v>252062</v>
      </c>
      <c r="S27" s="114">
        <v>615662</v>
      </c>
      <c r="T27" s="114">
        <v>263704</v>
      </c>
      <c r="U27" s="114">
        <v>275569</v>
      </c>
      <c r="V27" s="114">
        <v>877985</v>
      </c>
      <c r="W27" s="113">
        <v>2284982</v>
      </c>
      <c r="X27" s="116">
        <v>2284982</v>
      </c>
      <c r="Y27" s="110">
        <v>0</v>
      </c>
      <c r="Z27" s="114">
        <v>0</v>
      </c>
      <c r="AA27" s="113">
        <v>0</v>
      </c>
      <c r="AB27" s="110">
        <v>0</v>
      </c>
      <c r="AC27" s="114">
        <v>129822</v>
      </c>
      <c r="AD27" s="114">
        <v>237924</v>
      </c>
      <c r="AE27" s="114">
        <v>59360</v>
      </c>
      <c r="AF27" s="114">
        <v>128024</v>
      </c>
      <c r="AG27" s="114">
        <v>548280</v>
      </c>
      <c r="AH27" s="113">
        <v>1103410</v>
      </c>
      <c r="AI27" s="116">
        <v>1103410</v>
      </c>
      <c r="AJ27" s="110">
        <v>0</v>
      </c>
      <c r="AK27" s="114">
        <v>0</v>
      </c>
      <c r="AL27" s="113">
        <v>0</v>
      </c>
      <c r="AM27" s="110">
        <v>0</v>
      </c>
      <c r="AN27" s="114">
        <v>0</v>
      </c>
      <c r="AO27" s="114">
        <v>0</v>
      </c>
      <c r="AP27" s="114">
        <v>43264</v>
      </c>
      <c r="AQ27" s="114">
        <v>0</v>
      </c>
      <c r="AR27" s="114">
        <v>97344</v>
      </c>
      <c r="AS27" s="113">
        <v>140608</v>
      </c>
      <c r="AT27" s="116">
        <v>140608</v>
      </c>
      <c r="AU27" s="110">
        <v>0</v>
      </c>
      <c r="AV27" s="114">
        <v>0</v>
      </c>
      <c r="AW27" s="113">
        <v>0</v>
      </c>
      <c r="AX27" s="110">
        <v>0</v>
      </c>
      <c r="AY27" s="114">
        <v>23632</v>
      </c>
      <c r="AZ27" s="114">
        <v>75997</v>
      </c>
      <c r="BA27" s="114">
        <v>88400</v>
      </c>
      <c r="BB27" s="114">
        <v>86993</v>
      </c>
      <c r="BC27" s="114">
        <v>102960</v>
      </c>
      <c r="BD27" s="113">
        <v>377982</v>
      </c>
      <c r="BE27" s="116">
        <v>377982</v>
      </c>
      <c r="BF27" s="110">
        <v>0</v>
      </c>
      <c r="BG27" s="114">
        <v>0</v>
      </c>
      <c r="BH27" s="112">
        <v>0</v>
      </c>
      <c r="BI27" s="111">
        <v>0</v>
      </c>
      <c r="BJ27" s="114">
        <v>60640</v>
      </c>
      <c r="BK27" s="114">
        <v>207453</v>
      </c>
      <c r="BL27" s="114">
        <v>0</v>
      </c>
      <c r="BM27" s="114">
        <v>25720</v>
      </c>
      <c r="BN27" s="114">
        <v>62793</v>
      </c>
      <c r="BO27" s="113">
        <v>356606</v>
      </c>
      <c r="BP27" s="116">
        <v>356606</v>
      </c>
      <c r="BQ27" s="110">
        <v>0</v>
      </c>
      <c r="BR27" s="114">
        <v>0</v>
      </c>
      <c r="BS27" s="113">
        <v>0</v>
      </c>
      <c r="BT27" s="110">
        <v>0</v>
      </c>
      <c r="BU27" s="114">
        <v>37968</v>
      </c>
      <c r="BV27" s="114">
        <v>94288</v>
      </c>
      <c r="BW27" s="114">
        <v>72680</v>
      </c>
      <c r="BX27" s="114">
        <v>34832</v>
      </c>
      <c r="BY27" s="114">
        <v>66608</v>
      </c>
      <c r="BZ27" s="113">
        <v>306376</v>
      </c>
      <c r="CA27" s="116">
        <v>306376</v>
      </c>
      <c r="CB27" s="110">
        <v>0</v>
      </c>
      <c r="CC27" s="114">
        <v>0</v>
      </c>
      <c r="CD27" s="113">
        <v>0</v>
      </c>
      <c r="CE27" s="110">
        <v>0</v>
      </c>
      <c r="CF27" s="114">
        <v>587836</v>
      </c>
      <c r="CG27" s="114">
        <v>1212754</v>
      </c>
      <c r="CH27" s="114">
        <v>514456</v>
      </c>
      <c r="CI27" s="114">
        <v>210426</v>
      </c>
      <c r="CJ27" s="114">
        <v>314448</v>
      </c>
      <c r="CK27" s="113">
        <v>2839920</v>
      </c>
      <c r="CL27" s="116">
        <v>2839920</v>
      </c>
      <c r="CM27" s="110">
        <v>0</v>
      </c>
      <c r="CN27" s="114">
        <v>0</v>
      </c>
      <c r="CO27" s="113">
        <v>0</v>
      </c>
      <c r="CP27" s="111">
        <v>0</v>
      </c>
      <c r="CQ27" s="114">
        <v>339739</v>
      </c>
      <c r="CR27" s="114">
        <v>1068122</v>
      </c>
      <c r="CS27" s="114">
        <v>432456</v>
      </c>
      <c r="CT27" s="114">
        <v>153594</v>
      </c>
      <c r="CU27" s="114">
        <v>142968</v>
      </c>
      <c r="CV27" s="113">
        <v>2136879</v>
      </c>
      <c r="CW27" s="116">
        <v>2136879</v>
      </c>
      <c r="CX27" s="110">
        <v>0</v>
      </c>
      <c r="CY27" s="114">
        <v>0</v>
      </c>
      <c r="CZ27" s="113">
        <v>0</v>
      </c>
      <c r="DA27" s="110">
        <v>0</v>
      </c>
      <c r="DB27" s="114">
        <v>248097</v>
      </c>
      <c r="DC27" s="114">
        <v>144632</v>
      </c>
      <c r="DD27" s="114">
        <v>82000</v>
      </c>
      <c r="DE27" s="114">
        <v>56832</v>
      </c>
      <c r="DF27" s="114">
        <v>171480</v>
      </c>
      <c r="DG27" s="113">
        <v>703041</v>
      </c>
      <c r="DH27" s="116">
        <v>703041</v>
      </c>
      <c r="DI27" s="110">
        <v>0</v>
      </c>
      <c r="DJ27" s="114">
        <v>0</v>
      </c>
      <c r="DK27" s="112">
        <v>0</v>
      </c>
      <c r="DL27" s="111">
        <v>0</v>
      </c>
      <c r="DM27" s="114">
        <v>48848</v>
      </c>
      <c r="DN27" s="114">
        <v>23437</v>
      </c>
      <c r="DO27" s="114">
        <v>437953</v>
      </c>
      <c r="DP27" s="114">
        <v>256366</v>
      </c>
      <c r="DQ27" s="114">
        <v>0</v>
      </c>
      <c r="DR27" s="113">
        <v>766604</v>
      </c>
      <c r="DS27" s="116">
        <v>766604</v>
      </c>
      <c r="DT27" s="110">
        <v>0</v>
      </c>
      <c r="DU27" s="114">
        <v>0</v>
      </c>
      <c r="DV27" s="113">
        <v>0</v>
      </c>
      <c r="DW27" s="110">
        <v>0</v>
      </c>
      <c r="DX27" s="114">
        <v>48848</v>
      </c>
      <c r="DY27" s="114">
        <v>23437</v>
      </c>
      <c r="DZ27" s="114">
        <v>437953</v>
      </c>
      <c r="EA27" s="114">
        <v>256366</v>
      </c>
      <c r="EB27" s="114">
        <v>0</v>
      </c>
      <c r="EC27" s="113">
        <v>766604</v>
      </c>
      <c r="ED27" s="116">
        <v>766604</v>
      </c>
      <c r="EE27" s="110">
        <v>0</v>
      </c>
      <c r="EF27" s="112">
        <v>0</v>
      </c>
      <c r="EG27" s="113">
        <v>0</v>
      </c>
      <c r="EH27" s="110">
        <v>0</v>
      </c>
      <c r="EI27" s="114">
        <v>0</v>
      </c>
      <c r="EJ27" s="114">
        <v>0</v>
      </c>
      <c r="EK27" s="114">
        <v>0</v>
      </c>
      <c r="EL27" s="114">
        <v>0</v>
      </c>
      <c r="EM27" s="114">
        <v>0</v>
      </c>
      <c r="EN27" s="112">
        <v>0</v>
      </c>
      <c r="EO27" s="116">
        <v>0</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8">
        <v>0</v>
      </c>
      <c r="FE27" s="114">
        <v>0</v>
      </c>
      <c r="FF27" s="114">
        <v>0</v>
      </c>
      <c r="FG27" s="114">
        <v>0</v>
      </c>
      <c r="FH27" s="114">
        <v>0</v>
      </c>
      <c r="FI27" s="114">
        <v>0</v>
      </c>
      <c r="FJ27" s="113">
        <v>0</v>
      </c>
      <c r="FK27" s="116">
        <v>0</v>
      </c>
      <c r="FL27" s="110">
        <v>3200</v>
      </c>
      <c r="FM27" s="114">
        <v>30944</v>
      </c>
      <c r="FN27" s="113">
        <v>34144</v>
      </c>
      <c r="FO27" s="110">
        <v>0</v>
      </c>
      <c r="FP27" s="114">
        <v>74720</v>
      </c>
      <c r="FQ27" s="114">
        <v>120768</v>
      </c>
      <c r="FR27" s="114">
        <v>255712</v>
      </c>
      <c r="FS27" s="114">
        <v>176848</v>
      </c>
      <c r="FT27" s="114">
        <v>130880</v>
      </c>
      <c r="FU27" s="113">
        <v>758928</v>
      </c>
      <c r="FV27" s="116">
        <v>793072</v>
      </c>
      <c r="FW27" s="115">
        <v>3200</v>
      </c>
      <c r="FX27" s="114">
        <v>30944</v>
      </c>
      <c r="FY27" s="112">
        <v>34144</v>
      </c>
      <c r="FZ27" s="111">
        <v>0</v>
      </c>
      <c r="GA27" s="114">
        <v>74720</v>
      </c>
      <c r="GB27" s="114">
        <v>120768</v>
      </c>
      <c r="GC27" s="114">
        <v>194112</v>
      </c>
      <c r="GD27" s="114">
        <v>157840</v>
      </c>
      <c r="GE27" s="114">
        <v>130880</v>
      </c>
      <c r="GF27" s="113">
        <v>678320</v>
      </c>
      <c r="GG27" s="319">
        <v>712464</v>
      </c>
      <c r="GH27" s="115">
        <v>0</v>
      </c>
      <c r="GI27" s="114">
        <v>0</v>
      </c>
      <c r="GJ27" s="112">
        <v>0</v>
      </c>
      <c r="GK27" s="111">
        <v>0</v>
      </c>
      <c r="GL27" s="114">
        <v>0</v>
      </c>
      <c r="GM27" s="114">
        <v>0</v>
      </c>
      <c r="GN27" s="114">
        <v>61600</v>
      </c>
      <c r="GO27" s="114">
        <v>19008</v>
      </c>
      <c r="GP27" s="114">
        <v>0</v>
      </c>
      <c r="GQ27" s="113">
        <v>80608</v>
      </c>
      <c r="GR27" s="116">
        <v>80608</v>
      </c>
      <c r="GS27" s="110">
        <v>0</v>
      </c>
      <c r="GT27" s="114">
        <v>0</v>
      </c>
      <c r="GU27" s="113">
        <v>0</v>
      </c>
      <c r="GV27" s="110">
        <v>0</v>
      </c>
      <c r="GW27" s="114">
        <v>0</v>
      </c>
      <c r="GX27" s="114">
        <v>0</v>
      </c>
      <c r="GY27" s="114">
        <v>0</v>
      </c>
      <c r="GZ27" s="114">
        <v>0</v>
      </c>
      <c r="HA27" s="114">
        <v>0</v>
      </c>
      <c r="HB27" s="112">
        <v>0</v>
      </c>
      <c r="HC27" s="116">
        <v>0</v>
      </c>
      <c r="HD27" s="110">
        <v>0</v>
      </c>
      <c r="HE27" s="114">
        <v>87056</v>
      </c>
      <c r="HF27" s="112">
        <v>87056</v>
      </c>
      <c r="HG27" s="111">
        <v>0</v>
      </c>
      <c r="HH27" s="114">
        <v>309740</v>
      </c>
      <c r="HI27" s="114">
        <v>338696</v>
      </c>
      <c r="HJ27" s="114">
        <v>188168</v>
      </c>
      <c r="HK27" s="114">
        <v>411160</v>
      </c>
      <c r="HL27" s="114">
        <v>224248</v>
      </c>
      <c r="HM27" s="113">
        <v>1472012</v>
      </c>
      <c r="HN27" s="109">
        <v>1559068</v>
      </c>
      <c r="HO27" s="329"/>
      <c r="HP27" s="330"/>
      <c r="HQ27" s="331"/>
      <c r="HR27" s="332"/>
      <c r="HS27" s="330"/>
      <c r="HT27" s="330"/>
      <c r="HU27" s="330"/>
      <c r="HV27" s="330"/>
      <c r="HW27" s="330"/>
      <c r="HX27" s="333"/>
      <c r="HY27" s="334"/>
      <c r="HZ27" s="131">
        <v>0</v>
      </c>
      <c r="IA27" s="132">
        <v>0</v>
      </c>
      <c r="IB27" s="133">
        <v>0</v>
      </c>
      <c r="IC27" s="146">
        <v>0</v>
      </c>
      <c r="ID27" s="132">
        <v>825431</v>
      </c>
      <c r="IE27" s="147">
        <v>983960</v>
      </c>
      <c r="IF27" s="133">
        <v>342654</v>
      </c>
      <c r="IG27" s="132">
        <v>1384608</v>
      </c>
      <c r="IH27" s="133">
        <v>0</v>
      </c>
      <c r="II27" s="148">
        <v>3536653</v>
      </c>
      <c r="IJ27" s="139">
        <v>3536653</v>
      </c>
      <c r="IK27" s="232">
        <v>0</v>
      </c>
      <c r="IL27" s="236">
        <v>0</v>
      </c>
      <c r="IM27" s="237">
        <v>0</v>
      </c>
      <c r="IN27" s="140"/>
      <c r="IO27" s="119">
        <v>0</v>
      </c>
      <c r="IP27" s="119">
        <v>100512</v>
      </c>
      <c r="IQ27" s="119">
        <v>156168</v>
      </c>
      <c r="IR27" s="119">
        <v>0</v>
      </c>
      <c r="IS27" s="119">
        <v>0</v>
      </c>
      <c r="IT27" s="141">
        <v>256680</v>
      </c>
      <c r="IU27" s="321">
        <v>256680</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115312</v>
      </c>
      <c r="JL27" s="119">
        <v>202432</v>
      </c>
      <c r="JM27" s="119">
        <v>103378</v>
      </c>
      <c r="JN27" s="119">
        <v>224768</v>
      </c>
      <c r="JO27" s="119">
        <v>0</v>
      </c>
      <c r="JP27" s="120">
        <v>645890</v>
      </c>
      <c r="JQ27" s="321">
        <v>645890</v>
      </c>
      <c r="JR27" s="142">
        <v>0</v>
      </c>
      <c r="JS27" s="119">
        <v>0</v>
      </c>
      <c r="JT27" s="141">
        <v>0</v>
      </c>
      <c r="JU27" s="118">
        <v>0</v>
      </c>
      <c r="JV27" s="119">
        <v>87152</v>
      </c>
      <c r="JW27" s="119">
        <v>0</v>
      </c>
      <c r="JX27" s="119">
        <v>83108</v>
      </c>
      <c r="JY27" s="119">
        <v>119024</v>
      </c>
      <c r="JZ27" s="119">
        <v>0</v>
      </c>
      <c r="KA27" s="120">
        <v>289284</v>
      </c>
      <c r="KB27" s="321">
        <v>289284</v>
      </c>
      <c r="KC27" s="234">
        <v>0</v>
      </c>
      <c r="KD27" s="230">
        <v>0</v>
      </c>
      <c r="KE27" s="120">
        <v>0</v>
      </c>
      <c r="KF27" s="118">
        <v>0</v>
      </c>
      <c r="KG27" s="119">
        <v>397032</v>
      </c>
      <c r="KH27" s="119">
        <v>212160</v>
      </c>
      <c r="KI27" s="119">
        <v>0</v>
      </c>
      <c r="KJ27" s="119">
        <v>0</v>
      </c>
      <c r="KK27" s="119">
        <v>0</v>
      </c>
      <c r="KL27" s="120">
        <v>609192</v>
      </c>
      <c r="KM27" s="143">
        <v>609192</v>
      </c>
      <c r="KN27" s="232">
        <v>0</v>
      </c>
      <c r="KO27" s="236">
        <v>0</v>
      </c>
      <c r="KP27" s="237">
        <v>0</v>
      </c>
      <c r="KQ27" s="140"/>
      <c r="KR27" s="119">
        <v>225935</v>
      </c>
      <c r="KS27" s="119">
        <v>468856</v>
      </c>
      <c r="KT27" s="119">
        <v>0</v>
      </c>
      <c r="KU27" s="119">
        <v>0</v>
      </c>
      <c r="KV27" s="119">
        <v>0</v>
      </c>
      <c r="KW27" s="120">
        <v>694791</v>
      </c>
      <c r="KX27" s="321">
        <v>694791</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1040816</v>
      </c>
      <c r="LR27" s="119">
        <v>0</v>
      </c>
      <c r="LS27" s="120">
        <v>1040816</v>
      </c>
      <c r="LT27" s="321">
        <v>1040816</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0</v>
      </c>
      <c r="ML27" s="119">
        <v>1010536</v>
      </c>
      <c r="MM27" s="119">
        <v>829305</v>
      </c>
      <c r="MN27" s="119">
        <v>0</v>
      </c>
      <c r="MO27" s="120">
        <v>1839841</v>
      </c>
      <c r="MP27" s="143">
        <v>1839841</v>
      </c>
      <c r="MQ27" s="142">
        <v>0</v>
      </c>
      <c r="MR27" s="119">
        <v>0</v>
      </c>
      <c r="MS27" s="120">
        <v>0</v>
      </c>
      <c r="MT27" s="145"/>
      <c r="MU27" s="119">
        <v>0</v>
      </c>
      <c r="MV27" s="119">
        <v>0</v>
      </c>
      <c r="MW27" s="119">
        <v>730368</v>
      </c>
      <c r="MX27" s="119">
        <v>452286</v>
      </c>
      <c r="MY27" s="119">
        <v>0</v>
      </c>
      <c r="MZ27" s="120">
        <v>1182654</v>
      </c>
      <c r="NA27" s="143">
        <v>1182654</v>
      </c>
      <c r="NB27" s="142">
        <v>0</v>
      </c>
      <c r="NC27" s="119">
        <v>0</v>
      </c>
      <c r="ND27" s="120">
        <v>0</v>
      </c>
      <c r="NE27" s="145"/>
      <c r="NF27" s="119">
        <v>0</v>
      </c>
      <c r="NG27" s="119">
        <v>0</v>
      </c>
      <c r="NH27" s="119">
        <v>280168</v>
      </c>
      <c r="NI27" s="119">
        <v>377019</v>
      </c>
      <c r="NJ27" s="119">
        <v>0</v>
      </c>
      <c r="NK27" s="120">
        <v>657187</v>
      </c>
      <c r="NL27" s="321">
        <v>657187</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3200</v>
      </c>
      <c r="OJ27" s="119">
        <v>118000</v>
      </c>
      <c r="OK27" s="141">
        <v>121200</v>
      </c>
      <c r="OL27" s="118">
        <v>0</v>
      </c>
      <c r="OM27" s="119">
        <v>2098637</v>
      </c>
      <c r="ON27" s="119">
        <v>3295277</v>
      </c>
      <c r="OO27" s="119">
        <v>3013183</v>
      </c>
      <c r="OP27" s="119">
        <v>3544282</v>
      </c>
      <c r="OQ27" s="119">
        <v>1547561</v>
      </c>
      <c r="OR27" s="120">
        <v>13498940</v>
      </c>
      <c r="OS27" s="143">
        <v>13620140</v>
      </c>
    </row>
    <row r="28" spans="2:409" ht="20.25" customHeight="1" x14ac:dyDescent="0.2">
      <c r="B28" s="126" t="s">
        <v>23</v>
      </c>
      <c r="C28" s="110">
        <v>140486</v>
      </c>
      <c r="D28" s="114">
        <v>305829</v>
      </c>
      <c r="E28" s="113">
        <v>446315</v>
      </c>
      <c r="F28" s="109">
        <v>0</v>
      </c>
      <c r="G28" s="114">
        <v>2285285</v>
      </c>
      <c r="H28" s="114">
        <v>2293535</v>
      </c>
      <c r="I28" s="114">
        <v>2311930</v>
      </c>
      <c r="J28" s="114">
        <v>2482926</v>
      </c>
      <c r="K28" s="114">
        <v>1184674</v>
      </c>
      <c r="L28" s="173">
        <v>10558350</v>
      </c>
      <c r="M28" s="116">
        <v>11004665</v>
      </c>
      <c r="N28" s="110">
        <v>74349</v>
      </c>
      <c r="O28" s="114">
        <v>89603</v>
      </c>
      <c r="P28" s="113">
        <v>163952</v>
      </c>
      <c r="Q28" s="110">
        <v>0</v>
      </c>
      <c r="R28" s="114">
        <v>642156</v>
      </c>
      <c r="S28" s="114">
        <v>788950</v>
      </c>
      <c r="T28" s="114">
        <v>584188</v>
      </c>
      <c r="U28" s="114">
        <v>824108</v>
      </c>
      <c r="V28" s="114">
        <v>333255</v>
      </c>
      <c r="W28" s="113">
        <v>3172657</v>
      </c>
      <c r="X28" s="116">
        <v>3336609</v>
      </c>
      <c r="Y28" s="110">
        <v>0</v>
      </c>
      <c r="Z28" s="114">
        <v>0</v>
      </c>
      <c r="AA28" s="113">
        <v>0</v>
      </c>
      <c r="AB28" s="110">
        <v>0</v>
      </c>
      <c r="AC28" s="114">
        <v>192368</v>
      </c>
      <c r="AD28" s="114">
        <v>306144</v>
      </c>
      <c r="AE28" s="114">
        <v>349252</v>
      </c>
      <c r="AF28" s="114">
        <v>455961</v>
      </c>
      <c r="AG28" s="114">
        <v>0</v>
      </c>
      <c r="AH28" s="113">
        <v>1303725</v>
      </c>
      <c r="AI28" s="116">
        <v>1303725</v>
      </c>
      <c r="AJ28" s="110">
        <v>0</v>
      </c>
      <c r="AK28" s="114">
        <v>0</v>
      </c>
      <c r="AL28" s="113">
        <v>0</v>
      </c>
      <c r="AM28" s="110">
        <v>0</v>
      </c>
      <c r="AN28" s="114">
        <v>0</v>
      </c>
      <c r="AO28" s="114">
        <v>0</v>
      </c>
      <c r="AP28" s="114">
        <v>0</v>
      </c>
      <c r="AQ28" s="114">
        <v>23145</v>
      </c>
      <c r="AR28" s="114">
        <v>81686</v>
      </c>
      <c r="AS28" s="113">
        <v>104831</v>
      </c>
      <c r="AT28" s="116">
        <v>104831</v>
      </c>
      <c r="AU28" s="110">
        <v>43821</v>
      </c>
      <c r="AV28" s="114">
        <v>75859</v>
      </c>
      <c r="AW28" s="113">
        <v>119680</v>
      </c>
      <c r="AX28" s="110">
        <v>0</v>
      </c>
      <c r="AY28" s="114">
        <v>295092</v>
      </c>
      <c r="AZ28" s="114">
        <v>341893</v>
      </c>
      <c r="BA28" s="114">
        <v>116304</v>
      </c>
      <c r="BB28" s="114">
        <v>239506</v>
      </c>
      <c r="BC28" s="114">
        <v>173457</v>
      </c>
      <c r="BD28" s="113">
        <v>1166252</v>
      </c>
      <c r="BE28" s="116">
        <v>1285932</v>
      </c>
      <c r="BF28" s="110">
        <v>0</v>
      </c>
      <c r="BG28" s="114">
        <v>0</v>
      </c>
      <c r="BH28" s="112">
        <v>0</v>
      </c>
      <c r="BI28" s="111">
        <v>0</v>
      </c>
      <c r="BJ28" s="114">
        <v>0</v>
      </c>
      <c r="BK28" s="114">
        <v>37369</v>
      </c>
      <c r="BL28" s="114">
        <v>0</v>
      </c>
      <c r="BM28" s="114">
        <v>0</v>
      </c>
      <c r="BN28" s="114">
        <v>0</v>
      </c>
      <c r="BO28" s="113">
        <v>37369</v>
      </c>
      <c r="BP28" s="116">
        <v>37369</v>
      </c>
      <c r="BQ28" s="110">
        <v>30528</v>
      </c>
      <c r="BR28" s="114">
        <v>13744</v>
      </c>
      <c r="BS28" s="113">
        <v>44272</v>
      </c>
      <c r="BT28" s="110">
        <v>0</v>
      </c>
      <c r="BU28" s="114">
        <v>154696</v>
      </c>
      <c r="BV28" s="114">
        <v>103544</v>
      </c>
      <c r="BW28" s="114">
        <v>118632</v>
      </c>
      <c r="BX28" s="114">
        <v>105496</v>
      </c>
      <c r="BY28" s="114">
        <v>78112</v>
      </c>
      <c r="BZ28" s="113">
        <v>560480</v>
      </c>
      <c r="CA28" s="116">
        <v>604752</v>
      </c>
      <c r="CB28" s="110">
        <v>0</v>
      </c>
      <c r="CC28" s="114">
        <v>0</v>
      </c>
      <c r="CD28" s="113">
        <v>0</v>
      </c>
      <c r="CE28" s="110">
        <v>0</v>
      </c>
      <c r="CF28" s="114">
        <v>739448</v>
      </c>
      <c r="CG28" s="114">
        <v>874691</v>
      </c>
      <c r="CH28" s="114">
        <v>871367</v>
      </c>
      <c r="CI28" s="114">
        <v>954485</v>
      </c>
      <c r="CJ28" s="114">
        <v>60250</v>
      </c>
      <c r="CK28" s="113">
        <v>3500241</v>
      </c>
      <c r="CL28" s="116">
        <v>3500241</v>
      </c>
      <c r="CM28" s="110">
        <v>0</v>
      </c>
      <c r="CN28" s="114">
        <v>0</v>
      </c>
      <c r="CO28" s="113">
        <v>0</v>
      </c>
      <c r="CP28" s="111">
        <v>0</v>
      </c>
      <c r="CQ28" s="114">
        <v>569090</v>
      </c>
      <c r="CR28" s="114">
        <v>677263</v>
      </c>
      <c r="CS28" s="114">
        <v>763327</v>
      </c>
      <c r="CT28" s="114">
        <v>581193</v>
      </c>
      <c r="CU28" s="114">
        <v>60250</v>
      </c>
      <c r="CV28" s="113">
        <v>2651123</v>
      </c>
      <c r="CW28" s="116">
        <v>2651123</v>
      </c>
      <c r="CX28" s="110">
        <v>0</v>
      </c>
      <c r="CY28" s="114">
        <v>0</v>
      </c>
      <c r="CZ28" s="113">
        <v>0</v>
      </c>
      <c r="DA28" s="110">
        <v>0</v>
      </c>
      <c r="DB28" s="114">
        <v>170358</v>
      </c>
      <c r="DC28" s="114">
        <v>197428</v>
      </c>
      <c r="DD28" s="114">
        <v>108040</v>
      </c>
      <c r="DE28" s="114">
        <v>373292</v>
      </c>
      <c r="DF28" s="114">
        <v>0</v>
      </c>
      <c r="DG28" s="113">
        <v>849118</v>
      </c>
      <c r="DH28" s="116">
        <v>849118</v>
      </c>
      <c r="DI28" s="110">
        <v>0</v>
      </c>
      <c r="DJ28" s="114">
        <v>0</v>
      </c>
      <c r="DK28" s="112">
        <v>0</v>
      </c>
      <c r="DL28" s="111">
        <v>0</v>
      </c>
      <c r="DM28" s="114">
        <v>54749</v>
      </c>
      <c r="DN28" s="114">
        <v>103372</v>
      </c>
      <c r="DO28" s="114">
        <v>166434</v>
      </c>
      <c r="DP28" s="114">
        <v>202579</v>
      </c>
      <c r="DQ28" s="114">
        <v>0</v>
      </c>
      <c r="DR28" s="113">
        <v>527134</v>
      </c>
      <c r="DS28" s="116">
        <v>527134</v>
      </c>
      <c r="DT28" s="110">
        <v>0</v>
      </c>
      <c r="DU28" s="114">
        <v>0</v>
      </c>
      <c r="DV28" s="113">
        <v>0</v>
      </c>
      <c r="DW28" s="110">
        <v>0</v>
      </c>
      <c r="DX28" s="114">
        <v>0</v>
      </c>
      <c r="DY28" s="114">
        <v>103372</v>
      </c>
      <c r="DZ28" s="114">
        <v>166434</v>
      </c>
      <c r="EA28" s="114">
        <v>202579</v>
      </c>
      <c r="EB28" s="114">
        <v>0</v>
      </c>
      <c r="EC28" s="113">
        <v>472385</v>
      </c>
      <c r="ED28" s="116">
        <v>472385</v>
      </c>
      <c r="EE28" s="110">
        <v>0</v>
      </c>
      <c r="EF28" s="112">
        <v>0</v>
      </c>
      <c r="EG28" s="113">
        <v>0</v>
      </c>
      <c r="EH28" s="110">
        <v>0</v>
      </c>
      <c r="EI28" s="114">
        <v>54749</v>
      </c>
      <c r="EJ28" s="114">
        <v>0</v>
      </c>
      <c r="EK28" s="114">
        <v>0</v>
      </c>
      <c r="EL28" s="114">
        <v>0</v>
      </c>
      <c r="EM28" s="114">
        <v>0</v>
      </c>
      <c r="EN28" s="112">
        <v>54749</v>
      </c>
      <c r="EO28" s="116">
        <v>54749</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8">
        <v>0</v>
      </c>
      <c r="FE28" s="114">
        <v>0</v>
      </c>
      <c r="FF28" s="114">
        <v>0</v>
      </c>
      <c r="FG28" s="114">
        <v>0</v>
      </c>
      <c r="FH28" s="114">
        <v>0</v>
      </c>
      <c r="FI28" s="114">
        <v>0</v>
      </c>
      <c r="FJ28" s="113">
        <v>0</v>
      </c>
      <c r="FK28" s="116">
        <v>0</v>
      </c>
      <c r="FL28" s="110">
        <v>11280</v>
      </c>
      <c r="FM28" s="114">
        <v>33000</v>
      </c>
      <c r="FN28" s="113">
        <v>44280</v>
      </c>
      <c r="FO28" s="110">
        <v>0</v>
      </c>
      <c r="FP28" s="114">
        <v>42400</v>
      </c>
      <c r="FQ28" s="114">
        <v>345470</v>
      </c>
      <c r="FR28" s="114">
        <v>88408</v>
      </c>
      <c r="FS28" s="114">
        <v>228936</v>
      </c>
      <c r="FT28" s="114">
        <v>69232</v>
      </c>
      <c r="FU28" s="113">
        <v>774446</v>
      </c>
      <c r="FV28" s="116">
        <v>818726</v>
      </c>
      <c r="FW28" s="115">
        <v>11280</v>
      </c>
      <c r="FX28" s="114">
        <v>33000</v>
      </c>
      <c r="FY28" s="112">
        <v>44280</v>
      </c>
      <c r="FZ28" s="111">
        <v>0</v>
      </c>
      <c r="GA28" s="114">
        <v>42400</v>
      </c>
      <c r="GB28" s="114">
        <v>291784</v>
      </c>
      <c r="GC28" s="114">
        <v>88408</v>
      </c>
      <c r="GD28" s="114">
        <v>161176</v>
      </c>
      <c r="GE28" s="114">
        <v>69232</v>
      </c>
      <c r="GF28" s="113">
        <v>653000</v>
      </c>
      <c r="GG28" s="319">
        <v>697280</v>
      </c>
      <c r="GH28" s="115">
        <v>0</v>
      </c>
      <c r="GI28" s="114">
        <v>0</v>
      </c>
      <c r="GJ28" s="112">
        <v>0</v>
      </c>
      <c r="GK28" s="111">
        <v>0</v>
      </c>
      <c r="GL28" s="114">
        <v>0</v>
      </c>
      <c r="GM28" s="114">
        <v>0</v>
      </c>
      <c r="GN28" s="114">
        <v>0</v>
      </c>
      <c r="GO28" s="114">
        <v>67760</v>
      </c>
      <c r="GP28" s="114">
        <v>0</v>
      </c>
      <c r="GQ28" s="113">
        <v>67760</v>
      </c>
      <c r="GR28" s="116">
        <v>67760</v>
      </c>
      <c r="GS28" s="110">
        <v>0</v>
      </c>
      <c r="GT28" s="114">
        <v>0</v>
      </c>
      <c r="GU28" s="113">
        <v>0</v>
      </c>
      <c r="GV28" s="110">
        <v>0</v>
      </c>
      <c r="GW28" s="114">
        <v>0</v>
      </c>
      <c r="GX28" s="114">
        <v>53686</v>
      </c>
      <c r="GY28" s="114">
        <v>0</v>
      </c>
      <c r="GZ28" s="114">
        <v>0</v>
      </c>
      <c r="HA28" s="114">
        <v>0</v>
      </c>
      <c r="HB28" s="112">
        <v>53686</v>
      </c>
      <c r="HC28" s="116">
        <v>53686</v>
      </c>
      <c r="HD28" s="110">
        <v>54857</v>
      </c>
      <c r="HE28" s="114">
        <v>183226</v>
      </c>
      <c r="HF28" s="112">
        <v>238083</v>
      </c>
      <c r="HG28" s="111">
        <v>0</v>
      </c>
      <c r="HH28" s="114">
        <v>806532</v>
      </c>
      <c r="HI28" s="114">
        <v>181052</v>
      </c>
      <c r="HJ28" s="114">
        <v>601533</v>
      </c>
      <c r="HK28" s="114">
        <v>272818</v>
      </c>
      <c r="HL28" s="114">
        <v>721937</v>
      </c>
      <c r="HM28" s="113">
        <v>2583872</v>
      </c>
      <c r="HN28" s="109">
        <v>2821955</v>
      </c>
      <c r="HO28" s="329"/>
      <c r="HP28" s="330"/>
      <c r="HQ28" s="331"/>
      <c r="HR28" s="332"/>
      <c r="HS28" s="330"/>
      <c r="HT28" s="330"/>
      <c r="HU28" s="330"/>
      <c r="HV28" s="330"/>
      <c r="HW28" s="330"/>
      <c r="HX28" s="333"/>
      <c r="HY28" s="334"/>
      <c r="HZ28" s="150">
        <v>0</v>
      </c>
      <c r="IA28" s="135">
        <v>0</v>
      </c>
      <c r="IB28" s="150">
        <v>0</v>
      </c>
      <c r="IC28" s="134">
        <v>0</v>
      </c>
      <c r="ID28" s="135">
        <v>1117486</v>
      </c>
      <c r="IE28" s="136">
        <v>365019</v>
      </c>
      <c r="IF28" s="137">
        <v>536669</v>
      </c>
      <c r="IG28" s="135">
        <v>536689</v>
      </c>
      <c r="IH28" s="137">
        <v>0</v>
      </c>
      <c r="II28" s="138">
        <v>2555863</v>
      </c>
      <c r="IJ28" s="150">
        <v>2555863</v>
      </c>
      <c r="IK28" s="232">
        <v>0</v>
      </c>
      <c r="IL28" s="236">
        <v>0</v>
      </c>
      <c r="IM28" s="237">
        <v>0</v>
      </c>
      <c r="IN28" s="140"/>
      <c r="IO28" s="119">
        <v>0</v>
      </c>
      <c r="IP28" s="119">
        <v>0</v>
      </c>
      <c r="IQ28" s="119">
        <v>0</v>
      </c>
      <c r="IR28" s="119">
        <v>0</v>
      </c>
      <c r="IS28" s="119">
        <v>0</v>
      </c>
      <c r="IT28" s="141">
        <v>0</v>
      </c>
      <c r="IU28" s="321">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166572</v>
      </c>
      <c r="JL28" s="119">
        <v>121886</v>
      </c>
      <c r="JM28" s="119">
        <v>43254</v>
      </c>
      <c r="JN28" s="119">
        <v>278149</v>
      </c>
      <c r="JO28" s="119">
        <v>0</v>
      </c>
      <c r="JP28" s="120">
        <v>609861</v>
      </c>
      <c r="JQ28" s="321">
        <v>609861</v>
      </c>
      <c r="JR28" s="142">
        <v>0</v>
      </c>
      <c r="JS28" s="119">
        <v>0</v>
      </c>
      <c r="JT28" s="141">
        <v>0</v>
      </c>
      <c r="JU28" s="118">
        <v>0</v>
      </c>
      <c r="JV28" s="119">
        <v>0</v>
      </c>
      <c r="JW28" s="119">
        <v>0</v>
      </c>
      <c r="JX28" s="119">
        <v>0</v>
      </c>
      <c r="JY28" s="119">
        <v>0</v>
      </c>
      <c r="JZ28" s="119">
        <v>0</v>
      </c>
      <c r="KA28" s="120">
        <v>0</v>
      </c>
      <c r="KB28" s="321">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950914</v>
      </c>
      <c r="KS28" s="119">
        <v>243133</v>
      </c>
      <c r="KT28" s="119">
        <v>493415</v>
      </c>
      <c r="KU28" s="119">
        <v>258540</v>
      </c>
      <c r="KV28" s="119">
        <v>0</v>
      </c>
      <c r="KW28" s="120">
        <v>1946002</v>
      </c>
      <c r="KX28" s="321">
        <v>1946002</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1">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222752</v>
      </c>
      <c r="MK28" s="119">
        <v>258954</v>
      </c>
      <c r="ML28" s="119">
        <v>1082067</v>
      </c>
      <c r="MM28" s="119">
        <v>1690479</v>
      </c>
      <c r="MN28" s="119">
        <v>0</v>
      </c>
      <c r="MO28" s="120">
        <v>3254252</v>
      </c>
      <c r="MP28" s="143">
        <v>3254252</v>
      </c>
      <c r="MQ28" s="142">
        <v>0</v>
      </c>
      <c r="MR28" s="119">
        <v>0</v>
      </c>
      <c r="MS28" s="120">
        <v>0</v>
      </c>
      <c r="MT28" s="145"/>
      <c r="MU28" s="119">
        <v>222752</v>
      </c>
      <c r="MV28" s="119">
        <v>0</v>
      </c>
      <c r="MW28" s="119">
        <v>771770</v>
      </c>
      <c r="MX28" s="119">
        <v>740803</v>
      </c>
      <c r="MY28" s="119">
        <v>0</v>
      </c>
      <c r="MZ28" s="120">
        <v>1735325</v>
      </c>
      <c r="NA28" s="143">
        <v>1735325</v>
      </c>
      <c r="NB28" s="142">
        <v>0</v>
      </c>
      <c r="NC28" s="119">
        <v>0</v>
      </c>
      <c r="ND28" s="120">
        <v>0</v>
      </c>
      <c r="NE28" s="145"/>
      <c r="NF28" s="119">
        <v>0</v>
      </c>
      <c r="NG28" s="119">
        <v>258954</v>
      </c>
      <c r="NH28" s="119">
        <v>310297</v>
      </c>
      <c r="NI28" s="119">
        <v>949676</v>
      </c>
      <c r="NJ28" s="119">
        <v>0</v>
      </c>
      <c r="NK28" s="120">
        <v>1518927</v>
      </c>
      <c r="NL28" s="321">
        <v>1518927</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140486</v>
      </c>
      <c r="OJ28" s="119">
        <v>305829</v>
      </c>
      <c r="OK28" s="141">
        <v>446315</v>
      </c>
      <c r="OL28" s="118">
        <v>0</v>
      </c>
      <c r="OM28" s="119">
        <v>3625523</v>
      </c>
      <c r="ON28" s="119">
        <v>2917508</v>
      </c>
      <c r="OO28" s="119">
        <v>3930666</v>
      </c>
      <c r="OP28" s="119">
        <v>4710094</v>
      </c>
      <c r="OQ28" s="119">
        <v>1184674</v>
      </c>
      <c r="OR28" s="120">
        <v>16368465</v>
      </c>
      <c r="OS28" s="143">
        <v>16814780</v>
      </c>
    </row>
    <row r="29" spans="2:409" ht="20.25" customHeight="1" x14ac:dyDescent="0.2">
      <c r="B29" s="126" t="s">
        <v>24</v>
      </c>
      <c r="C29" s="110">
        <v>302043</v>
      </c>
      <c r="D29" s="114">
        <v>366772</v>
      </c>
      <c r="E29" s="113">
        <v>668815</v>
      </c>
      <c r="F29" s="109">
        <v>0</v>
      </c>
      <c r="G29" s="114">
        <v>2933050</v>
      </c>
      <c r="H29" s="114">
        <v>1882993</v>
      </c>
      <c r="I29" s="114">
        <v>1848667</v>
      </c>
      <c r="J29" s="114">
        <v>1778289</v>
      </c>
      <c r="K29" s="114">
        <v>798277</v>
      </c>
      <c r="L29" s="173">
        <v>9241276</v>
      </c>
      <c r="M29" s="116">
        <v>9910091</v>
      </c>
      <c r="N29" s="110">
        <v>98488</v>
      </c>
      <c r="O29" s="114">
        <v>139755</v>
      </c>
      <c r="P29" s="113">
        <v>238243</v>
      </c>
      <c r="Q29" s="110">
        <v>0</v>
      </c>
      <c r="R29" s="114">
        <v>1234400</v>
      </c>
      <c r="S29" s="114">
        <v>544618</v>
      </c>
      <c r="T29" s="114">
        <v>422843</v>
      </c>
      <c r="U29" s="114">
        <v>967398</v>
      </c>
      <c r="V29" s="114">
        <v>428205</v>
      </c>
      <c r="W29" s="113">
        <v>3597464</v>
      </c>
      <c r="X29" s="116">
        <v>3835707</v>
      </c>
      <c r="Y29" s="110">
        <v>0</v>
      </c>
      <c r="Z29" s="114">
        <v>0</v>
      </c>
      <c r="AA29" s="113">
        <v>0</v>
      </c>
      <c r="AB29" s="110">
        <v>0</v>
      </c>
      <c r="AC29" s="114">
        <v>558850</v>
      </c>
      <c r="AD29" s="114">
        <v>256242</v>
      </c>
      <c r="AE29" s="114">
        <v>31134</v>
      </c>
      <c r="AF29" s="114">
        <v>462223</v>
      </c>
      <c r="AG29" s="114">
        <v>103065</v>
      </c>
      <c r="AH29" s="113">
        <v>1411514</v>
      </c>
      <c r="AI29" s="116">
        <v>1411514</v>
      </c>
      <c r="AJ29" s="110">
        <v>0</v>
      </c>
      <c r="AK29" s="114">
        <v>0</v>
      </c>
      <c r="AL29" s="113">
        <v>0</v>
      </c>
      <c r="AM29" s="110">
        <v>0</v>
      </c>
      <c r="AN29" s="114">
        <v>0</v>
      </c>
      <c r="AO29" s="114">
        <v>0</v>
      </c>
      <c r="AP29" s="114">
        <v>0</v>
      </c>
      <c r="AQ29" s="114">
        <v>59758</v>
      </c>
      <c r="AR29" s="114">
        <v>105150</v>
      </c>
      <c r="AS29" s="113">
        <v>164908</v>
      </c>
      <c r="AT29" s="116">
        <v>164908</v>
      </c>
      <c r="AU29" s="110">
        <v>41664</v>
      </c>
      <c r="AV29" s="114">
        <v>47780</v>
      </c>
      <c r="AW29" s="113">
        <v>89444</v>
      </c>
      <c r="AX29" s="110">
        <v>0</v>
      </c>
      <c r="AY29" s="114">
        <v>455563</v>
      </c>
      <c r="AZ29" s="114">
        <v>205056</v>
      </c>
      <c r="BA29" s="114">
        <v>265549</v>
      </c>
      <c r="BB29" s="114">
        <v>166467</v>
      </c>
      <c r="BC29" s="114">
        <v>157614</v>
      </c>
      <c r="BD29" s="113">
        <v>1250249</v>
      </c>
      <c r="BE29" s="116">
        <v>1339693</v>
      </c>
      <c r="BF29" s="110">
        <v>30904</v>
      </c>
      <c r="BG29" s="114">
        <v>46791</v>
      </c>
      <c r="BH29" s="112">
        <v>77695</v>
      </c>
      <c r="BI29" s="111">
        <v>0</v>
      </c>
      <c r="BJ29" s="114">
        <v>59123</v>
      </c>
      <c r="BK29" s="114">
        <v>0</v>
      </c>
      <c r="BL29" s="114">
        <v>0</v>
      </c>
      <c r="BM29" s="114">
        <v>221462</v>
      </c>
      <c r="BN29" s="114">
        <v>0</v>
      </c>
      <c r="BO29" s="113">
        <v>280585</v>
      </c>
      <c r="BP29" s="116">
        <v>358280</v>
      </c>
      <c r="BQ29" s="110">
        <v>25920</v>
      </c>
      <c r="BR29" s="114">
        <v>45184</v>
      </c>
      <c r="BS29" s="113">
        <v>71104</v>
      </c>
      <c r="BT29" s="110">
        <v>0</v>
      </c>
      <c r="BU29" s="114">
        <v>160864</v>
      </c>
      <c r="BV29" s="114">
        <v>83320</v>
      </c>
      <c r="BW29" s="114">
        <v>126160</v>
      </c>
      <c r="BX29" s="114">
        <v>57488</v>
      </c>
      <c r="BY29" s="114">
        <v>62376</v>
      </c>
      <c r="BZ29" s="113">
        <v>490208</v>
      </c>
      <c r="CA29" s="116">
        <v>561312</v>
      </c>
      <c r="CB29" s="110">
        <v>60352</v>
      </c>
      <c r="CC29" s="114">
        <v>111480</v>
      </c>
      <c r="CD29" s="113">
        <v>171832</v>
      </c>
      <c r="CE29" s="110">
        <v>0</v>
      </c>
      <c r="CF29" s="114">
        <v>708933</v>
      </c>
      <c r="CG29" s="114">
        <v>844771</v>
      </c>
      <c r="CH29" s="114">
        <v>661998</v>
      </c>
      <c r="CI29" s="114">
        <v>215038</v>
      </c>
      <c r="CJ29" s="114">
        <v>0</v>
      </c>
      <c r="CK29" s="113">
        <v>2430740</v>
      </c>
      <c r="CL29" s="116">
        <v>2602572</v>
      </c>
      <c r="CM29" s="110">
        <v>0</v>
      </c>
      <c r="CN29" s="114">
        <v>0</v>
      </c>
      <c r="CO29" s="113">
        <v>0</v>
      </c>
      <c r="CP29" s="111">
        <v>0</v>
      </c>
      <c r="CQ29" s="114">
        <v>574388</v>
      </c>
      <c r="CR29" s="114">
        <v>442130</v>
      </c>
      <c r="CS29" s="114">
        <v>567847</v>
      </c>
      <c r="CT29" s="114">
        <v>215038</v>
      </c>
      <c r="CU29" s="114">
        <v>0</v>
      </c>
      <c r="CV29" s="113">
        <v>1799403</v>
      </c>
      <c r="CW29" s="116">
        <v>1799403</v>
      </c>
      <c r="CX29" s="110">
        <v>60352</v>
      </c>
      <c r="CY29" s="114">
        <v>111480</v>
      </c>
      <c r="CZ29" s="113">
        <v>171832</v>
      </c>
      <c r="DA29" s="110">
        <v>0</v>
      </c>
      <c r="DB29" s="114">
        <v>134545</v>
      </c>
      <c r="DC29" s="114">
        <v>402641</v>
      </c>
      <c r="DD29" s="114">
        <v>94151</v>
      </c>
      <c r="DE29" s="114">
        <v>0</v>
      </c>
      <c r="DF29" s="114">
        <v>0</v>
      </c>
      <c r="DG29" s="113">
        <v>631337</v>
      </c>
      <c r="DH29" s="116">
        <v>803169</v>
      </c>
      <c r="DI29" s="110">
        <v>0</v>
      </c>
      <c r="DJ29" s="114">
        <v>0</v>
      </c>
      <c r="DK29" s="112">
        <v>0</v>
      </c>
      <c r="DL29" s="111">
        <v>0</v>
      </c>
      <c r="DM29" s="114">
        <v>74218</v>
      </c>
      <c r="DN29" s="114">
        <v>0</v>
      </c>
      <c r="DO29" s="114">
        <v>298689</v>
      </c>
      <c r="DP29" s="114">
        <v>218306</v>
      </c>
      <c r="DQ29" s="114">
        <v>117877</v>
      </c>
      <c r="DR29" s="113">
        <v>709090</v>
      </c>
      <c r="DS29" s="116">
        <v>709090</v>
      </c>
      <c r="DT29" s="110">
        <v>0</v>
      </c>
      <c r="DU29" s="114">
        <v>0</v>
      </c>
      <c r="DV29" s="113">
        <v>0</v>
      </c>
      <c r="DW29" s="110">
        <v>0</v>
      </c>
      <c r="DX29" s="114">
        <v>74218</v>
      </c>
      <c r="DY29" s="114">
        <v>0</v>
      </c>
      <c r="DZ29" s="114">
        <v>298689</v>
      </c>
      <c r="EA29" s="114">
        <v>218306</v>
      </c>
      <c r="EB29" s="114">
        <v>117877</v>
      </c>
      <c r="EC29" s="113">
        <v>709090</v>
      </c>
      <c r="ED29" s="116">
        <v>709090</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8">
        <v>0</v>
      </c>
      <c r="FE29" s="114">
        <v>0</v>
      </c>
      <c r="FF29" s="114">
        <v>0</v>
      </c>
      <c r="FG29" s="114">
        <v>0</v>
      </c>
      <c r="FH29" s="114">
        <v>0</v>
      </c>
      <c r="FI29" s="114">
        <v>0</v>
      </c>
      <c r="FJ29" s="113">
        <v>0</v>
      </c>
      <c r="FK29" s="116">
        <v>0</v>
      </c>
      <c r="FL29" s="110">
        <v>36800</v>
      </c>
      <c r="FM29" s="114">
        <v>25680</v>
      </c>
      <c r="FN29" s="113">
        <v>62480</v>
      </c>
      <c r="FO29" s="110">
        <v>0</v>
      </c>
      <c r="FP29" s="114">
        <v>105056</v>
      </c>
      <c r="FQ29" s="114">
        <v>147696</v>
      </c>
      <c r="FR29" s="114">
        <v>70288</v>
      </c>
      <c r="FS29" s="114">
        <v>163440</v>
      </c>
      <c r="FT29" s="114">
        <v>24136</v>
      </c>
      <c r="FU29" s="113">
        <v>510616</v>
      </c>
      <c r="FV29" s="116">
        <v>573096</v>
      </c>
      <c r="FW29" s="115">
        <v>36800</v>
      </c>
      <c r="FX29" s="114">
        <v>25680</v>
      </c>
      <c r="FY29" s="112">
        <v>62480</v>
      </c>
      <c r="FZ29" s="111">
        <v>0</v>
      </c>
      <c r="GA29" s="114">
        <v>105056</v>
      </c>
      <c r="GB29" s="114">
        <v>129040</v>
      </c>
      <c r="GC29" s="114">
        <v>70288</v>
      </c>
      <c r="GD29" s="114">
        <v>163440</v>
      </c>
      <c r="GE29" s="114">
        <v>24136</v>
      </c>
      <c r="GF29" s="113">
        <v>491960</v>
      </c>
      <c r="GG29" s="319">
        <v>554440</v>
      </c>
      <c r="GH29" s="115">
        <v>0</v>
      </c>
      <c r="GI29" s="114">
        <v>0</v>
      </c>
      <c r="GJ29" s="112">
        <v>0</v>
      </c>
      <c r="GK29" s="111">
        <v>0</v>
      </c>
      <c r="GL29" s="114">
        <v>0</v>
      </c>
      <c r="GM29" s="114">
        <v>18656</v>
      </c>
      <c r="GN29" s="114">
        <v>0</v>
      </c>
      <c r="GO29" s="114">
        <v>0</v>
      </c>
      <c r="GP29" s="114">
        <v>0</v>
      </c>
      <c r="GQ29" s="113">
        <v>18656</v>
      </c>
      <c r="GR29" s="116">
        <v>18656</v>
      </c>
      <c r="GS29" s="110">
        <v>0</v>
      </c>
      <c r="GT29" s="114">
        <v>0</v>
      </c>
      <c r="GU29" s="113">
        <v>0</v>
      </c>
      <c r="GV29" s="110">
        <v>0</v>
      </c>
      <c r="GW29" s="114">
        <v>0</v>
      </c>
      <c r="GX29" s="114">
        <v>0</v>
      </c>
      <c r="GY29" s="114">
        <v>0</v>
      </c>
      <c r="GZ29" s="114">
        <v>0</v>
      </c>
      <c r="HA29" s="114">
        <v>0</v>
      </c>
      <c r="HB29" s="112">
        <v>0</v>
      </c>
      <c r="HC29" s="116">
        <v>0</v>
      </c>
      <c r="HD29" s="110">
        <v>106403</v>
      </c>
      <c r="HE29" s="114">
        <v>89857</v>
      </c>
      <c r="HF29" s="112">
        <v>196260</v>
      </c>
      <c r="HG29" s="111">
        <v>0</v>
      </c>
      <c r="HH29" s="114">
        <v>810443</v>
      </c>
      <c r="HI29" s="114">
        <v>345908</v>
      </c>
      <c r="HJ29" s="114">
        <v>394849</v>
      </c>
      <c r="HK29" s="114">
        <v>214107</v>
      </c>
      <c r="HL29" s="114">
        <v>228059</v>
      </c>
      <c r="HM29" s="113">
        <v>1993366</v>
      </c>
      <c r="HN29" s="109">
        <v>2189626</v>
      </c>
      <c r="HO29" s="329"/>
      <c r="HP29" s="330"/>
      <c r="HQ29" s="331"/>
      <c r="HR29" s="332"/>
      <c r="HS29" s="330"/>
      <c r="HT29" s="330"/>
      <c r="HU29" s="330"/>
      <c r="HV29" s="330"/>
      <c r="HW29" s="330"/>
      <c r="HX29" s="333"/>
      <c r="HY29" s="334"/>
      <c r="HZ29" s="131">
        <v>0</v>
      </c>
      <c r="IA29" s="132">
        <v>0</v>
      </c>
      <c r="IB29" s="133">
        <v>0</v>
      </c>
      <c r="IC29" s="146">
        <v>0</v>
      </c>
      <c r="ID29" s="132">
        <v>258384</v>
      </c>
      <c r="IE29" s="147">
        <v>440371</v>
      </c>
      <c r="IF29" s="133">
        <v>1032592</v>
      </c>
      <c r="IG29" s="132">
        <v>43150</v>
      </c>
      <c r="IH29" s="133">
        <v>246652</v>
      </c>
      <c r="II29" s="148">
        <v>2021149</v>
      </c>
      <c r="IJ29" s="139">
        <v>2021149</v>
      </c>
      <c r="IK29" s="232">
        <v>0</v>
      </c>
      <c r="IL29" s="236">
        <v>0</v>
      </c>
      <c r="IM29" s="237">
        <v>0</v>
      </c>
      <c r="IN29" s="140"/>
      <c r="IO29" s="119">
        <v>0</v>
      </c>
      <c r="IP29" s="119">
        <v>0</v>
      </c>
      <c r="IQ29" s="119">
        <v>165819</v>
      </c>
      <c r="IR29" s="119">
        <v>0</v>
      </c>
      <c r="IS29" s="119">
        <v>0</v>
      </c>
      <c r="IT29" s="141">
        <v>165819</v>
      </c>
      <c r="IU29" s="321">
        <v>165819</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50003</v>
      </c>
      <c r="JL29" s="119">
        <v>0</v>
      </c>
      <c r="JM29" s="119">
        <v>234970</v>
      </c>
      <c r="JN29" s="119">
        <v>43150</v>
      </c>
      <c r="JO29" s="119">
        <v>0</v>
      </c>
      <c r="JP29" s="120">
        <v>428123</v>
      </c>
      <c r="JQ29" s="321">
        <v>428123</v>
      </c>
      <c r="JR29" s="142">
        <v>0</v>
      </c>
      <c r="JS29" s="119">
        <v>0</v>
      </c>
      <c r="JT29" s="141">
        <v>0</v>
      </c>
      <c r="JU29" s="118">
        <v>0</v>
      </c>
      <c r="JV29" s="119">
        <v>0</v>
      </c>
      <c r="JW29" s="119">
        <v>0</v>
      </c>
      <c r="JX29" s="119">
        <v>157577</v>
      </c>
      <c r="JY29" s="119">
        <v>0</v>
      </c>
      <c r="JZ29" s="119">
        <v>0</v>
      </c>
      <c r="KA29" s="120">
        <v>157577</v>
      </c>
      <c r="KB29" s="321">
        <v>157577</v>
      </c>
      <c r="KC29" s="234">
        <v>0</v>
      </c>
      <c r="KD29" s="230">
        <v>0</v>
      </c>
      <c r="KE29" s="120">
        <v>0</v>
      </c>
      <c r="KF29" s="118">
        <v>0</v>
      </c>
      <c r="KG29" s="119">
        <v>108381</v>
      </c>
      <c r="KH29" s="119">
        <v>440371</v>
      </c>
      <c r="KI29" s="119">
        <v>0</v>
      </c>
      <c r="KJ29" s="119">
        <v>0</v>
      </c>
      <c r="KK29" s="119">
        <v>0</v>
      </c>
      <c r="KL29" s="120">
        <v>548752</v>
      </c>
      <c r="KM29" s="143">
        <v>548752</v>
      </c>
      <c r="KN29" s="232">
        <v>0</v>
      </c>
      <c r="KO29" s="236">
        <v>0</v>
      </c>
      <c r="KP29" s="237">
        <v>0</v>
      </c>
      <c r="KQ29" s="140"/>
      <c r="KR29" s="119">
        <v>0</v>
      </c>
      <c r="KS29" s="119">
        <v>0</v>
      </c>
      <c r="KT29" s="119">
        <v>474226</v>
      </c>
      <c r="KU29" s="119">
        <v>0</v>
      </c>
      <c r="KV29" s="119">
        <v>246652</v>
      </c>
      <c r="KW29" s="120">
        <v>720878</v>
      </c>
      <c r="KX29" s="321">
        <v>720878</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1">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0</v>
      </c>
      <c r="ML29" s="119">
        <v>1608540</v>
      </c>
      <c r="MM29" s="119">
        <v>1867859</v>
      </c>
      <c r="MN29" s="119">
        <v>886876</v>
      </c>
      <c r="MO29" s="120">
        <v>4363275</v>
      </c>
      <c r="MP29" s="143">
        <v>4363275</v>
      </c>
      <c r="MQ29" s="142">
        <v>0</v>
      </c>
      <c r="MR29" s="119">
        <v>0</v>
      </c>
      <c r="MS29" s="120">
        <v>0</v>
      </c>
      <c r="MT29" s="145"/>
      <c r="MU29" s="119">
        <v>0</v>
      </c>
      <c r="MV29" s="119">
        <v>0</v>
      </c>
      <c r="MW29" s="119">
        <v>0</v>
      </c>
      <c r="MX29" s="119">
        <v>1024159</v>
      </c>
      <c r="MY29" s="119">
        <v>886876</v>
      </c>
      <c r="MZ29" s="120">
        <v>1911035</v>
      </c>
      <c r="NA29" s="143">
        <v>1911035</v>
      </c>
      <c r="NB29" s="142">
        <v>0</v>
      </c>
      <c r="NC29" s="119">
        <v>0</v>
      </c>
      <c r="ND29" s="120">
        <v>0</v>
      </c>
      <c r="NE29" s="145"/>
      <c r="NF29" s="119">
        <v>0</v>
      </c>
      <c r="NG29" s="119">
        <v>0</v>
      </c>
      <c r="NH29" s="119">
        <v>1608540</v>
      </c>
      <c r="NI29" s="119">
        <v>843700</v>
      </c>
      <c r="NJ29" s="119">
        <v>0</v>
      </c>
      <c r="NK29" s="120">
        <v>2452240</v>
      </c>
      <c r="NL29" s="321">
        <v>2452240</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302043</v>
      </c>
      <c r="OJ29" s="119">
        <v>366772</v>
      </c>
      <c r="OK29" s="141">
        <v>668815</v>
      </c>
      <c r="OL29" s="118">
        <v>0</v>
      </c>
      <c r="OM29" s="119">
        <v>3191434</v>
      </c>
      <c r="ON29" s="119">
        <v>2323364</v>
      </c>
      <c r="OO29" s="119">
        <v>4489799</v>
      </c>
      <c r="OP29" s="119">
        <v>3689298</v>
      </c>
      <c r="OQ29" s="119">
        <v>1931805</v>
      </c>
      <c r="OR29" s="120">
        <v>15625700</v>
      </c>
      <c r="OS29" s="143">
        <v>16294515</v>
      </c>
    </row>
    <row r="30" spans="2:409" ht="20.25" customHeight="1" x14ac:dyDescent="0.2">
      <c r="B30" s="126" t="s">
        <v>25</v>
      </c>
      <c r="C30" s="110">
        <v>334629</v>
      </c>
      <c r="D30" s="114">
        <v>271364</v>
      </c>
      <c r="E30" s="113">
        <v>605993</v>
      </c>
      <c r="F30" s="109">
        <v>0</v>
      </c>
      <c r="G30" s="114">
        <v>2029078</v>
      </c>
      <c r="H30" s="114">
        <v>1193522</v>
      </c>
      <c r="I30" s="114">
        <v>935762</v>
      </c>
      <c r="J30" s="114">
        <v>1635756</v>
      </c>
      <c r="K30" s="114">
        <v>319869</v>
      </c>
      <c r="L30" s="173">
        <v>6113987</v>
      </c>
      <c r="M30" s="116">
        <v>6719980</v>
      </c>
      <c r="N30" s="110">
        <v>29685</v>
      </c>
      <c r="O30" s="114">
        <v>146479</v>
      </c>
      <c r="P30" s="113">
        <v>176164</v>
      </c>
      <c r="Q30" s="110">
        <v>0</v>
      </c>
      <c r="R30" s="114">
        <v>424378</v>
      </c>
      <c r="S30" s="114">
        <v>602349</v>
      </c>
      <c r="T30" s="114">
        <v>365312</v>
      </c>
      <c r="U30" s="114">
        <v>172969</v>
      </c>
      <c r="V30" s="114">
        <v>206413</v>
      </c>
      <c r="W30" s="113">
        <v>1771421</v>
      </c>
      <c r="X30" s="116">
        <v>1947585</v>
      </c>
      <c r="Y30" s="110">
        <v>0</v>
      </c>
      <c r="Z30" s="114">
        <v>0</v>
      </c>
      <c r="AA30" s="113">
        <v>0</v>
      </c>
      <c r="AB30" s="110">
        <v>0</v>
      </c>
      <c r="AC30" s="114">
        <v>138687</v>
      </c>
      <c r="AD30" s="114">
        <v>440597</v>
      </c>
      <c r="AE30" s="114">
        <v>214692</v>
      </c>
      <c r="AF30" s="114">
        <v>0</v>
      </c>
      <c r="AG30" s="114">
        <v>11299</v>
      </c>
      <c r="AH30" s="113">
        <v>805275</v>
      </c>
      <c r="AI30" s="116">
        <v>805275</v>
      </c>
      <c r="AJ30" s="110">
        <v>0</v>
      </c>
      <c r="AK30" s="114">
        <v>0</v>
      </c>
      <c r="AL30" s="113">
        <v>0</v>
      </c>
      <c r="AM30" s="110">
        <v>0</v>
      </c>
      <c r="AN30" s="114">
        <v>0</v>
      </c>
      <c r="AO30" s="114">
        <v>0</v>
      </c>
      <c r="AP30" s="114">
        <v>45641</v>
      </c>
      <c r="AQ30" s="114">
        <v>70042</v>
      </c>
      <c r="AR30" s="114">
        <v>102702</v>
      </c>
      <c r="AS30" s="113">
        <v>218385</v>
      </c>
      <c r="AT30" s="116">
        <v>218385</v>
      </c>
      <c r="AU30" s="110">
        <v>29685</v>
      </c>
      <c r="AV30" s="114">
        <v>97092</v>
      </c>
      <c r="AW30" s="113">
        <v>126777</v>
      </c>
      <c r="AX30" s="110">
        <v>0</v>
      </c>
      <c r="AY30" s="114">
        <v>179675</v>
      </c>
      <c r="AZ30" s="114">
        <v>141288</v>
      </c>
      <c r="BA30" s="114">
        <v>46436</v>
      </c>
      <c r="BB30" s="114">
        <v>14055</v>
      </c>
      <c r="BC30" s="114">
        <v>49656</v>
      </c>
      <c r="BD30" s="113">
        <v>431110</v>
      </c>
      <c r="BE30" s="116">
        <v>557887</v>
      </c>
      <c r="BF30" s="110">
        <v>0</v>
      </c>
      <c r="BG30" s="114">
        <v>42267</v>
      </c>
      <c r="BH30" s="112">
        <v>42267</v>
      </c>
      <c r="BI30" s="111">
        <v>0</v>
      </c>
      <c r="BJ30" s="114">
        <v>0</v>
      </c>
      <c r="BK30" s="114">
        <v>0</v>
      </c>
      <c r="BL30" s="114">
        <v>43415</v>
      </c>
      <c r="BM30" s="114">
        <v>0</v>
      </c>
      <c r="BN30" s="114">
        <v>37988</v>
      </c>
      <c r="BO30" s="113">
        <v>81403</v>
      </c>
      <c r="BP30" s="116">
        <v>123670</v>
      </c>
      <c r="BQ30" s="110">
        <v>0</v>
      </c>
      <c r="BR30" s="114">
        <v>7120</v>
      </c>
      <c r="BS30" s="113">
        <v>7120</v>
      </c>
      <c r="BT30" s="110">
        <v>0</v>
      </c>
      <c r="BU30" s="114">
        <v>106016</v>
      </c>
      <c r="BV30" s="114">
        <v>20464</v>
      </c>
      <c r="BW30" s="114">
        <v>15128</v>
      </c>
      <c r="BX30" s="114">
        <v>88872</v>
      </c>
      <c r="BY30" s="114">
        <v>4768</v>
      </c>
      <c r="BZ30" s="113">
        <v>235248</v>
      </c>
      <c r="CA30" s="116">
        <v>242368</v>
      </c>
      <c r="CB30" s="110">
        <v>0</v>
      </c>
      <c r="CC30" s="114">
        <v>0</v>
      </c>
      <c r="CD30" s="113">
        <v>0</v>
      </c>
      <c r="CE30" s="110">
        <v>0</v>
      </c>
      <c r="CF30" s="114">
        <v>769872</v>
      </c>
      <c r="CG30" s="114">
        <v>418645</v>
      </c>
      <c r="CH30" s="114">
        <v>172313</v>
      </c>
      <c r="CI30" s="114">
        <v>522323</v>
      </c>
      <c r="CJ30" s="114">
        <v>55848</v>
      </c>
      <c r="CK30" s="113">
        <v>1939001</v>
      </c>
      <c r="CL30" s="116">
        <v>1939001</v>
      </c>
      <c r="CM30" s="110">
        <v>0</v>
      </c>
      <c r="CN30" s="114">
        <v>0</v>
      </c>
      <c r="CO30" s="113">
        <v>0</v>
      </c>
      <c r="CP30" s="111">
        <v>0</v>
      </c>
      <c r="CQ30" s="114">
        <v>620915</v>
      </c>
      <c r="CR30" s="114">
        <v>200102</v>
      </c>
      <c r="CS30" s="114">
        <v>106212</v>
      </c>
      <c r="CT30" s="114">
        <v>406519</v>
      </c>
      <c r="CU30" s="114">
        <v>32850</v>
      </c>
      <c r="CV30" s="113">
        <v>1366598</v>
      </c>
      <c r="CW30" s="116">
        <v>1366598</v>
      </c>
      <c r="CX30" s="110">
        <v>0</v>
      </c>
      <c r="CY30" s="114">
        <v>0</v>
      </c>
      <c r="CZ30" s="113">
        <v>0</v>
      </c>
      <c r="DA30" s="110">
        <v>0</v>
      </c>
      <c r="DB30" s="114">
        <v>148957</v>
      </c>
      <c r="DC30" s="114">
        <v>218543</v>
      </c>
      <c r="DD30" s="114">
        <v>66101</v>
      </c>
      <c r="DE30" s="114">
        <v>115804</v>
      </c>
      <c r="DF30" s="114">
        <v>22998</v>
      </c>
      <c r="DG30" s="113">
        <v>572403</v>
      </c>
      <c r="DH30" s="116">
        <v>572403</v>
      </c>
      <c r="DI30" s="110">
        <v>0</v>
      </c>
      <c r="DJ30" s="114">
        <v>0</v>
      </c>
      <c r="DK30" s="112">
        <v>0</v>
      </c>
      <c r="DL30" s="111">
        <v>0</v>
      </c>
      <c r="DM30" s="114">
        <v>70473</v>
      </c>
      <c r="DN30" s="114">
        <v>0</v>
      </c>
      <c r="DO30" s="114">
        <v>127397</v>
      </c>
      <c r="DP30" s="114">
        <v>101368</v>
      </c>
      <c r="DQ30" s="114">
        <v>0</v>
      </c>
      <c r="DR30" s="113">
        <v>299238</v>
      </c>
      <c r="DS30" s="116">
        <v>299238</v>
      </c>
      <c r="DT30" s="110">
        <v>0</v>
      </c>
      <c r="DU30" s="114">
        <v>0</v>
      </c>
      <c r="DV30" s="113">
        <v>0</v>
      </c>
      <c r="DW30" s="110">
        <v>0</v>
      </c>
      <c r="DX30" s="114">
        <v>70473</v>
      </c>
      <c r="DY30" s="114">
        <v>0</v>
      </c>
      <c r="DZ30" s="114">
        <v>49508</v>
      </c>
      <c r="EA30" s="114">
        <v>46402</v>
      </c>
      <c r="EB30" s="114">
        <v>0</v>
      </c>
      <c r="EC30" s="113">
        <v>166383</v>
      </c>
      <c r="ED30" s="116">
        <v>166383</v>
      </c>
      <c r="EE30" s="110">
        <v>0</v>
      </c>
      <c r="EF30" s="112">
        <v>0</v>
      </c>
      <c r="EG30" s="113">
        <v>0</v>
      </c>
      <c r="EH30" s="110">
        <v>0</v>
      </c>
      <c r="EI30" s="114">
        <v>0</v>
      </c>
      <c r="EJ30" s="114">
        <v>0</v>
      </c>
      <c r="EK30" s="114">
        <v>77889</v>
      </c>
      <c r="EL30" s="114">
        <v>54966</v>
      </c>
      <c r="EM30" s="114">
        <v>0</v>
      </c>
      <c r="EN30" s="112">
        <v>132855</v>
      </c>
      <c r="EO30" s="116">
        <v>132855</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8">
        <v>0</v>
      </c>
      <c r="FE30" s="114">
        <v>0</v>
      </c>
      <c r="FF30" s="114">
        <v>0</v>
      </c>
      <c r="FG30" s="114">
        <v>0</v>
      </c>
      <c r="FH30" s="114">
        <v>0</v>
      </c>
      <c r="FI30" s="114">
        <v>0</v>
      </c>
      <c r="FJ30" s="113">
        <v>0</v>
      </c>
      <c r="FK30" s="116">
        <v>0</v>
      </c>
      <c r="FL30" s="110">
        <v>304944</v>
      </c>
      <c r="FM30" s="114">
        <v>34280</v>
      </c>
      <c r="FN30" s="113">
        <v>339224</v>
      </c>
      <c r="FO30" s="110">
        <v>0</v>
      </c>
      <c r="FP30" s="114">
        <v>63840</v>
      </c>
      <c r="FQ30" s="114">
        <v>172528</v>
      </c>
      <c r="FR30" s="114">
        <v>67768</v>
      </c>
      <c r="FS30" s="114">
        <v>191440</v>
      </c>
      <c r="FT30" s="114">
        <v>57608</v>
      </c>
      <c r="FU30" s="113">
        <v>553184</v>
      </c>
      <c r="FV30" s="116">
        <v>892408</v>
      </c>
      <c r="FW30" s="115">
        <v>12144</v>
      </c>
      <c r="FX30" s="114">
        <v>18880</v>
      </c>
      <c r="FY30" s="112">
        <v>31024</v>
      </c>
      <c r="FZ30" s="111">
        <v>0</v>
      </c>
      <c r="GA30" s="114">
        <v>63840</v>
      </c>
      <c r="GB30" s="114">
        <v>172528</v>
      </c>
      <c r="GC30" s="114">
        <v>67768</v>
      </c>
      <c r="GD30" s="114">
        <v>144800</v>
      </c>
      <c r="GE30" s="114">
        <v>57608</v>
      </c>
      <c r="GF30" s="113">
        <v>506544</v>
      </c>
      <c r="GG30" s="319">
        <v>537568</v>
      </c>
      <c r="GH30" s="115">
        <v>19200</v>
      </c>
      <c r="GI30" s="114">
        <v>15400</v>
      </c>
      <c r="GJ30" s="112">
        <v>34600</v>
      </c>
      <c r="GK30" s="111">
        <v>0</v>
      </c>
      <c r="GL30" s="114">
        <v>0</v>
      </c>
      <c r="GM30" s="114">
        <v>0</v>
      </c>
      <c r="GN30" s="114">
        <v>0</v>
      </c>
      <c r="GO30" s="114">
        <v>46640</v>
      </c>
      <c r="GP30" s="114">
        <v>0</v>
      </c>
      <c r="GQ30" s="113">
        <v>46640</v>
      </c>
      <c r="GR30" s="116">
        <v>81240</v>
      </c>
      <c r="GS30" s="110">
        <v>273600</v>
      </c>
      <c r="GT30" s="114">
        <v>0</v>
      </c>
      <c r="GU30" s="113">
        <v>273600</v>
      </c>
      <c r="GV30" s="110">
        <v>0</v>
      </c>
      <c r="GW30" s="114">
        <v>0</v>
      </c>
      <c r="GX30" s="114">
        <v>0</v>
      </c>
      <c r="GY30" s="114">
        <v>0</v>
      </c>
      <c r="GZ30" s="114">
        <v>0</v>
      </c>
      <c r="HA30" s="114">
        <v>0</v>
      </c>
      <c r="HB30" s="112">
        <v>0</v>
      </c>
      <c r="HC30" s="116">
        <v>273600</v>
      </c>
      <c r="HD30" s="110">
        <v>0</v>
      </c>
      <c r="HE30" s="114">
        <v>90605</v>
      </c>
      <c r="HF30" s="112">
        <v>90605</v>
      </c>
      <c r="HG30" s="111">
        <v>0</v>
      </c>
      <c r="HH30" s="114">
        <v>700515</v>
      </c>
      <c r="HI30" s="114">
        <v>0</v>
      </c>
      <c r="HJ30" s="114">
        <v>202972</v>
      </c>
      <c r="HK30" s="114">
        <v>647656</v>
      </c>
      <c r="HL30" s="114">
        <v>0</v>
      </c>
      <c r="HM30" s="113">
        <v>1551143</v>
      </c>
      <c r="HN30" s="109">
        <v>1641748</v>
      </c>
      <c r="HO30" s="329"/>
      <c r="HP30" s="330"/>
      <c r="HQ30" s="331"/>
      <c r="HR30" s="332"/>
      <c r="HS30" s="330"/>
      <c r="HT30" s="330"/>
      <c r="HU30" s="330"/>
      <c r="HV30" s="330"/>
      <c r="HW30" s="330"/>
      <c r="HX30" s="333"/>
      <c r="HY30" s="334"/>
      <c r="HZ30" s="150">
        <v>0</v>
      </c>
      <c r="IA30" s="135">
        <v>0</v>
      </c>
      <c r="IB30" s="150">
        <v>0</v>
      </c>
      <c r="IC30" s="134">
        <v>0</v>
      </c>
      <c r="ID30" s="135">
        <v>291449</v>
      </c>
      <c r="IE30" s="136">
        <v>0</v>
      </c>
      <c r="IF30" s="137">
        <v>0</v>
      </c>
      <c r="IG30" s="135">
        <v>0</v>
      </c>
      <c r="IH30" s="137">
        <v>0</v>
      </c>
      <c r="II30" s="138">
        <v>291449</v>
      </c>
      <c r="IJ30" s="150">
        <v>291449</v>
      </c>
      <c r="IK30" s="232">
        <v>0</v>
      </c>
      <c r="IL30" s="236">
        <v>0</v>
      </c>
      <c r="IM30" s="237">
        <v>0</v>
      </c>
      <c r="IN30" s="140"/>
      <c r="IO30" s="119">
        <v>0</v>
      </c>
      <c r="IP30" s="119">
        <v>0</v>
      </c>
      <c r="IQ30" s="119">
        <v>0</v>
      </c>
      <c r="IR30" s="119">
        <v>0</v>
      </c>
      <c r="IS30" s="119">
        <v>0</v>
      </c>
      <c r="IT30" s="141">
        <v>0</v>
      </c>
      <c r="IU30" s="321">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291449</v>
      </c>
      <c r="JL30" s="119">
        <v>0</v>
      </c>
      <c r="JM30" s="119">
        <v>0</v>
      </c>
      <c r="JN30" s="119">
        <v>0</v>
      </c>
      <c r="JO30" s="119">
        <v>0</v>
      </c>
      <c r="JP30" s="120">
        <v>291449</v>
      </c>
      <c r="JQ30" s="321">
        <v>291449</v>
      </c>
      <c r="JR30" s="142">
        <v>0</v>
      </c>
      <c r="JS30" s="119">
        <v>0</v>
      </c>
      <c r="JT30" s="141">
        <v>0</v>
      </c>
      <c r="JU30" s="118">
        <v>0</v>
      </c>
      <c r="JV30" s="119">
        <v>0</v>
      </c>
      <c r="JW30" s="119">
        <v>0</v>
      </c>
      <c r="JX30" s="119">
        <v>0</v>
      </c>
      <c r="JY30" s="119">
        <v>0</v>
      </c>
      <c r="JZ30" s="119">
        <v>0</v>
      </c>
      <c r="KA30" s="120">
        <v>0</v>
      </c>
      <c r="KB30" s="321">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0</v>
      </c>
      <c r="KS30" s="119">
        <v>0</v>
      </c>
      <c r="KT30" s="119">
        <v>0</v>
      </c>
      <c r="KU30" s="119">
        <v>0</v>
      </c>
      <c r="KV30" s="119">
        <v>0</v>
      </c>
      <c r="KW30" s="120">
        <v>0</v>
      </c>
      <c r="KX30" s="321">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1">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207871</v>
      </c>
      <c r="ML30" s="119">
        <v>1699785</v>
      </c>
      <c r="MM30" s="119">
        <v>782586</v>
      </c>
      <c r="MN30" s="119">
        <v>533224</v>
      </c>
      <c r="MO30" s="120">
        <v>3223466</v>
      </c>
      <c r="MP30" s="143">
        <v>3223466</v>
      </c>
      <c r="MQ30" s="142">
        <v>0</v>
      </c>
      <c r="MR30" s="119">
        <v>0</v>
      </c>
      <c r="MS30" s="120">
        <v>0</v>
      </c>
      <c r="MT30" s="145"/>
      <c r="MU30" s="119">
        <v>0</v>
      </c>
      <c r="MV30" s="119">
        <v>207871</v>
      </c>
      <c r="MW30" s="119">
        <v>1434346</v>
      </c>
      <c r="MX30" s="119">
        <v>521228</v>
      </c>
      <c r="MY30" s="119">
        <v>261199</v>
      </c>
      <c r="MZ30" s="120">
        <v>2424644</v>
      </c>
      <c r="NA30" s="143">
        <v>2424644</v>
      </c>
      <c r="NB30" s="142">
        <v>0</v>
      </c>
      <c r="NC30" s="119">
        <v>0</v>
      </c>
      <c r="ND30" s="120">
        <v>0</v>
      </c>
      <c r="NE30" s="145"/>
      <c r="NF30" s="119">
        <v>0</v>
      </c>
      <c r="NG30" s="119">
        <v>0</v>
      </c>
      <c r="NH30" s="119">
        <v>265439</v>
      </c>
      <c r="NI30" s="119">
        <v>261358</v>
      </c>
      <c r="NJ30" s="119">
        <v>272025</v>
      </c>
      <c r="NK30" s="120">
        <v>798822</v>
      </c>
      <c r="NL30" s="321">
        <v>798822</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334629</v>
      </c>
      <c r="OJ30" s="119">
        <v>271364</v>
      </c>
      <c r="OK30" s="141">
        <v>605993</v>
      </c>
      <c r="OL30" s="118">
        <v>0</v>
      </c>
      <c r="OM30" s="119">
        <v>2320527</v>
      </c>
      <c r="ON30" s="119">
        <v>1401393</v>
      </c>
      <c r="OO30" s="119">
        <v>2635547</v>
      </c>
      <c r="OP30" s="119">
        <v>2418342</v>
      </c>
      <c r="OQ30" s="119">
        <v>853093</v>
      </c>
      <c r="OR30" s="120">
        <v>9628902</v>
      </c>
      <c r="OS30" s="143">
        <v>10234895</v>
      </c>
    </row>
    <row r="31" spans="2:409" ht="20.25" customHeight="1" x14ac:dyDescent="0.2">
      <c r="B31" s="126" t="s">
        <v>26</v>
      </c>
      <c r="C31" s="110">
        <v>43048</v>
      </c>
      <c r="D31" s="114">
        <v>15424</v>
      </c>
      <c r="E31" s="113">
        <v>58472</v>
      </c>
      <c r="F31" s="109">
        <v>0</v>
      </c>
      <c r="G31" s="114">
        <v>1064014</v>
      </c>
      <c r="H31" s="114">
        <v>2542186</v>
      </c>
      <c r="I31" s="114">
        <v>1209367</v>
      </c>
      <c r="J31" s="114">
        <v>1368946</v>
      </c>
      <c r="K31" s="114">
        <v>746487</v>
      </c>
      <c r="L31" s="173">
        <v>6931000</v>
      </c>
      <c r="M31" s="116">
        <v>6989472</v>
      </c>
      <c r="N31" s="110">
        <v>12416</v>
      </c>
      <c r="O31" s="114">
        <v>0</v>
      </c>
      <c r="P31" s="113">
        <v>12416</v>
      </c>
      <c r="Q31" s="110">
        <v>0</v>
      </c>
      <c r="R31" s="114">
        <v>341849</v>
      </c>
      <c r="S31" s="114">
        <v>751735</v>
      </c>
      <c r="T31" s="114">
        <v>710166</v>
      </c>
      <c r="U31" s="114">
        <v>347633</v>
      </c>
      <c r="V31" s="114">
        <v>344742</v>
      </c>
      <c r="W31" s="113">
        <v>2496125</v>
      </c>
      <c r="X31" s="116">
        <v>2508541</v>
      </c>
      <c r="Y31" s="110">
        <v>0</v>
      </c>
      <c r="Z31" s="114">
        <v>0</v>
      </c>
      <c r="AA31" s="113">
        <v>0</v>
      </c>
      <c r="AB31" s="110">
        <v>0</v>
      </c>
      <c r="AC31" s="114">
        <v>55894</v>
      </c>
      <c r="AD31" s="114">
        <v>475278</v>
      </c>
      <c r="AE31" s="114">
        <v>395348</v>
      </c>
      <c r="AF31" s="114">
        <v>153187</v>
      </c>
      <c r="AG31" s="114">
        <v>111499</v>
      </c>
      <c r="AH31" s="113">
        <v>1191206</v>
      </c>
      <c r="AI31" s="116">
        <v>1191206</v>
      </c>
      <c r="AJ31" s="110">
        <v>0</v>
      </c>
      <c r="AK31" s="114">
        <v>0</v>
      </c>
      <c r="AL31" s="113">
        <v>0</v>
      </c>
      <c r="AM31" s="110">
        <v>0</v>
      </c>
      <c r="AN31" s="114">
        <v>0</v>
      </c>
      <c r="AO31" s="114">
        <v>0</v>
      </c>
      <c r="AP31" s="114">
        <v>46728</v>
      </c>
      <c r="AQ31" s="114">
        <v>48132</v>
      </c>
      <c r="AR31" s="114">
        <v>92584</v>
      </c>
      <c r="AS31" s="113">
        <v>187444</v>
      </c>
      <c r="AT31" s="116">
        <v>187444</v>
      </c>
      <c r="AU31" s="110">
        <v>0</v>
      </c>
      <c r="AV31" s="114">
        <v>0</v>
      </c>
      <c r="AW31" s="113">
        <v>0</v>
      </c>
      <c r="AX31" s="110">
        <v>0</v>
      </c>
      <c r="AY31" s="114">
        <v>163375</v>
      </c>
      <c r="AZ31" s="114">
        <v>127433</v>
      </c>
      <c r="BA31" s="114">
        <v>190306</v>
      </c>
      <c r="BB31" s="114">
        <v>110026</v>
      </c>
      <c r="BC31" s="114">
        <v>124539</v>
      </c>
      <c r="BD31" s="113">
        <v>715679</v>
      </c>
      <c r="BE31" s="116">
        <v>715679</v>
      </c>
      <c r="BF31" s="110">
        <v>0</v>
      </c>
      <c r="BG31" s="114">
        <v>0</v>
      </c>
      <c r="BH31" s="112">
        <v>0</v>
      </c>
      <c r="BI31" s="111">
        <v>0</v>
      </c>
      <c r="BJ31" s="114">
        <v>72068</v>
      </c>
      <c r="BK31" s="114">
        <v>31600</v>
      </c>
      <c r="BL31" s="114">
        <v>0</v>
      </c>
      <c r="BM31" s="114">
        <v>0</v>
      </c>
      <c r="BN31" s="114">
        <v>0</v>
      </c>
      <c r="BO31" s="113">
        <v>103668</v>
      </c>
      <c r="BP31" s="116">
        <v>103668</v>
      </c>
      <c r="BQ31" s="110">
        <v>12416</v>
      </c>
      <c r="BR31" s="114">
        <v>0</v>
      </c>
      <c r="BS31" s="113">
        <v>12416</v>
      </c>
      <c r="BT31" s="110">
        <v>0</v>
      </c>
      <c r="BU31" s="114">
        <v>50512</v>
      </c>
      <c r="BV31" s="114">
        <v>117424</v>
      </c>
      <c r="BW31" s="114">
        <v>77784</v>
      </c>
      <c r="BX31" s="114">
        <v>36288</v>
      </c>
      <c r="BY31" s="114">
        <v>16120</v>
      </c>
      <c r="BZ31" s="113">
        <v>298128</v>
      </c>
      <c r="CA31" s="116">
        <v>310544</v>
      </c>
      <c r="CB31" s="110">
        <v>20552</v>
      </c>
      <c r="CC31" s="114">
        <v>0</v>
      </c>
      <c r="CD31" s="113">
        <v>20552</v>
      </c>
      <c r="CE31" s="110">
        <v>0</v>
      </c>
      <c r="CF31" s="114">
        <v>356981</v>
      </c>
      <c r="CG31" s="114">
        <v>797440</v>
      </c>
      <c r="CH31" s="114">
        <v>237974</v>
      </c>
      <c r="CI31" s="114">
        <v>396136</v>
      </c>
      <c r="CJ31" s="114">
        <v>325345</v>
      </c>
      <c r="CK31" s="113">
        <v>2113876</v>
      </c>
      <c r="CL31" s="116">
        <v>2134428</v>
      </c>
      <c r="CM31" s="110">
        <v>0</v>
      </c>
      <c r="CN31" s="114">
        <v>0</v>
      </c>
      <c r="CO31" s="113">
        <v>0</v>
      </c>
      <c r="CP31" s="111">
        <v>0</v>
      </c>
      <c r="CQ31" s="114">
        <v>301109</v>
      </c>
      <c r="CR31" s="114">
        <v>589769</v>
      </c>
      <c r="CS31" s="114">
        <v>128286</v>
      </c>
      <c r="CT31" s="114">
        <v>321389</v>
      </c>
      <c r="CU31" s="114">
        <v>325345</v>
      </c>
      <c r="CV31" s="113">
        <v>1665898</v>
      </c>
      <c r="CW31" s="116">
        <v>1665898</v>
      </c>
      <c r="CX31" s="110">
        <v>20552</v>
      </c>
      <c r="CY31" s="114">
        <v>0</v>
      </c>
      <c r="CZ31" s="113">
        <v>20552</v>
      </c>
      <c r="DA31" s="110">
        <v>0</v>
      </c>
      <c r="DB31" s="114">
        <v>55872</v>
      </c>
      <c r="DC31" s="114">
        <v>207671</v>
      </c>
      <c r="DD31" s="114">
        <v>109688</v>
      </c>
      <c r="DE31" s="114">
        <v>74747</v>
      </c>
      <c r="DF31" s="114">
        <v>0</v>
      </c>
      <c r="DG31" s="113">
        <v>447978</v>
      </c>
      <c r="DH31" s="116">
        <v>468530</v>
      </c>
      <c r="DI31" s="110">
        <v>0</v>
      </c>
      <c r="DJ31" s="114">
        <v>0</v>
      </c>
      <c r="DK31" s="112">
        <v>0</v>
      </c>
      <c r="DL31" s="111">
        <v>0</v>
      </c>
      <c r="DM31" s="114">
        <v>0</v>
      </c>
      <c r="DN31" s="114">
        <v>454208</v>
      </c>
      <c r="DO31" s="114">
        <v>45795</v>
      </c>
      <c r="DP31" s="114">
        <v>328079</v>
      </c>
      <c r="DQ31" s="114">
        <v>0</v>
      </c>
      <c r="DR31" s="113">
        <v>828082</v>
      </c>
      <c r="DS31" s="116">
        <v>828082</v>
      </c>
      <c r="DT31" s="110">
        <v>0</v>
      </c>
      <c r="DU31" s="114">
        <v>0</v>
      </c>
      <c r="DV31" s="113">
        <v>0</v>
      </c>
      <c r="DW31" s="110">
        <v>0</v>
      </c>
      <c r="DX31" s="114">
        <v>0</v>
      </c>
      <c r="DY31" s="114">
        <v>454208</v>
      </c>
      <c r="DZ31" s="114">
        <v>0</v>
      </c>
      <c r="EA31" s="114">
        <v>309240</v>
      </c>
      <c r="EB31" s="114">
        <v>0</v>
      </c>
      <c r="EC31" s="113">
        <v>763448</v>
      </c>
      <c r="ED31" s="116">
        <v>763448</v>
      </c>
      <c r="EE31" s="110">
        <v>0</v>
      </c>
      <c r="EF31" s="112">
        <v>0</v>
      </c>
      <c r="EG31" s="113">
        <v>0</v>
      </c>
      <c r="EH31" s="110">
        <v>0</v>
      </c>
      <c r="EI31" s="114">
        <v>0</v>
      </c>
      <c r="EJ31" s="114">
        <v>0</v>
      </c>
      <c r="EK31" s="114">
        <v>45795</v>
      </c>
      <c r="EL31" s="114">
        <v>18839</v>
      </c>
      <c r="EM31" s="114">
        <v>0</v>
      </c>
      <c r="EN31" s="112">
        <v>64634</v>
      </c>
      <c r="EO31" s="116">
        <v>64634</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8">
        <v>0</v>
      </c>
      <c r="FE31" s="114">
        <v>0</v>
      </c>
      <c r="FF31" s="114">
        <v>0</v>
      </c>
      <c r="FG31" s="114">
        <v>0</v>
      </c>
      <c r="FH31" s="114">
        <v>0</v>
      </c>
      <c r="FI31" s="114">
        <v>0</v>
      </c>
      <c r="FJ31" s="113">
        <v>0</v>
      </c>
      <c r="FK31" s="116">
        <v>0</v>
      </c>
      <c r="FL31" s="110">
        <v>10080</v>
      </c>
      <c r="FM31" s="114">
        <v>15424</v>
      </c>
      <c r="FN31" s="113">
        <v>25504</v>
      </c>
      <c r="FO31" s="110">
        <v>0</v>
      </c>
      <c r="FP31" s="114">
        <v>50600</v>
      </c>
      <c r="FQ31" s="114">
        <v>176968</v>
      </c>
      <c r="FR31" s="114">
        <v>215432</v>
      </c>
      <c r="FS31" s="114">
        <v>87328</v>
      </c>
      <c r="FT31" s="114">
        <v>76400</v>
      </c>
      <c r="FU31" s="113">
        <v>606728</v>
      </c>
      <c r="FV31" s="116">
        <v>632232</v>
      </c>
      <c r="FW31" s="115">
        <v>10080</v>
      </c>
      <c r="FX31" s="114">
        <v>15424</v>
      </c>
      <c r="FY31" s="112">
        <v>25504</v>
      </c>
      <c r="FZ31" s="111">
        <v>0</v>
      </c>
      <c r="GA31" s="114">
        <v>50600</v>
      </c>
      <c r="GB31" s="114">
        <v>176968</v>
      </c>
      <c r="GC31" s="114">
        <v>215432</v>
      </c>
      <c r="GD31" s="114">
        <v>87328</v>
      </c>
      <c r="GE31" s="114">
        <v>76400</v>
      </c>
      <c r="GF31" s="113">
        <v>606728</v>
      </c>
      <c r="GG31" s="319">
        <v>632232</v>
      </c>
      <c r="GH31" s="115">
        <v>0</v>
      </c>
      <c r="GI31" s="114">
        <v>0</v>
      </c>
      <c r="GJ31" s="112">
        <v>0</v>
      </c>
      <c r="GK31" s="111">
        <v>0</v>
      </c>
      <c r="GL31" s="114">
        <v>0</v>
      </c>
      <c r="GM31" s="114">
        <v>0</v>
      </c>
      <c r="GN31" s="114">
        <v>0</v>
      </c>
      <c r="GO31" s="114">
        <v>0</v>
      </c>
      <c r="GP31" s="114">
        <v>0</v>
      </c>
      <c r="GQ31" s="113">
        <v>0</v>
      </c>
      <c r="GR31" s="116">
        <v>0</v>
      </c>
      <c r="GS31" s="110">
        <v>0</v>
      </c>
      <c r="GT31" s="114">
        <v>0</v>
      </c>
      <c r="GU31" s="113">
        <v>0</v>
      </c>
      <c r="GV31" s="110">
        <v>0</v>
      </c>
      <c r="GW31" s="114">
        <v>0</v>
      </c>
      <c r="GX31" s="114">
        <v>0</v>
      </c>
      <c r="GY31" s="114">
        <v>0</v>
      </c>
      <c r="GZ31" s="114">
        <v>0</v>
      </c>
      <c r="HA31" s="114">
        <v>0</v>
      </c>
      <c r="HB31" s="112">
        <v>0</v>
      </c>
      <c r="HC31" s="116">
        <v>0</v>
      </c>
      <c r="HD31" s="110">
        <v>0</v>
      </c>
      <c r="HE31" s="114">
        <v>0</v>
      </c>
      <c r="HF31" s="112">
        <v>0</v>
      </c>
      <c r="HG31" s="111">
        <v>0</v>
      </c>
      <c r="HH31" s="114">
        <v>314584</v>
      </c>
      <c r="HI31" s="114">
        <v>361835</v>
      </c>
      <c r="HJ31" s="114">
        <v>0</v>
      </c>
      <c r="HK31" s="114">
        <v>209770</v>
      </c>
      <c r="HL31" s="114">
        <v>0</v>
      </c>
      <c r="HM31" s="113">
        <v>886189</v>
      </c>
      <c r="HN31" s="109">
        <v>886189</v>
      </c>
      <c r="HO31" s="329"/>
      <c r="HP31" s="330"/>
      <c r="HQ31" s="331"/>
      <c r="HR31" s="332"/>
      <c r="HS31" s="330"/>
      <c r="HT31" s="330"/>
      <c r="HU31" s="330"/>
      <c r="HV31" s="330"/>
      <c r="HW31" s="330"/>
      <c r="HX31" s="333"/>
      <c r="HY31" s="334"/>
      <c r="HZ31" s="131">
        <v>0</v>
      </c>
      <c r="IA31" s="132">
        <v>0</v>
      </c>
      <c r="IB31" s="133">
        <v>0</v>
      </c>
      <c r="IC31" s="146">
        <v>0</v>
      </c>
      <c r="ID31" s="132">
        <v>42656</v>
      </c>
      <c r="IE31" s="147">
        <v>230321</v>
      </c>
      <c r="IF31" s="133">
        <v>519099</v>
      </c>
      <c r="IG31" s="132">
        <v>250488</v>
      </c>
      <c r="IH31" s="133">
        <v>155265</v>
      </c>
      <c r="II31" s="148">
        <v>1197829</v>
      </c>
      <c r="IJ31" s="139">
        <v>1197829</v>
      </c>
      <c r="IK31" s="232">
        <v>0</v>
      </c>
      <c r="IL31" s="236">
        <v>0</v>
      </c>
      <c r="IM31" s="237">
        <v>0</v>
      </c>
      <c r="IN31" s="140"/>
      <c r="IO31" s="119">
        <v>0</v>
      </c>
      <c r="IP31" s="119">
        <v>0</v>
      </c>
      <c r="IQ31" s="119">
        <v>0</v>
      </c>
      <c r="IR31" s="119">
        <v>0</v>
      </c>
      <c r="IS31" s="119">
        <v>0</v>
      </c>
      <c r="IT31" s="141">
        <v>0</v>
      </c>
      <c r="IU31" s="321">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42656</v>
      </c>
      <c r="JL31" s="119">
        <v>230321</v>
      </c>
      <c r="JM31" s="119">
        <v>46033</v>
      </c>
      <c r="JN31" s="119">
        <v>0</v>
      </c>
      <c r="JO31" s="119">
        <v>155265</v>
      </c>
      <c r="JP31" s="120">
        <v>474275</v>
      </c>
      <c r="JQ31" s="321">
        <v>474275</v>
      </c>
      <c r="JR31" s="142">
        <v>0</v>
      </c>
      <c r="JS31" s="119">
        <v>0</v>
      </c>
      <c r="JT31" s="141">
        <v>0</v>
      </c>
      <c r="JU31" s="118">
        <v>0</v>
      </c>
      <c r="JV31" s="119">
        <v>0</v>
      </c>
      <c r="JW31" s="119">
        <v>0</v>
      </c>
      <c r="JX31" s="119">
        <v>0</v>
      </c>
      <c r="JY31" s="119">
        <v>0</v>
      </c>
      <c r="JZ31" s="119">
        <v>0</v>
      </c>
      <c r="KA31" s="120">
        <v>0</v>
      </c>
      <c r="KB31" s="321">
        <v>0</v>
      </c>
      <c r="KC31" s="234">
        <v>0</v>
      </c>
      <c r="KD31" s="230">
        <v>0</v>
      </c>
      <c r="KE31" s="120">
        <v>0</v>
      </c>
      <c r="KF31" s="118">
        <v>0</v>
      </c>
      <c r="KG31" s="119">
        <v>0</v>
      </c>
      <c r="KH31" s="119">
        <v>0</v>
      </c>
      <c r="KI31" s="119">
        <v>220598</v>
      </c>
      <c r="KJ31" s="119">
        <v>0</v>
      </c>
      <c r="KK31" s="119">
        <v>0</v>
      </c>
      <c r="KL31" s="120">
        <v>220598</v>
      </c>
      <c r="KM31" s="143">
        <v>220598</v>
      </c>
      <c r="KN31" s="232">
        <v>0</v>
      </c>
      <c r="KO31" s="236">
        <v>0</v>
      </c>
      <c r="KP31" s="237">
        <v>0</v>
      </c>
      <c r="KQ31" s="140"/>
      <c r="KR31" s="119">
        <v>0</v>
      </c>
      <c r="KS31" s="119">
        <v>0</v>
      </c>
      <c r="KT31" s="119">
        <v>252468</v>
      </c>
      <c r="KU31" s="119">
        <v>250488</v>
      </c>
      <c r="KV31" s="119">
        <v>0</v>
      </c>
      <c r="KW31" s="120">
        <v>502956</v>
      </c>
      <c r="KX31" s="321">
        <v>502956</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1">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0</v>
      </c>
      <c r="ML31" s="119">
        <v>543747</v>
      </c>
      <c r="MM31" s="119">
        <v>1318703</v>
      </c>
      <c r="MN31" s="119">
        <v>597357</v>
      </c>
      <c r="MO31" s="120">
        <v>2459807</v>
      </c>
      <c r="MP31" s="143">
        <v>2459807</v>
      </c>
      <c r="MQ31" s="142">
        <v>0</v>
      </c>
      <c r="MR31" s="119">
        <v>0</v>
      </c>
      <c r="MS31" s="120">
        <v>0</v>
      </c>
      <c r="MT31" s="145"/>
      <c r="MU31" s="119">
        <v>0</v>
      </c>
      <c r="MV31" s="119">
        <v>0</v>
      </c>
      <c r="MW31" s="119">
        <v>0</v>
      </c>
      <c r="MX31" s="119">
        <v>925875</v>
      </c>
      <c r="MY31" s="119">
        <v>0</v>
      </c>
      <c r="MZ31" s="120">
        <v>925875</v>
      </c>
      <c r="NA31" s="143">
        <v>925875</v>
      </c>
      <c r="NB31" s="142">
        <v>0</v>
      </c>
      <c r="NC31" s="119">
        <v>0</v>
      </c>
      <c r="ND31" s="120">
        <v>0</v>
      </c>
      <c r="NE31" s="145"/>
      <c r="NF31" s="119">
        <v>0</v>
      </c>
      <c r="NG31" s="119">
        <v>0</v>
      </c>
      <c r="NH31" s="119">
        <v>543747</v>
      </c>
      <c r="NI31" s="119">
        <v>392828</v>
      </c>
      <c r="NJ31" s="119">
        <v>597357</v>
      </c>
      <c r="NK31" s="120">
        <v>1533932</v>
      </c>
      <c r="NL31" s="321">
        <v>1533932</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43048</v>
      </c>
      <c r="OJ31" s="119">
        <v>15424</v>
      </c>
      <c r="OK31" s="141">
        <v>58472</v>
      </c>
      <c r="OL31" s="118">
        <v>0</v>
      </c>
      <c r="OM31" s="119">
        <v>1106670</v>
      </c>
      <c r="ON31" s="119">
        <v>2772507</v>
      </c>
      <c r="OO31" s="119">
        <v>2272213</v>
      </c>
      <c r="OP31" s="119">
        <v>2938137</v>
      </c>
      <c r="OQ31" s="119">
        <v>1499109</v>
      </c>
      <c r="OR31" s="120">
        <v>10588636</v>
      </c>
      <c r="OS31" s="143">
        <v>10647108</v>
      </c>
    </row>
    <row r="32" spans="2:409" ht="20.25" customHeight="1" x14ac:dyDescent="0.2">
      <c r="B32" s="126" t="s">
        <v>27</v>
      </c>
      <c r="C32" s="110">
        <v>29352</v>
      </c>
      <c r="D32" s="114">
        <v>265550</v>
      </c>
      <c r="E32" s="113">
        <v>294902</v>
      </c>
      <c r="F32" s="109">
        <v>0</v>
      </c>
      <c r="G32" s="114">
        <v>1184213</v>
      </c>
      <c r="H32" s="114">
        <v>1424255</v>
      </c>
      <c r="I32" s="114">
        <v>1891194</v>
      </c>
      <c r="J32" s="114">
        <v>2171287</v>
      </c>
      <c r="K32" s="114">
        <v>1016960</v>
      </c>
      <c r="L32" s="173">
        <v>7687909</v>
      </c>
      <c r="M32" s="116">
        <v>7982811</v>
      </c>
      <c r="N32" s="110">
        <v>18872</v>
      </c>
      <c r="O32" s="114">
        <v>22760</v>
      </c>
      <c r="P32" s="113">
        <v>41632</v>
      </c>
      <c r="Q32" s="110">
        <v>0</v>
      </c>
      <c r="R32" s="114">
        <v>296032</v>
      </c>
      <c r="S32" s="114">
        <v>308496</v>
      </c>
      <c r="T32" s="114">
        <v>894997</v>
      </c>
      <c r="U32" s="114">
        <v>725970</v>
      </c>
      <c r="V32" s="114">
        <v>356884</v>
      </c>
      <c r="W32" s="113">
        <v>2582379</v>
      </c>
      <c r="X32" s="116">
        <v>2624011</v>
      </c>
      <c r="Y32" s="110">
        <v>0</v>
      </c>
      <c r="Z32" s="114">
        <v>0</v>
      </c>
      <c r="AA32" s="113">
        <v>0</v>
      </c>
      <c r="AB32" s="110">
        <v>0</v>
      </c>
      <c r="AC32" s="114">
        <v>93386</v>
      </c>
      <c r="AD32" s="114">
        <v>33051</v>
      </c>
      <c r="AE32" s="114">
        <v>694999</v>
      </c>
      <c r="AF32" s="114">
        <v>447887</v>
      </c>
      <c r="AG32" s="114">
        <v>9002</v>
      </c>
      <c r="AH32" s="113">
        <v>1278325</v>
      </c>
      <c r="AI32" s="116">
        <v>1278325</v>
      </c>
      <c r="AJ32" s="110">
        <v>0</v>
      </c>
      <c r="AK32" s="114">
        <v>0</v>
      </c>
      <c r="AL32" s="113">
        <v>0</v>
      </c>
      <c r="AM32" s="110">
        <v>0</v>
      </c>
      <c r="AN32" s="114">
        <v>0</v>
      </c>
      <c r="AO32" s="114">
        <v>0</v>
      </c>
      <c r="AP32" s="114">
        <v>0</v>
      </c>
      <c r="AQ32" s="114">
        <v>56351</v>
      </c>
      <c r="AR32" s="114">
        <v>59790</v>
      </c>
      <c r="AS32" s="113">
        <v>116141</v>
      </c>
      <c r="AT32" s="116">
        <v>116141</v>
      </c>
      <c r="AU32" s="110">
        <v>18872</v>
      </c>
      <c r="AV32" s="114">
        <v>7704</v>
      </c>
      <c r="AW32" s="113">
        <v>26576</v>
      </c>
      <c r="AX32" s="110">
        <v>0</v>
      </c>
      <c r="AY32" s="114">
        <v>168406</v>
      </c>
      <c r="AZ32" s="114">
        <v>199005</v>
      </c>
      <c r="BA32" s="114">
        <v>129422</v>
      </c>
      <c r="BB32" s="114">
        <v>136692</v>
      </c>
      <c r="BC32" s="114">
        <v>254860</v>
      </c>
      <c r="BD32" s="113">
        <v>888385</v>
      </c>
      <c r="BE32" s="116">
        <v>914961</v>
      </c>
      <c r="BF32" s="110">
        <v>0</v>
      </c>
      <c r="BG32" s="114">
        <v>0</v>
      </c>
      <c r="BH32" s="112">
        <v>0</v>
      </c>
      <c r="BI32" s="111">
        <v>0</v>
      </c>
      <c r="BJ32" s="114">
        <v>0</v>
      </c>
      <c r="BK32" s="114">
        <v>0</v>
      </c>
      <c r="BL32" s="114">
        <v>0</v>
      </c>
      <c r="BM32" s="114">
        <v>0</v>
      </c>
      <c r="BN32" s="114">
        <v>0</v>
      </c>
      <c r="BO32" s="113">
        <v>0</v>
      </c>
      <c r="BP32" s="116">
        <v>0</v>
      </c>
      <c r="BQ32" s="110">
        <v>0</v>
      </c>
      <c r="BR32" s="114">
        <v>15056</v>
      </c>
      <c r="BS32" s="113">
        <v>15056</v>
      </c>
      <c r="BT32" s="110">
        <v>0</v>
      </c>
      <c r="BU32" s="114">
        <v>34240</v>
      </c>
      <c r="BV32" s="114">
        <v>76440</v>
      </c>
      <c r="BW32" s="114">
        <v>70576</v>
      </c>
      <c r="BX32" s="114">
        <v>85040</v>
      </c>
      <c r="BY32" s="114">
        <v>33232</v>
      </c>
      <c r="BZ32" s="113">
        <v>299528</v>
      </c>
      <c r="CA32" s="116">
        <v>314584</v>
      </c>
      <c r="CB32" s="110">
        <v>0</v>
      </c>
      <c r="CC32" s="114">
        <v>74928</v>
      </c>
      <c r="CD32" s="113">
        <v>74928</v>
      </c>
      <c r="CE32" s="110">
        <v>0</v>
      </c>
      <c r="CF32" s="114">
        <v>464006</v>
      </c>
      <c r="CG32" s="114">
        <v>607869</v>
      </c>
      <c r="CH32" s="114">
        <v>451605</v>
      </c>
      <c r="CI32" s="114">
        <v>424039</v>
      </c>
      <c r="CJ32" s="114">
        <v>196344</v>
      </c>
      <c r="CK32" s="113">
        <v>2143863</v>
      </c>
      <c r="CL32" s="116">
        <v>2218791</v>
      </c>
      <c r="CM32" s="110">
        <v>0</v>
      </c>
      <c r="CN32" s="114">
        <v>0</v>
      </c>
      <c r="CO32" s="113">
        <v>0</v>
      </c>
      <c r="CP32" s="111">
        <v>0</v>
      </c>
      <c r="CQ32" s="114">
        <v>356763</v>
      </c>
      <c r="CR32" s="114">
        <v>389296</v>
      </c>
      <c r="CS32" s="114">
        <v>414749</v>
      </c>
      <c r="CT32" s="114">
        <v>424039</v>
      </c>
      <c r="CU32" s="114">
        <v>162215</v>
      </c>
      <c r="CV32" s="113">
        <v>1747062</v>
      </c>
      <c r="CW32" s="116">
        <v>1747062</v>
      </c>
      <c r="CX32" s="110">
        <v>0</v>
      </c>
      <c r="CY32" s="114">
        <v>74928</v>
      </c>
      <c r="CZ32" s="113">
        <v>74928</v>
      </c>
      <c r="DA32" s="110">
        <v>0</v>
      </c>
      <c r="DB32" s="114">
        <v>107243</v>
      </c>
      <c r="DC32" s="114">
        <v>218573</v>
      </c>
      <c r="DD32" s="114">
        <v>36856</v>
      </c>
      <c r="DE32" s="114">
        <v>0</v>
      </c>
      <c r="DF32" s="114">
        <v>34129</v>
      </c>
      <c r="DG32" s="113">
        <v>396801</v>
      </c>
      <c r="DH32" s="116">
        <v>471729</v>
      </c>
      <c r="DI32" s="110">
        <v>0</v>
      </c>
      <c r="DJ32" s="114">
        <v>20006</v>
      </c>
      <c r="DK32" s="112">
        <v>20006</v>
      </c>
      <c r="DL32" s="111">
        <v>0</v>
      </c>
      <c r="DM32" s="114">
        <v>75688</v>
      </c>
      <c r="DN32" s="114">
        <v>0</v>
      </c>
      <c r="DO32" s="114">
        <v>40752</v>
      </c>
      <c r="DP32" s="114">
        <v>92417</v>
      </c>
      <c r="DQ32" s="114">
        <v>125828</v>
      </c>
      <c r="DR32" s="113">
        <v>334685</v>
      </c>
      <c r="DS32" s="116">
        <v>354691</v>
      </c>
      <c r="DT32" s="110">
        <v>0</v>
      </c>
      <c r="DU32" s="114">
        <v>20006</v>
      </c>
      <c r="DV32" s="113">
        <v>20006</v>
      </c>
      <c r="DW32" s="110">
        <v>0</v>
      </c>
      <c r="DX32" s="114">
        <v>0</v>
      </c>
      <c r="DY32" s="114">
        <v>0</v>
      </c>
      <c r="DZ32" s="114">
        <v>40752</v>
      </c>
      <c r="EA32" s="114">
        <v>92417</v>
      </c>
      <c r="EB32" s="114">
        <v>125828</v>
      </c>
      <c r="EC32" s="113">
        <v>258997</v>
      </c>
      <c r="ED32" s="116">
        <v>279003</v>
      </c>
      <c r="EE32" s="110">
        <v>0</v>
      </c>
      <c r="EF32" s="112">
        <v>0</v>
      </c>
      <c r="EG32" s="113">
        <v>0</v>
      </c>
      <c r="EH32" s="110">
        <v>0</v>
      </c>
      <c r="EI32" s="114">
        <v>75688</v>
      </c>
      <c r="EJ32" s="114">
        <v>0</v>
      </c>
      <c r="EK32" s="114">
        <v>0</v>
      </c>
      <c r="EL32" s="114">
        <v>0</v>
      </c>
      <c r="EM32" s="114">
        <v>0</v>
      </c>
      <c r="EN32" s="112">
        <v>75688</v>
      </c>
      <c r="EO32" s="116">
        <v>75688</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8">
        <v>0</v>
      </c>
      <c r="FE32" s="114">
        <v>0</v>
      </c>
      <c r="FF32" s="114">
        <v>0</v>
      </c>
      <c r="FG32" s="114">
        <v>0</v>
      </c>
      <c r="FH32" s="114">
        <v>0</v>
      </c>
      <c r="FI32" s="114">
        <v>0</v>
      </c>
      <c r="FJ32" s="113">
        <v>0</v>
      </c>
      <c r="FK32" s="116">
        <v>0</v>
      </c>
      <c r="FL32" s="110">
        <v>10480</v>
      </c>
      <c r="FM32" s="114">
        <v>53600</v>
      </c>
      <c r="FN32" s="113">
        <v>64080</v>
      </c>
      <c r="FO32" s="110">
        <v>0</v>
      </c>
      <c r="FP32" s="114">
        <v>36000</v>
      </c>
      <c r="FQ32" s="114">
        <v>152488</v>
      </c>
      <c r="FR32" s="114">
        <v>118016</v>
      </c>
      <c r="FS32" s="114">
        <v>76240</v>
      </c>
      <c r="FT32" s="114">
        <v>108728</v>
      </c>
      <c r="FU32" s="113">
        <v>491472</v>
      </c>
      <c r="FV32" s="116">
        <v>555552</v>
      </c>
      <c r="FW32" s="115">
        <v>10480</v>
      </c>
      <c r="FX32" s="114">
        <v>53600</v>
      </c>
      <c r="FY32" s="112">
        <v>64080</v>
      </c>
      <c r="FZ32" s="111">
        <v>0</v>
      </c>
      <c r="GA32" s="114">
        <v>36000</v>
      </c>
      <c r="GB32" s="114">
        <v>152488</v>
      </c>
      <c r="GC32" s="114">
        <v>118016</v>
      </c>
      <c r="GD32" s="114">
        <v>76240</v>
      </c>
      <c r="GE32" s="114">
        <v>108728</v>
      </c>
      <c r="GF32" s="113">
        <v>491472</v>
      </c>
      <c r="GG32" s="319">
        <v>555552</v>
      </c>
      <c r="GH32" s="115">
        <v>0</v>
      </c>
      <c r="GI32" s="114">
        <v>0</v>
      </c>
      <c r="GJ32" s="112">
        <v>0</v>
      </c>
      <c r="GK32" s="111">
        <v>0</v>
      </c>
      <c r="GL32" s="114">
        <v>0</v>
      </c>
      <c r="GM32" s="114">
        <v>0</v>
      </c>
      <c r="GN32" s="114">
        <v>0</v>
      </c>
      <c r="GO32" s="114">
        <v>0</v>
      </c>
      <c r="GP32" s="114">
        <v>0</v>
      </c>
      <c r="GQ32" s="113">
        <v>0</v>
      </c>
      <c r="GR32" s="116">
        <v>0</v>
      </c>
      <c r="GS32" s="110">
        <v>0</v>
      </c>
      <c r="GT32" s="114">
        <v>0</v>
      </c>
      <c r="GU32" s="113">
        <v>0</v>
      </c>
      <c r="GV32" s="110">
        <v>0</v>
      </c>
      <c r="GW32" s="114">
        <v>0</v>
      </c>
      <c r="GX32" s="114">
        <v>0</v>
      </c>
      <c r="GY32" s="114">
        <v>0</v>
      </c>
      <c r="GZ32" s="114">
        <v>0</v>
      </c>
      <c r="HA32" s="114">
        <v>0</v>
      </c>
      <c r="HB32" s="112">
        <v>0</v>
      </c>
      <c r="HC32" s="116">
        <v>0</v>
      </c>
      <c r="HD32" s="110">
        <v>0</v>
      </c>
      <c r="HE32" s="114">
        <v>94256</v>
      </c>
      <c r="HF32" s="112">
        <v>94256</v>
      </c>
      <c r="HG32" s="111">
        <v>0</v>
      </c>
      <c r="HH32" s="114">
        <v>312487</v>
      </c>
      <c r="HI32" s="114">
        <v>355402</v>
      </c>
      <c r="HJ32" s="114">
        <v>385824</v>
      </c>
      <c r="HK32" s="114">
        <v>852621</v>
      </c>
      <c r="HL32" s="114">
        <v>229176</v>
      </c>
      <c r="HM32" s="113">
        <v>2135510</v>
      </c>
      <c r="HN32" s="109">
        <v>2229766</v>
      </c>
      <c r="HO32" s="329"/>
      <c r="HP32" s="330"/>
      <c r="HQ32" s="331"/>
      <c r="HR32" s="332"/>
      <c r="HS32" s="330"/>
      <c r="HT32" s="330"/>
      <c r="HU32" s="330"/>
      <c r="HV32" s="330"/>
      <c r="HW32" s="330"/>
      <c r="HX32" s="333"/>
      <c r="HY32" s="334"/>
      <c r="HZ32" s="150">
        <v>0</v>
      </c>
      <c r="IA32" s="135">
        <v>0</v>
      </c>
      <c r="IB32" s="150">
        <v>0</v>
      </c>
      <c r="IC32" s="134">
        <v>0</v>
      </c>
      <c r="ID32" s="135">
        <v>176294</v>
      </c>
      <c r="IE32" s="136">
        <v>777738</v>
      </c>
      <c r="IF32" s="137">
        <v>699246</v>
      </c>
      <c r="IG32" s="135">
        <v>246676</v>
      </c>
      <c r="IH32" s="137">
        <v>79965</v>
      </c>
      <c r="II32" s="138">
        <v>1979919</v>
      </c>
      <c r="IJ32" s="150">
        <v>1979919</v>
      </c>
      <c r="IK32" s="232">
        <v>0</v>
      </c>
      <c r="IL32" s="236">
        <v>0</v>
      </c>
      <c r="IM32" s="237">
        <v>0</v>
      </c>
      <c r="IN32" s="140"/>
      <c r="IO32" s="119">
        <v>0</v>
      </c>
      <c r="IP32" s="119">
        <v>107592</v>
      </c>
      <c r="IQ32" s="119">
        <v>0</v>
      </c>
      <c r="IR32" s="119">
        <v>0</v>
      </c>
      <c r="IS32" s="119">
        <v>0</v>
      </c>
      <c r="IT32" s="141">
        <v>107592</v>
      </c>
      <c r="IU32" s="321">
        <v>107592</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42310</v>
      </c>
      <c r="JL32" s="119">
        <v>31770</v>
      </c>
      <c r="JM32" s="119">
        <v>0</v>
      </c>
      <c r="JN32" s="119">
        <v>0</v>
      </c>
      <c r="JO32" s="119">
        <v>0</v>
      </c>
      <c r="JP32" s="120">
        <v>74080</v>
      </c>
      <c r="JQ32" s="321">
        <v>74080</v>
      </c>
      <c r="JR32" s="142">
        <v>0</v>
      </c>
      <c r="JS32" s="119">
        <v>0</v>
      </c>
      <c r="JT32" s="141">
        <v>0</v>
      </c>
      <c r="JU32" s="118">
        <v>0</v>
      </c>
      <c r="JV32" s="119">
        <v>133984</v>
      </c>
      <c r="JW32" s="119">
        <v>157776</v>
      </c>
      <c r="JX32" s="119">
        <v>0</v>
      </c>
      <c r="JY32" s="119">
        <v>0</v>
      </c>
      <c r="JZ32" s="119">
        <v>0</v>
      </c>
      <c r="KA32" s="120">
        <v>291760</v>
      </c>
      <c r="KB32" s="321">
        <v>291760</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480600</v>
      </c>
      <c r="KT32" s="119">
        <v>245872</v>
      </c>
      <c r="KU32" s="119">
        <v>0</v>
      </c>
      <c r="KV32" s="119">
        <v>0</v>
      </c>
      <c r="KW32" s="120">
        <v>726472</v>
      </c>
      <c r="KX32" s="321">
        <v>726472</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453374</v>
      </c>
      <c r="LQ32" s="119">
        <v>246676</v>
      </c>
      <c r="LR32" s="119">
        <v>79965</v>
      </c>
      <c r="LS32" s="120">
        <v>780015</v>
      </c>
      <c r="LT32" s="321">
        <v>780015</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477511</v>
      </c>
      <c r="ML32" s="119">
        <v>1085292</v>
      </c>
      <c r="MM32" s="119">
        <v>1105111</v>
      </c>
      <c r="MN32" s="119">
        <v>531048</v>
      </c>
      <c r="MO32" s="120">
        <v>3198962</v>
      </c>
      <c r="MP32" s="143">
        <v>3198962</v>
      </c>
      <c r="MQ32" s="142">
        <v>0</v>
      </c>
      <c r="MR32" s="119">
        <v>0</v>
      </c>
      <c r="MS32" s="120">
        <v>0</v>
      </c>
      <c r="MT32" s="145"/>
      <c r="MU32" s="119">
        <v>0</v>
      </c>
      <c r="MV32" s="119">
        <v>231287</v>
      </c>
      <c r="MW32" s="119">
        <v>0</v>
      </c>
      <c r="MX32" s="119">
        <v>244512</v>
      </c>
      <c r="MY32" s="119">
        <v>531048</v>
      </c>
      <c r="MZ32" s="120">
        <v>1006847</v>
      </c>
      <c r="NA32" s="143">
        <v>1006847</v>
      </c>
      <c r="NB32" s="142">
        <v>0</v>
      </c>
      <c r="NC32" s="119">
        <v>0</v>
      </c>
      <c r="ND32" s="120">
        <v>0</v>
      </c>
      <c r="NE32" s="145"/>
      <c r="NF32" s="119">
        <v>0</v>
      </c>
      <c r="NG32" s="119">
        <v>246224</v>
      </c>
      <c r="NH32" s="119">
        <v>1085292</v>
      </c>
      <c r="NI32" s="119">
        <v>493209</v>
      </c>
      <c r="NJ32" s="119">
        <v>0</v>
      </c>
      <c r="NK32" s="120">
        <v>1824725</v>
      </c>
      <c r="NL32" s="321">
        <v>1824725</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367390</v>
      </c>
      <c r="OF32" s="119">
        <v>0</v>
      </c>
      <c r="OG32" s="120">
        <v>367390</v>
      </c>
      <c r="OH32" s="121">
        <v>367390</v>
      </c>
      <c r="OI32" s="142">
        <v>29352</v>
      </c>
      <c r="OJ32" s="119">
        <v>265550</v>
      </c>
      <c r="OK32" s="141">
        <v>294902</v>
      </c>
      <c r="OL32" s="118">
        <v>0</v>
      </c>
      <c r="OM32" s="119">
        <v>1360507</v>
      </c>
      <c r="ON32" s="119">
        <v>2679504</v>
      </c>
      <c r="OO32" s="119">
        <v>3675732</v>
      </c>
      <c r="OP32" s="119">
        <v>3523074</v>
      </c>
      <c r="OQ32" s="119">
        <v>1627973</v>
      </c>
      <c r="OR32" s="120">
        <v>12866790</v>
      </c>
      <c r="OS32" s="143">
        <v>13161692</v>
      </c>
    </row>
    <row r="33" spans="2:409" ht="20.25" customHeight="1" x14ac:dyDescent="0.2">
      <c r="B33" s="126" t="s">
        <v>28</v>
      </c>
      <c r="C33" s="110">
        <v>0</v>
      </c>
      <c r="D33" s="114">
        <v>5600</v>
      </c>
      <c r="E33" s="113">
        <v>5600</v>
      </c>
      <c r="F33" s="109">
        <v>0</v>
      </c>
      <c r="G33" s="114">
        <v>338696</v>
      </c>
      <c r="H33" s="114">
        <v>290551</v>
      </c>
      <c r="I33" s="114">
        <v>340112</v>
      </c>
      <c r="J33" s="114">
        <v>0</v>
      </c>
      <c r="K33" s="114">
        <v>84986</v>
      </c>
      <c r="L33" s="173">
        <v>1054345</v>
      </c>
      <c r="M33" s="116">
        <v>1059945</v>
      </c>
      <c r="N33" s="110">
        <v>0</v>
      </c>
      <c r="O33" s="114">
        <v>0</v>
      </c>
      <c r="P33" s="113">
        <v>0</v>
      </c>
      <c r="Q33" s="110">
        <v>0</v>
      </c>
      <c r="R33" s="114">
        <v>10016</v>
      </c>
      <c r="S33" s="114">
        <v>117963</v>
      </c>
      <c r="T33" s="114">
        <v>144104</v>
      </c>
      <c r="U33" s="114">
        <v>0</v>
      </c>
      <c r="V33" s="114">
        <v>0</v>
      </c>
      <c r="W33" s="113">
        <v>272083</v>
      </c>
      <c r="X33" s="116">
        <v>272083</v>
      </c>
      <c r="Y33" s="110">
        <v>0</v>
      </c>
      <c r="Z33" s="114">
        <v>0</v>
      </c>
      <c r="AA33" s="113">
        <v>0</v>
      </c>
      <c r="AB33" s="110">
        <v>0</v>
      </c>
      <c r="AC33" s="114">
        <v>0</v>
      </c>
      <c r="AD33" s="114">
        <v>32835</v>
      </c>
      <c r="AE33" s="114">
        <v>82688</v>
      </c>
      <c r="AF33" s="114">
        <v>0</v>
      </c>
      <c r="AG33" s="114">
        <v>0</v>
      </c>
      <c r="AH33" s="113">
        <v>115523</v>
      </c>
      <c r="AI33" s="116">
        <v>115523</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74784</v>
      </c>
      <c r="BA33" s="114">
        <v>51816</v>
      </c>
      <c r="BB33" s="114">
        <v>0</v>
      </c>
      <c r="BC33" s="114">
        <v>0</v>
      </c>
      <c r="BD33" s="113">
        <v>126600</v>
      </c>
      <c r="BE33" s="116">
        <v>126600</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10016</v>
      </c>
      <c r="BV33" s="114">
        <v>10344</v>
      </c>
      <c r="BW33" s="114">
        <v>9600</v>
      </c>
      <c r="BX33" s="114">
        <v>0</v>
      </c>
      <c r="BY33" s="114">
        <v>0</v>
      </c>
      <c r="BZ33" s="113">
        <v>29960</v>
      </c>
      <c r="CA33" s="116">
        <v>29960</v>
      </c>
      <c r="CB33" s="110">
        <v>0</v>
      </c>
      <c r="CC33" s="114">
        <v>0</v>
      </c>
      <c r="CD33" s="113">
        <v>0</v>
      </c>
      <c r="CE33" s="110">
        <v>0</v>
      </c>
      <c r="CF33" s="114">
        <v>159470</v>
      </c>
      <c r="CG33" s="114">
        <v>60764</v>
      </c>
      <c r="CH33" s="114">
        <v>0</v>
      </c>
      <c r="CI33" s="114">
        <v>0</v>
      </c>
      <c r="CJ33" s="114">
        <v>0</v>
      </c>
      <c r="CK33" s="113">
        <v>220234</v>
      </c>
      <c r="CL33" s="116">
        <v>220234</v>
      </c>
      <c r="CM33" s="110">
        <v>0</v>
      </c>
      <c r="CN33" s="114">
        <v>0</v>
      </c>
      <c r="CO33" s="113">
        <v>0</v>
      </c>
      <c r="CP33" s="111">
        <v>0</v>
      </c>
      <c r="CQ33" s="114">
        <v>159470</v>
      </c>
      <c r="CR33" s="114">
        <v>0</v>
      </c>
      <c r="CS33" s="114">
        <v>0</v>
      </c>
      <c r="CT33" s="114">
        <v>0</v>
      </c>
      <c r="CU33" s="114">
        <v>0</v>
      </c>
      <c r="CV33" s="113">
        <v>159470</v>
      </c>
      <c r="CW33" s="116">
        <v>159470</v>
      </c>
      <c r="CX33" s="110">
        <v>0</v>
      </c>
      <c r="CY33" s="114">
        <v>0</v>
      </c>
      <c r="CZ33" s="113">
        <v>0</v>
      </c>
      <c r="DA33" s="110">
        <v>0</v>
      </c>
      <c r="DB33" s="114">
        <v>0</v>
      </c>
      <c r="DC33" s="114">
        <v>60764</v>
      </c>
      <c r="DD33" s="114">
        <v>0</v>
      </c>
      <c r="DE33" s="114">
        <v>0</v>
      </c>
      <c r="DF33" s="114">
        <v>0</v>
      </c>
      <c r="DG33" s="113">
        <v>60764</v>
      </c>
      <c r="DH33" s="116">
        <v>60764</v>
      </c>
      <c r="DI33" s="110">
        <v>0</v>
      </c>
      <c r="DJ33" s="114">
        <v>0</v>
      </c>
      <c r="DK33" s="112">
        <v>0</v>
      </c>
      <c r="DL33" s="111">
        <v>0</v>
      </c>
      <c r="DM33" s="114">
        <v>0</v>
      </c>
      <c r="DN33" s="114">
        <v>0</v>
      </c>
      <c r="DO33" s="114">
        <v>0</v>
      </c>
      <c r="DP33" s="114">
        <v>0</v>
      </c>
      <c r="DQ33" s="114">
        <v>84986</v>
      </c>
      <c r="DR33" s="113">
        <v>84986</v>
      </c>
      <c r="DS33" s="116">
        <v>84986</v>
      </c>
      <c r="DT33" s="110">
        <v>0</v>
      </c>
      <c r="DU33" s="114">
        <v>0</v>
      </c>
      <c r="DV33" s="113">
        <v>0</v>
      </c>
      <c r="DW33" s="110">
        <v>0</v>
      </c>
      <c r="DX33" s="114">
        <v>0</v>
      </c>
      <c r="DY33" s="114">
        <v>0</v>
      </c>
      <c r="DZ33" s="114">
        <v>0</v>
      </c>
      <c r="EA33" s="114">
        <v>0</v>
      </c>
      <c r="EB33" s="114">
        <v>84986</v>
      </c>
      <c r="EC33" s="113">
        <v>84986</v>
      </c>
      <c r="ED33" s="116">
        <v>84986</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8">
        <v>0</v>
      </c>
      <c r="FE33" s="114">
        <v>0</v>
      </c>
      <c r="FF33" s="114">
        <v>0</v>
      </c>
      <c r="FG33" s="114">
        <v>0</v>
      </c>
      <c r="FH33" s="114">
        <v>0</v>
      </c>
      <c r="FI33" s="114">
        <v>0</v>
      </c>
      <c r="FJ33" s="113">
        <v>0</v>
      </c>
      <c r="FK33" s="116">
        <v>0</v>
      </c>
      <c r="FL33" s="110">
        <v>0</v>
      </c>
      <c r="FM33" s="114">
        <v>5600</v>
      </c>
      <c r="FN33" s="113">
        <v>5600</v>
      </c>
      <c r="FO33" s="110">
        <v>0</v>
      </c>
      <c r="FP33" s="114">
        <v>15440</v>
      </c>
      <c r="FQ33" s="114">
        <v>43288</v>
      </c>
      <c r="FR33" s="114">
        <v>0</v>
      </c>
      <c r="FS33" s="114">
        <v>0</v>
      </c>
      <c r="FT33" s="114">
        <v>0</v>
      </c>
      <c r="FU33" s="113">
        <v>58728</v>
      </c>
      <c r="FV33" s="116">
        <v>64328</v>
      </c>
      <c r="FW33" s="115">
        <v>0</v>
      </c>
      <c r="FX33" s="114">
        <v>5600</v>
      </c>
      <c r="FY33" s="112">
        <v>5600</v>
      </c>
      <c r="FZ33" s="111">
        <v>0</v>
      </c>
      <c r="GA33" s="114">
        <v>15440</v>
      </c>
      <c r="GB33" s="114">
        <v>34576</v>
      </c>
      <c r="GC33" s="114">
        <v>0</v>
      </c>
      <c r="GD33" s="114">
        <v>0</v>
      </c>
      <c r="GE33" s="114">
        <v>0</v>
      </c>
      <c r="GF33" s="113">
        <v>50016</v>
      </c>
      <c r="GG33" s="319">
        <v>5561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8712</v>
      </c>
      <c r="GY33" s="114">
        <v>0</v>
      </c>
      <c r="GZ33" s="114">
        <v>0</v>
      </c>
      <c r="HA33" s="114">
        <v>0</v>
      </c>
      <c r="HB33" s="112">
        <v>8712</v>
      </c>
      <c r="HC33" s="116">
        <v>8712</v>
      </c>
      <c r="HD33" s="110">
        <v>0</v>
      </c>
      <c r="HE33" s="114">
        <v>0</v>
      </c>
      <c r="HF33" s="112">
        <v>0</v>
      </c>
      <c r="HG33" s="111">
        <v>0</v>
      </c>
      <c r="HH33" s="114">
        <v>153770</v>
      </c>
      <c r="HI33" s="114">
        <v>68536</v>
      </c>
      <c r="HJ33" s="114">
        <v>196008</v>
      </c>
      <c r="HK33" s="114">
        <v>0</v>
      </c>
      <c r="HL33" s="114">
        <v>0</v>
      </c>
      <c r="HM33" s="113">
        <v>418314</v>
      </c>
      <c r="HN33" s="109">
        <v>418314</v>
      </c>
      <c r="HO33" s="329"/>
      <c r="HP33" s="330"/>
      <c r="HQ33" s="331"/>
      <c r="HR33" s="332"/>
      <c r="HS33" s="330"/>
      <c r="HT33" s="330"/>
      <c r="HU33" s="330"/>
      <c r="HV33" s="330"/>
      <c r="HW33" s="330"/>
      <c r="HX33" s="333"/>
      <c r="HY33" s="334"/>
      <c r="HZ33" s="131">
        <v>0</v>
      </c>
      <c r="IA33" s="132">
        <v>0</v>
      </c>
      <c r="IB33" s="133">
        <v>0</v>
      </c>
      <c r="IC33" s="146">
        <v>0</v>
      </c>
      <c r="ID33" s="132">
        <v>88312</v>
      </c>
      <c r="IE33" s="147">
        <v>55168</v>
      </c>
      <c r="IF33" s="133">
        <v>0</v>
      </c>
      <c r="IG33" s="132">
        <v>0</v>
      </c>
      <c r="IH33" s="133">
        <v>232744</v>
      </c>
      <c r="II33" s="148">
        <v>376224</v>
      </c>
      <c r="IJ33" s="139">
        <v>376224</v>
      </c>
      <c r="IK33" s="232">
        <v>0</v>
      </c>
      <c r="IL33" s="236">
        <v>0</v>
      </c>
      <c r="IM33" s="237">
        <v>0</v>
      </c>
      <c r="IN33" s="140"/>
      <c r="IO33" s="119">
        <v>0</v>
      </c>
      <c r="IP33" s="119">
        <v>0</v>
      </c>
      <c r="IQ33" s="119">
        <v>0</v>
      </c>
      <c r="IR33" s="119">
        <v>0</v>
      </c>
      <c r="IS33" s="119">
        <v>0</v>
      </c>
      <c r="IT33" s="141">
        <v>0</v>
      </c>
      <c r="IU33" s="321">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88312</v>
      </c>
      <c r="JL33" s="119">
        <v>55168</v>
      </c>
      <c r="JM33" s="119">
        <v>0</v>
      </c>
      <c r="JN33" s="119">
        <v>0</v>
      </c>
      <c r="JO33" s="119">
        <v>0</v>
      </c>
      <c r="JP33" s="120">
        <v>143480</v>
      </c>
      <c r="JQ33" s="321">
        <v>143480</v>
      </c>
      <c r="JR33" s="142">
        <v>0</v>
      </c>
      <c r="JS33" s="119">
        <v>0</v>
      </c>
      <c r="JT33" s="141">
        <v>0</v>
      </c>
      <c r="JU33" s="118">
        <v>0</v>
      </c>
      <c r="JV33" s="119">
        <v>0</v>
      </c>
      <c r="JW33" s="119">
        <v>0</v>
      </c>
      <c r="JX33" s="119">
        <v>0</v>
      </c>
      <c r="JY33" s="119">
        <v>0</v>
      </c>
      <c r="JZ33" s="119">
        <v>10880</v>
      </c>
      <c r="KA33" s="120">
        <v>10880</v>
      </c>
      <c r="KB33" s="321">
        <v>1088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221864</v>
      </c>
      <c r="KW33" s="120">
        <v>221864</v>
      </c>
      <c r="KX33" s="321">
        <v>221864</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1">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215872</v>
      </c>
      <c r="ML33" s="119">
        <v>0</v>
      </c>
      <c r="MM33" s="119">
        <v>511352</v>
      </c>
      <c r="MN33" s="119">
        <v>0</v>
      </c>
      <c r="MO33" s="120">
        <v>727224</v>
      </c>
      <c r="MP33" s="143">
        <v>727224</v>
      </c>
      <c r="MQ33" s="142">
        <v>0</v>
      </c>
      <c r="MR33" s="119">
        <v>0</v>
      </c>
      <c r="MS33" s="120">
        <v>0</v>
      </c>
      <c r="MT33" s="145"/>
      <c r="MU33" s="119">
        <v>0</v>
      </c>
      <c r="MV33" s="119">
        <v>0</v>
      </c>
      <c r="MW33" s="119">
        <v>0</v>
      </c>
      <c r="MX33" s="119">
        <v>225816</v>
      </c>
      <c r="MY33" s="119">
        <v>0</v>
      </c>
      <c r="MZ33" s="120">
        <v>225816</v>
      </c>
      <c r="NA33" s="143">
        <v>225816</v>
      </c>
      <c r="NB33" s="142">
        <v>0</v>
      </c>
      <c r="NC33" s="119">
        <v>0</v>
      </c>
      <c r="ND33" s="120">
        <v>0</v>
      </c>
      <c r="NE33" s="145"/>
      <c r="NF33" s="119">
        <v>0</v>
      </c>
      <c r="NG33" s="119">
        <v>215872</v>
      </c>
      <c r="NH33" s="119">
        <v>0</v>
      </c>
      <c r="NI33" s="119">
        <v>285536</v>
      </c>
      <c r="NJ33" s="119">
        <v>0</v>
      </c>
      <c r="NK33" s="120">
        <v>501408</v>
      </c>
      <c r="NL33" s="321">
        <v>501408</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5600</v>
      </c>
      <c r="OK33" s="141">
        <v>5600</v>
      </c>
      <c r="OL33" s="118">
        <v>0</v>
      </c>
      <c r="OM33" s="119">
        <v>427008</v>
      </c>
      <c r="ON33" s="119">
        <v>561591</v>
      </c>
      <c r="OO33" s="119">
        <v>340112</v>
      </c>
      <c r="OP33" s="119">
        <v>511352</v>
      </c>
      <c r="OQ33" s="119">
        <v>317730</v>
      </c>
      <c r="OR33" s="120">
        <v>2157793</v>
      </c>
      <c r="OS33" s="143">
        <v>2163393</v>
      </c>
    </row>
    <row r="34" spans="2:409" ht="20.25" customHeight="1" x14ac:dyDescent="0.2">
      <c r="B34" s="126" t="s">
        <v>29</v>
      </c>
      <c r="C34" s="110">
        <v>12000</v>
      </c>
      <c r="D34" s="114">
        <v>16728</v>
      </c>
      <c r="E34" s="113">
        <v>28728</v>
      </c>
      <c r="F34" s="109">
        <v>0</v>
      </c>
      <c r="G34" s="114">
        <v>225344</v>
      </c>
      <c r="H34" s="114">
        <v>483036</v>
      </c>
      <c r="I34" s="114">
        <v>225564</v>
      </c>
      <c r="J34" s="114">
        <v>494432</v>
      </c>
      <c r="K34" s="114">
        <v>323550</v>
      </c>
      <c r="L34" s="173">
        <v>1751926</v>
      </c>
      <c r="M34" s="116">
        <v>1780654</v>
      </c>
      <c r="N34" s="110">
        <v>0</v>
      </c>
      <c r="O34" s="114">
        <v>14688</v>
      </c>
      <c r="P34" s="113">
        <v>14688</v>
      </c>
      <c r="Q34" s="110">
        <v>0</v>
      </c>
      <c r="R34" s="114">
        <v>11960</v>
      </c>
      <c r="S34" s="114">
        <v>43248</v>
      </c>
      <c r="T34" s="114">
        <v>29728</v>
      </c>
      <c r="U34" s="114">
        <v>343272</v>
      </c>
      <c r="V34" s="114">
        <v>93360</v>
      </c>
      <c r="W34" s="113">
        <v>521568</v>
      </c>
      <c r="X34" s="116">
        <v>536256</v>
      </c>
      <c r="Y34" s="110">
        <v>0</v>
      </c>
      <c r="Z34" s="114">
        <v>0</v>
      </c>
      <c r="AA34" s="113">
        <v>0</v>
      </c>
      <c r="AB34" s="110">
        <v>0</v>
      </c>
      <c r="AC34" s="114">
        <v>11960</v>
      </c>
      <c r="AD34" s="114">
        <v>0</v>
      </c>
      <c r="AE34" s="114">
        <v>0</v>
      </c>
      <c r="AF34" s="114">
        <v>167520</v>
      </c>
      <c r="AG34" s="114">
        <v>0</v>
      </c>
      <c r="AH34" s="113">
        <v>179480</v>
      </c>
      <c r="AI34" s="116">
        <v>179480</v>
      </c>
      <c r="AJ34" s="110">
        <v>0</v>
      </c>
      <c r="AK34" s="114">
        <v>0</v>
      </c>
      <c r="AL34" s="113">
        <v>0</v>
      </c>
      <c r="AM34" s="110">
        <v>0</v>
      </c>
      <c r="AN34" s="114">
        <v>0</v>
      </c>
      <c r="AO34" s="114">
        <v>0</v>
      </c>
      <c r="AP34" s="114">
        <v>0</v>
      </c>
      <c r="AQ34" s="114">
        <v>0</v>
      </c>
      <c r="AR34" s="114">
        <v>64888</v>
      </c>
      <c r="AS34" s="113">
        <v>64888</v>
      </c>
      <c r="AT34" s="116">
        <v>64888</v>
      </c>
      <c r="AU34" s="110">
        <v>0</v>
      </c>
      <c r="AV34" s="114">
        <v>14688</v>
      </c>
      <c r="AW34" s="113">
        <v>14688</v>
      </c>
      <c r="AX34" s="110">
        <v>0</v>
      </c>
      <c r="AY34" s="114">
        <v>0</v>
      </c>
      <c r="AZ34" s="114">
        <v>0</v>
      </c>
      <c r="BA34" s="114">
        <v>29728</v>
      </c>
      <c r="BB34" s="114">
        <v>175752</v>
      </c>
      <c r="BC34" s="114">
        <v>23704</v>
      </c>
      <c r="BD34" s="113">
        <v>229184</v>
      </c>
      <c r="BE34" s="116">
        <v>243872</v>
      </c>
      <c r="BF34" s="110">
        <v>0</v>
      </c>
      <c r="BG34" s="114">
        <v>0</v>
      </c>
      <c r="BH34" s="112">
        <v>0</v>
      </c>
      <c r="BI34" s="111">
        <v>0</v>
      </c>
      <c r="BJ34" s="114">
        <v>0</v>
      </c>
      <c r="BK34" s="114">
        <v>0</v>
      </c>
      <c r="BL34" s="114">
        <v>0</v>
      </c>
      <c r="BM34" s="114">
        <v>0</v>
      </c>
      <c r="BN34" s="114">
        <v>0</v>
      </c>
      <c r="BO34" s="113">
        <v>0</v>
      </c>
      <c r="BP34" s="116">
        <v>0</v>
      </c>
      <c r="BQ34" s="110">
        <v>0</v>
      </c>
      <c r="BR34" s="114">
        <v>0</v>
      </c>
      <c r="BS34" s="113">
        <v>0</v>
      </c>
      <c r="BT34" s="110">
        <v>0</v>
      </c>
      <c r="BU34" s="114">
        <v>0</v>
      </c>
      <c r="BV34" s="114">
        <v>43248</v>
      </c>
      <c r="BW34" s="114">
        <v>0</v>
      </c>
      <c r="BX34" s="114">
        <v>0</v>
      </c>
      <c r="BY34" s="114">
        <v>4768</v>
      </c>
      <c r="BZ34" s="113">
        <v>48016</v>
      </c>
      <c r="CA34" s="116">
        <v>48016</v>
      </c>
      <c r="CB34" s="110">
        <v>0</v>
      </c>
      <c r="CC34" s="114">
        <v>0</v>
      </c>
      <c r="CD34" s="113">
        <v>0</v>
      </c>
      <c r="CE34" s="110">
        <v>0</v>
      </c>
      <c r="CF34" s="114">
        <v>203704</v>
      </c>
      <c r="CG34" s="114">
        <v>70032</v>
      </c>
      <c r="CH34" s="114">
        <v>160076</v>
      </c>
      <c r="CI34" s="114">
        <v>80760</v>
      </c>
      <c r="CJ34" s="114">
        <v>53520</v>
      </c>
      <c r="CK34" s="113">
        <v>568092</v>
      </c>
      <c r="CL34" s="116">
        <v>568092</v>
      </c>
      <c r="CM34" s="110">
        <v>0</v>
      </c>
      <c r="CN34" s="114">
        <v>0</v>
      </c>
      <c r="CO34" s="113">
        <v>0</v>
      </c>
      <c r="CP34" s="111">
        <v>0</v>
      </c>
      <c r="CQ34" s="114">
        <v>166848</v>
      </c>
      <c r="CR34" s="114">
        <v>70032</v>
      </c>
      <c r="CS34" s="114">
        <v>128080</v>
      </c>
      <c r="CT34" s="114">
        <v>0</v>
      </c>
      <c r="CU34" s="114">
        <v>53520</v>
      </c>
      <c r="CV34" s="113">
        <v>418480</v>
      </c>
      <c r="CW34" s="116">
        <v>418480</v>
      </c>
      <c r="CX34" s="110">
        <v>0</v>
      </c>
      <c r="CY34" s="114">
        <v>0</v>
      </c>
      <c r="CZ34" s="113">
        <v>0</v>
      </c>
      <c r="DA34" s="110">
        <v>0</v>
      </c>
      <c r="DB34" s="114">
        <v>36856</v>
      </c>
      <c r="DC34" s="114">
        <v>0</v>
      </c>
      <c r="DD34" s="114">
        <v>31996</v>
      </c>
      <c r="DE34" s="114">
        <v>80760</v>
      </c>
      <c r="DF34" s="114">
        <v>0</v>
      </c>
      <c r="DG34" s="113">
        <v>149612</v>
      </c>
      <c r="DH34" s="116">
        <v>149612</v>
      </c>
      <c r="DI34" s="110">
        <v>0</v>
      </c>
      <c r="DJ34" s="114">
        <v>0</v>
      </c>
      <c r="DK34" s="112">
        <v>0</v>
      </c>
      <c r="DL34" s="111">
        <v>0</v>
      </c>
      <c r="DM34" s="114">
        <v>0</v>
      </c>
      <c r="DN34" s="114">
        <v>0</v>
      </c>
      <c r="DO34" s="114">
        <v>0</v>
      </c>
      <c r="DP34" s="114">
        <v>0</v>
      </c>
      <c r="DQ34" s="114">
        <v>108446</v>
      </c>
      <c r="DR34" s="113">
        <v>108446</v>
      </c>
      <c r="DS34" s="116">
        <v>108446</v>
      </c>
      <c r="DT34" s="110">
        <v>0</v>
      </c>
      <c r="DU34" s="114">
        <v>0</v>
      </c>
      <c r="DV34" s="113">
        <v>0</v>
      </c>
      <c r="DW34" s="110">
        <v>0</v>
      </c>
      <c r="DX34" s="114">
        <v>0</v>
      </c>
      <c r="DY34" s="114">
        <v>0</v>
      </c>
      <c r="DZ34" s="114">
        <v>0</v>
      </c>
      <c r="EA34" s="114">
        <v>0</v>
      </c>
      <c r="EB34" s="114">
        <v>108446</v>
      </c>
      <c r="EC34" s="113">
        <v>108446</v>
      </c>
      <c r="ED34" s="116">
        <v>108446</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8">
        <v>0</v>
      </c>
      <c r="FE34" s="114">
        <v>0</v>
      </c>
      <c r="FF34" s="114">
        <v>0</v>
      </c>
      <c r="FG34" s="114">
        <v>0</v>
      </c>
      <c r="FH34" s="114">
        <v>0</v>
      </c>
      <c r="FI34" s="114">
        <v>0</v>
      </c>
      <c r="FJ34" s="113">
        <v>0</v>
      </c>
      <c r="FK34" s="116">
        <v>0</v>
      </c>
      <c r="FL34" s="110">
        <v>12000</v>
      </c>
      <c r="FM34" s="114">
        <v>2040</v>
      </c>
      <c r="FN34" s="113">
        <v>14040</v>
      </c>
      <c r="FO34" s="110">
        <v>0</v>
      </c>
      <c r="FP34" s="114">
        <v>9680</v>
      </c>
      <c r="FQ34" s="114">
        <v>18320</v>
      </c>
      <c r="FR34" s="114">
        <v>35760</v>
      </c>
      <c r="FS34" s="114">
        <v>70400</v>
      </c>
      <c r="FT34" s="114">
        <v>68224</v>
      </c>
      <c r="FU34" s="113">
        <v>202384</v>
      </c>
      <c r="FV34" s="116">
        <v>216424</v>
      </c>
      <c r="FW34" s="115">
        <v>12000</v>
      </c>
      <c r="FX34" s="114">
        <v>2040</v>
      </c>
      <c r="FY34" s="112">
        <v>14040</v>
      </c>
      <c r="FZ34" s="111">
        <v>0</v>
      </c>
      <c r="GA34" s="114">
        <v>9680</v>
      </c>
      <c r="GB34" s="114">
        <v>18320</v>
      </c>
      <c r="GC34" s="114">
        <v>35760</v>
      </c>
      <c r="GD34" s="114">
        <v>70400</v>
      </c>
      <c r="GE34" s="114">
        <v>68224</v>
      </c>
      <c r="GF34" s="113">
        <v>202384</v>
      </c>
      <c r="GG34" s="319">
        <v>216424</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0</v>
      </c>
      <c r="HI34" s="114">
        <v>351436</v>
      </c>
      <c r="HJ34" s="114">
        <v>0</v>
      </c>
      <c r="HK34" s="114">
        <v>0</v>
      </c>
      <c r="HL34" s="114">
        <v>0</v>
      </c>
      <c r="HM34" s="113">
        <v>351436</v>
      </c>
      <c r="HN34" s="109">
        <v>351436</v>
      </c>
      <c r="HO34" s="329"/>
      <c r="HP34" s="330"/>
      <c r="HQ34" s="331"/>
      <c r="HR34" s="332"/>
      <c r="HS34" s="330"/>
      <c r="HT34" s="330"/>
      <c r="HU34" s="330"/>
      <c r="HV34" s="330"/>
      <c r="HW34" s="330"/>
      <c r="HX34" s="333"/>
      <c r="HY34" s="334"/>
      <c r="HZ34" s="150">
        <v>0</v>
      </c>
      <c r="IA34" s="135">
        <v>0</v>
      </c>
      <c r="IB34" s="150">
        <v>0</v>
      </c>
      <c r="IC34" s="134">
        <v>0</v>
      </c>
      <c r="ID34" s="135">
        <v>50248</v>
      </c>
      <c r="IE34" s="136">
        <v>23549</v>
      </c>
      <c r="IF34" s="137">
        <v>0</v>
      </c>
      <c r="IG34" s="135">
        <v>243024</v>
      </c>
      <c r="IH34" s="137">
        <v>0</v>
      </c>
      <c r="II34" s="138">
        <v>316821</v>
      </c>
      <c r="IJ34" s="150">
        <v>316821</v>
      </c>
      <c r="IK34" s="232">
        <v>0</v>
      </c>
      <c r="IL34" s="236">
        <v>0</v>
      </c>
      <c r="IM34" s="237">
        <v>0</v>
      </c>
      <c r="IN34" s="140"/>
      <c r="IO34" s="119">
        <v>0</v>
      </c>
      <c r="IP34" s="119">
        <v>0</v>
      </c>
      <c r="IQ34" s="119">
        <v>0</v>
      </c>
      <c r="IR34" s="119">
        <v>0</v>
      </c>
      <c r="IS34" s="119">
        <v>0</v>
      </c>
      <c r="IT34" s="141">
        <v>0</v>
      </c>
      <c r="IU34" s="321">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50248</v>
      </c>
      <c r="JL34" s="119">
        <v>23549</v>
      </c>
      <c r="JM34" s="119">
        <v>0</v>
      </c>
      <c r="JN34" s="119">
        <v>0</v>
      </c>
      <c r="JO34" s="119">
        <v>0</v>
      </c>
      <c r="JP34" s="120">
        <v>73797</v>
      </c>
      <c r="JQ34" s="321">
        <v>73797</v>
      </c>
      <c r="JR34" s="142">
        <v>0</v>
      </c>
      <c r="JS34" s="119">
        <v>0</v>
      </c>
      <c r="JT34" s="141">
        <v>0</v>
      </c>
      <c r="JU34" s="118">
        <v>0</v>
      </c>
      <c r="JV34" s="119">
        <v>0</v>
      </c>
      <c r="JW34" s="119">
        <v>0</v>
      </c>
      <c r="JX34" s="119">
        <v>0</v>
      </c>
      <c r="JY34" s="119">
        <v>0</v>
      </c>
      <c r="JZ34" s="119">
        <v>0</v>
      </c>
      <c r="KA34" s="120">
        <v>0</v>
      </c>
      <c r="KB34" s="321">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21">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43024</v>
      </c>
      <c r="LR34" s="119">
        <v>0</v>
      </c>
      <c r="LS34" s="120">
        <v>243024</v>
      </c>
      <c r="LT34" s="321">
        <v>243024</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207168</v>
      </c>
      <c r="MM34" s="119">
        <v>0</v>
      </c>
      <c r="MN34" s="119">
        <v>508704</v>
      </c>
      <c r="MO34" s="120">
        <v>715872</v>
      </c>
      <c r="MP34" s="143">
        <v>715872</v>
      </c>
      <c r="MQ34" s="142">
        <v>0</v>
      </c>
      <c r="MR34" s="119">
        <v>0</v>
      </c>
      <c r="MS34" s="120">
        <v>0</v>
      </c>
      <c r="MT34" s="145"/>
      <c r="MU34" s="119">
        <v>0</v>
      </c>
      <c r="MV34" s="119">
        <v>0</v>
      </c>
      <c r="MW34" s="119">
        <v>207168</v>
      </c>
      <c r="MX34" s="119">
        <v>0</v>
      </c>
      <c r="MY34" s="119">
        <v>508704</v>
      </c>
      <c r="MZ34" s="120">
        <v>715872</v>
      </c>
      <c r="NA34" s="143">
        <v>715872</v>
      </c>
      <c r="NB34" s="142">
        <v>0</v>
      </c>
      <c r="NC34" s="119">
        <v>0</v>
      </c>
      <c r="ND34" s="120">
        <v>0</v>
      </c>
      <c r="NE34" s="145"/>
      <c r="NF34" s="119">
        <v>0</v>
      </c>
      <c r="NG34" s="119">
        <v>0</v>
      </c>
      <c r="NH34" s="119">
        <v>0</v>
      </c>
      <c r="NI34" s="119">
        <v>0</v>
      </c>
      <c r="NJ34" s="119">
        <v>0</v>
      </c>
      <c r="NK34" s="120">
        <v>0</v>
      </c>
      <c r="NL34" s="321">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12000</v>
      </c>
      <c r="OJ34" s="119">
        <v>16728</v>
      </c>
      <c r="OK34" s="141">
        <v>28728</v>
      </c>
      <c r="OL34" s="118">
        <v>0</v>
      </c>
      <c r="OM34" s="119">
        <v>275592</v>
      </c>
      <c r="ON34" s="119">
        <v>506585</v>
      </c>
      <c r="OO34" s="119">
        <v>432732</v>
      </c>
      <c r="OP34" s="119">
        <v>737456</v>
      </c>
      <c r="OQ34" s="119">
        <v>832254</v>
      </c>
      <c r="OR34" s="120">
        <v>2784619</v>
      </c>
      <c r="OS34" s="143">
        <v>2813347</v>
      </c>
    </row>
    <row r="35" spans="2:409" ht="20.25" customHeight="1" x14ac:dyDescent="0.2">
      <c r="B35" s="126" t="s">
        <v>30</v>
      </c>
      <c r="C35" s="110">
        <v>7600</v>
      </c>
      <c r="D35" s="114">
        <v>81752</v>
      </c>
      <c r="E35" s="174">
        <v>89352</v>
      </c>
      <c r="F35" s="175">
        <v>0</v>
      </c>
      <c r="G35" s="176">
        <v>574253</v>
      </c>
      <c r="H35" s="176">
        <v>69857</v>
      </c>
      <c r="I35" s="176">
        <v>31352</v>
      </c>
      <c r="J35" s="176">
        <v>743273</v>
      </c>
      <c r="K35" s="176">
        <v>24000</v>
      </c>
      <c r="L35" s="177">
        <v>1442735</v>
      </c>
      <c r="M35" s="116">
        <v>1532087</v>
      </c>
      <c r="N35" s="110">
        <v>0</v>
      </c>
      <c r="O35" s="114">
        <v>15392</v>
      </c>
      <c r="P35" s="113">
        <v>15392</v>
      </c>
      <c r="Q35" s="110">
        <v>0</v>
      </c>
      <c r="R35" s="114">
        <v>125937</v>
      </c>
      <c r="S35" s="114">
        <v>56257</v>
      </c>
      <c r="T35" s="114">
        <v>9432</v>
      </c>
      <c r="U35" s="114">
        <v>261624</v>
      </c>
      <c r="V35" s="114">
        <v>0</v>
      </c>
      <c r="W35" s="113">
        <v>453250</v>
      </c>
      <c r="X35" s="116">
        <v>468642</v>
      </c>
      <c r="Y35" s="110">
        <v>0</v>
      </c>
      <c r="Z35" s="114">
        <v>0</v>
      </c>
      <c r="AA35" s="113">
        <v>0</v>
      </c>
      <c r="AB35" s="110">
        <v>0</v>
      </c>
      <c r="AC35" s="114">
        <v>68137</v>
      </c>
      <c r="AD35" s="114">
        <v>53969</v>
      </c>
      <c r="AE35" s="114">
        <v>9432</v>
      </c>
      <c r="AF35" s="114">
        <v>73104</v>
      </c>
      <c r="AG35" s="114">
        <v>0</v>
      </c>
      <c r="AH35" s="113">
        <v>204642</v>
      </c>
      <c r="AI35" s="116">
        <v>204642</v>
      </c>
      <c r="AJ35" s="110">
        <v>0</v>
      </c>
      <c r="AK35" s="114">
        <v>0</v>
      </c>
      <c r="AL35" s="113">
        <v>0</v>
      </c>
      <c r="AM35" s="110">
        <v>0</v>
      </c>
      <c r="AN35" s="114">
        <v>0</v>
      </c>
      <c r="AO35" s="114">
        <v>0</v>
      </c>
      <c r="AP35" s="114">
        <v>0</v>
      </c>
      <c r="AQ35" s="114">
        <v>101432</v>
      </c>
      <c r="AR35" s="114">
        <v>0</v>
      </c>
      <c r="AS35" s="113">
        <v>101432</v>
      </c>
      <c r="AT35" s="116">
        <v>101432</v>
      </c>
      <c r="AU35" s="110">
        <v>0</v>
      </c>
      <c r="AV35" s="114">
        <v>15392</v>
      </c>
      <c r="AW35" s="113">
        <v>15392</v>
      </c>
      <c r="AX35" s="110">
        <v>0</v>
      </c>
      <c r="AY35" s="114">
        <v>35456</v>
      </c>
      <c r="AZ35" s="114">
        <v>0</v>
      </c>
      <c r="BA35" s="114">
        <v>0</v>
      </c>
      <c r="BB35" s="114">
        <v>55872</v>
      </c>
      <c r="BC35" s="114">
        <v>0</v>
      </c>
      <c r="BD35" s="113">
        <v>91328</v>
      </c>
      <c r="BE35" s="116">
        <v>106720</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22344</v>
      </c>
      <c r="BV35" s="114">
        <v>2288</v>
      </c>
      <c r="BW35" s="114">
        <v>0</v>
      </c>
      <c r="BX35" s="114">
        <v>31216</v>
      </c>
      <c r="BY35" s="114">
        <v>0</v>
      </c>
      <c r="BZ35" s="113">
        <v>55848</v>
      </c>
      <c r="CA35" s="116">
        <v>55848</v>
      </c>
      <c r="CB35" s="110">
        <v>0</v>
      </c>
      <c r="CC35" s="114">
        <v>0</v>
      </c>
      <c r="CD35" s="113">
        <v>0</v>
      </c>
      <c r="CE35" s="110">
        <v>0</v>
      </c>
      <c r="CF35" s="114">
        <v>104283</v>
      </c>
      <c r="CG35" s="114">
        <v>0</v>
      </c>
      <c r="CH35" s="114">
        <v>0</v>
      </c>
      <c r="CI35" s="114">
        <v>131752</v>
      </c>
      <c r="CJ35" s="114">
        <v>0</v>
      </c>
      <c r="CK35" s="113">
        <v>236035</v>
      </c>
      <c r="CL35" s="116">
        <v>236035</v>
      </c>
      <c r="CM35" s="110">
        <v>0</v>
      </c>
      <c r="CN35" s="114">
        <v>0</v>
      </c>
      <c r="CO35" s="113">
        <v>0</v>
      </c>
      <c r="CP35" s="111">
        <v>0</v>
      </c>
      <c r="CQ35" s="114">
        <v>0</v>
      </c>
      <c r="CR35" s="114">
        <v>0</v>
      </c>
      <c r="CS35" s="114">
        <v>0</v>
      </c>
      <c r="CT35" s="114">
        <v>131752</v>
      </c>
      <c r="CU35" s="114">
        <v>0</v>
      </c>
      <c r="CV35" s="113">
        <v>131752</v>
      </c>
      <c r="CW35" s="116">
        <v>131752</v>
      </c>
      <c r="CX35" s="110">
        <v>0</v>
      </c>
      <c r="CY35" s="114">
        <v>0</v>
      </c>
      <c r="CZ35" s="113">
        <v>0</v>
      </c>
      <c r="DA35" s="110">
        <v>0</v>
      </c>
      <c r="DB35" s="114">
        <v>104283</v>
      </c>
      <c r="DC35" s="114">
        <v>0</v>
      </c>
      <c r="DD35" s="114">
        <v>0</v>
      </c>
      <c r="DE35" s="114">
        <v>0</v>
      </c>
      <c r="DF35" s="114">
        <v>0</v>
      </c>
      <c r="DG35" s="113">
        <v>104283</v>
      </c>
      <c r="DH35" s="116">
        <v>104283</v>
      </c>
      <c r="DI35" s="110">
        <v>0</v>
      </c>
      <c r="DJ35" s="114">
        <v>0</v>
      </c>
      <c r="DK35" s="112">
        <v>0</v>
      </c>
      <c r="DL35" s="111">
        <v>0</v>
      </c>
      <c r="DM35" s="114">
        <v>29801</v>
      </c>
      <c r="DN35" s="114">
        <v>0</v>
      </c>
      <c r="DO35" s="114">
        <v>0</v>
      </c>
      <c r="DP35" s="114">
        <v>288169</v>
      </c>
      <c r="DQ35" s="114">
        <v>0</v>
      </c>
      <c r="DR35" s="113">
        <v>317970</v>
      </c>
      <c r="DS35" s="116">
        <v>317970</v>
      </c>
      <c r="DT35" s="110">
        <v>0</v>
      </c>
      <c r="DU35" s="114">
        <v>0</v>
      </c>
      <c r="DV35" s="113">
        <v>0</v>
      </c>
      <c r="DW35" s="110">
        <v>0</v>
      </c>
      <c r="DX35" s="114">
        <v>29801</v>
      </c>
      <c r="DY35" s="114">
        <v>0</v>
      </c>
      <c r="DZ35" s="114">
        <v>0</v>
      </c>
      <c r="EA35" s="114">
        <v>288169</v>
      </c>
      <c r="EB35" s="114">
        <v>0</v>
      </c>
      <c r="EC35" s="113">
        <v>317970</v>
      </c>
      <c r="ED35" s="116">
        <v>317970</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8">
        <v>0</v>
      </c>
      <c r="FE35" s="114">
        <v>0</v>
      </c>
      <c r="FF35" s="114">
        <v>0</v>
      </c>
      <c r="FG35" s="114">
        <v>0</v>
      </c>
      <c r="FH35" s="114">
        <v>0</v>
      </c>
      <c r="FI35" s="114">
        <v>0</v>
      </c>
      <c r="FJ35" s="113">
        <v>0</v>
      </c>
      <c r="FK35" s="116">
        <v>0</v>
      </c>
      <c r="FL35" s="110">
        <v>7600</v>
      </c>
      <c r="FM35" s="114">
        <v>66360</v>
      </c>
      <c r="FN35" s="113">
        <v>73960</v>
      </c>
      <c r="FO35" s="110">
        <v>0</v>
      </c>
      <c r="FP35" s="114">
        <v>1840</v>
      </c>
      <c r="FQ35" s="114">
        <v>13600</v>
      </c>
      <c r="FR35" s="114">
        <v>21920</v>
      </c>
      <c r="FS35" s="114">
        <v>61728</v>
      </c>
      <c r="FT35" s="114">
        <v>24000</v>
      </c>
      <c r="FU35" s="113">
        <v>123088</v>
      </c>
      <c r="FV35" s="116">
        <v>197048</v>
      </c>
      <c r="FW35" s="115">
        <v>7600</v>
      </c>
      <c r="FX35" s="114">
        <v>800</v>
      </c>
      <c r="FY35" s="112">
        <v>8400</v>
      </c>
      <c r="FZ35" s="111">
        <v>0</v>
      </c>
      <c r="GA35" s="114">
        <v>1840</v>
      </c>
      <c r="GB35" s="114">
        <v>13600</v>
      </c>
      <c r="GC35" s="114">
        <v>21920</v>
      </c>
      <c r="GD35" s="114">
        <v>61728</v>
      </c>
      <c r="GE35" s="114">
        <v>0</v>
      </c>
      <c r="GF35" s="113">
        <v>99088</v>
      </c>
      <c r="GG35" s="319">
        <v>107488</v>
      </c>
      <c r="GH35" s="115">
        <v>0</v>
      </c>
      <c r="GI35" s="114">
        <v>0</v>
      </c>
      <c r="GJ35" s="112">
        <v>0</v>
      </c>
      <c r="GK35" s="111">
        <v>0</v>
      </c>
      <c r="GL35" s="114">
        <v>0</v>
      </c>
      <c r="GM35" s="114">
        <v>0</v>
      </c>
      <c r="GN35" s="114">
        <v>0</v>
      </c>
      <c r="GO35" s="114">
        <v>0</v>
      </c>
      <c r="GP35" s="114">
        <v>24000</v>
      </c>
      <c r="GQ35" s="113">
        <v>24000</v>
      </c>
      <c r="GR35" s="116">
        <v>24000</v>
      </c>
      <c r="GS35" s="110">
        <v>0</v>
      </c>
      <c r="GT35" s="114">
        <v>65560</v>
      </c>
      <c r="GU35" s="113">
        <v>65560</v>
      </c>
      <c r="GV35" s="110">
        <v>0</v>
      </c>
      <c r="GW35" s="114">
        <v>0</v>
      </c>
      <c r="GX35" s="114">
        <v>0</v>
      </c>
      <c r="GY35" s="114">
        <v>0</v>
      </c>
      <c r="GZ35" s="114">
        <v>0</v>
      </c>
      <c r="HA35" s="114">
        <v>0</v>
      </c>
      <c r="HB35" s="112">
        <v>0</v>
      </c>
      <c r="HC35" s="116">
        <v>65560</v>
      </c>
      <c r="HD35" s="110">
        <v>0</v>
      </c>
      <c r="HE35" s="114">
        <v>0</v>
      </c>
      <c r="HF35" s="112">
        <v>0</v>
      </c>
      <c r="HG35" s="111">
        <v>0</v>
      </c>
      <c r="HH35" s="114">
        <v>312392</v>
      </c>
      <c r="HI35" s="114">
        <v>0</v>
      </c>
      <c r="HJ35" s="114">
        <v>0</v>
      </c>
      <c r="HK35" s="114">
        <v>0</v>
      </c>
      <c r="HL35" s="114">
        <v>0</v>
      </c>
      <c r="HM35" s="113">
        <v>312392</v>
      </c>
      <c r="HN35" s="109">
        <v>312392</v>
      </c>
      <c r="HO35" s="329"/>
      <c r="HP35" s="330"/>
      <c r="HQ35" s="331"/>
      <c r="HR35" s="332"/>
      <c r="HS35" s="330"/>
      <c r="HT35" s="330"/>
      <c r="HU35" s="330"/>
      <c r="HV35" s="330"/>
      <c r="HW35" s="330"/>
      <c r="HX35" s="333"/>
      <c r="HY35" s="334"/>
      <c r="HZ35" s="131">
        <v>26231</v>
      </c>
      <c r="IA35" s="132">
        <v>0</v>
      </c>
      <c r="IB35" s="133">
        <v>26231</v>
      </c>
      <c r="IC35" s="146">
        <v>0</v>
      </c>
      <c r="ID35" s="132">
        <v>4171</v>
      </c>
      <c r="IE35" s="147">
        <v>320232</v>
      </c>
      <c r="IF35" s="133">
        <v>0</v>
      </c>
      <c r="IG35" s="132">
        <v>249448</v>
      </c>
      <c r="IH35" s="133">
        <v>0</v>
      </c>
      <c r="II35" s="148">
        <v>573851</v>
      </c>
      <c r="IJ35" s="139">
        <v>600082</v>
      </c>
      <c r="IK35" s="232">
        <v>0</v>
      </c>
      <c r="IL35" s="236">
        <v>0</v>
      </c>
      <c r="IM35" s="237">
        <v>0</v>
      </c>
      <c r="IN35" s="140"/>
      <c r="IO35" s="119">
        <v>0</v>
      </c>
      <c r="IP35" s="119">
        <v>0</v>
      </c>
      <c r="IQ35" s="119">
        <v>0</v>
      </c>
      <c r="IR35" s="119">
        <v>0</v>
      </c>
      <c r="IS35" s="119">
        <v>0</v>
      </c>
      <c r="IT35" s="141">
        <v>0</v>
      </c>
      <c r="IU35" s="321">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4171</v>
      </c>
      <c r="JL35" s="119">
        <v>121832</v>
      </c>
      <c r="JM35" s="119">
        <v>0</v>
      </c>
      <c r="JN35" s="119">
        <v>0</v>
      </c>
      <c r="JO35" s="119">
        <v>0</v>
      </c>
      <c r="JP35" s="120">
        <v>126003</v>
      </c>
      <c r="JQ35" s="321">
        <v>126003</v>
      </c>
      <c r="JR35" s="142">
        <v>26231</v>
      </c>
      <c r="JS35" s="119">
        <v>0</v>
      </c>
      <c r="JT35" s="141">
        <v>26231</v>
      </c>
      <c r="JU35" s="118">
        <v>0</v>
      </c>
      <c r="JV35" s="119">
        <v>0</v>
      </c>
      <c r="JW35" s="119">
        <v>0</v>
      </c>
      <c r="JX35" s="119">
        <v>0</v>
      </c>
      <c r="JY35" s="119">
        <v>0</v>
      </c>
      <c r="JZ35" s="119">
        <v>0</v>
      </c>
      <c r="KA35" s="120">
        <v>0</v>
      </c>
      <c r="KB35" s="321">
        <v>26231</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198400</v>
      </c>
      <c r="KT35" s="119">
        <v>0</v>
      </c>
      <c r="KU35" s="119">
        <v>249448</v>
      </c>
      <c r="KV35" s="119">
        <v>0</v>
      </c>
      <c r="KW35" s="120">
        <v>447848</v>
      </c>
      <c r="KX35" s="321">
        <v>447848</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1">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204088</v>
      </c>
      <c r="MK35" s="119">
        <v>0</v>
      </c>
      <c r="ML35" s="119">
        <v>521922</v>
      </c>
      <c r="MM35" s="119">
        <v>1275574</v>
      </c>
      <c r="MN35" s="119">
        <v>406953</v>
      </c>
      <c r="MO35" s="120">
        <v>2408537</v>
      </c>
      <c r="MP35" s="143">
        <v>2408537</v>
      </c>
      <c r="MQ35" s="142">
        <v>0</v>
      </c>
      <c r="MR35" s="119">
        <v>0</v>
      </c>
      <c r="MS35" s="120">
        <v>0</v>
      </c>
      <c r="MT35" s="145"/>
      <c r="MU35" s="119">
        <v>0</v>
      </c>
      <c r="MV35" s="119">
        <v>0</v>
      </c>
      <c r="MW35" s="119">
        <v>0</v>
      </c>
      <c r="MX35" s="119">
        <v>712688</v>
      </c>
      <c r="MY35" s="119">
        <v>0</v>
      </c>
      <c r="MZ35" s="120">
        <v>712688</v>
      </c>
      <c r="NA35" s="143">
        <v>712688</v>
      </c>
      <c r="NB35" s="142">
        <v>0</v>
      </c>
      <c r="NC35" s="119">
        <v>0</v>
      </c>
      <c r="ND35" s="120">
        <v>0</v>
      </c>
      <c r="NE35" s="145"/>
      <c r="NF35" s="119">
        <v>204088</v>
      </c>
      <c r="NG35" s="119">
        <v>0</v>
      </c>
      <c r="NH35" s="119">
        <v>521922</v>
      </c>
      <c r="NI35" s="119">
        <v>565351</v>
      </c>
      <c r="NJ35" s="119">
        <v>0</v>
      </c>
      <c r="NK35" s="120">
        <v>1291361</v>
      </c>
      <c r="NL35" s="321">
        <v>1291361</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2465</v>
      </c>
      <c r="OF35" s="119">
        <v>406953</v>
      </c>
      <c r="OG35" s="120">
        <v>404488</v>
      </c>
      <c r="OH35" s="121">
        <v>404488</v>
      </c>
      <c r="OI35" s="142">
        <v>33831</v>
      </c>
      <c r="OJ35" s="119">
        <v>81752</v>
      </c>
      <c r="OK35" s="141">
        <v>115583</v>
      </c>
      <c r="OL35" s="118">
        <v>0</v>
      </c>
      <c r="OM35" s="119">
        <v>782512</v>
      </c>
      <c r="ON35" s="119">
        <v>390089</v>
      </c>
      <c r="OO35" s="119">
        <v>553274</v>
      </c>
      <c r="OP35" s="119">
        <v>2268295</v>
      </c>
      <c r="OQ35" s="119">
        <v>430953</v>
      </c>
      <c r="OR35" s="120">
        <v>4425123</v>
      </c>
      <c r="OS35" s="143">
        <v>4540706</v>
      </c>
    </row>
    <row r="36" spans="2:409" ht="20.25" customHeight="1" x14ac:dyDescent="0.2">
      <c r="B36" s="126" t="s">
        <v>31</v>
      </c>
      <c r="C36" s="110">
        <v>47024</v>
      </c>
      <c r="D36" s="114">
        <v>48160</v>
      </c>
      <c r="E36" s="113">
        <v>95184</v>
      </c>
      <c r="F36" s="109">
        <v>0</v>
      </c>
      <c r="G36" s="114">
        <v>368492</v>
      </c>
      <c r="H36" s="114">
        <v>693889</v>
      </c>
      <c r="I36" s="114">
        <v>387715</v>
      </c>
      <c r="J36" s="114">
        <v>283186</v>
      </c>
      <c r="K36" s="114">
        <v>0</v>
      </c>
      <c r="L36" s="173">
        <v>1733282</v>
      </c>
      <c r="M36" s="116">
        <v>1828466</v>
      </c>
      <c r="N36" s="110">
        <v>0</v>
      </c>
      <c r="O36" s="114">
        <v>0</v>
      </c>
      <c r="P36" s="113">
        <v>0</v>
      </c>
      <c r="Q36" s="110">
        <v>0</v>
      </c>
      <c r="R36" s="114">
        <v>167272</v>
      </c>
      <c r="S36" s="114">
        <v>158407</v>
      </c>
      <c r="T36" s="114">
        <v>126432</v>
      </c>
      <c r="U36" s="114">
        <v>85891</v>
      </c>
      <c r="V36" s="114">
        <v>0</v>
      </c>
      <c r="W36" s="113">
        <v>538002</v>
      </c>
      <c r="X36" s="116">
        <v>538002</v>
      </c>
      <c r="Y36" s="110">
        <v>0</v>
      </c>
      <c r="Z36" s="114">
        <v>0</v>
      </c>
      <c r="AA36" s="113">
        <v>0</v>
      </c>
      <c r="AB36" s="110">
        <v>0</v>
      </c>
      <c r="AC36" s="114">
        <v>58472</v>
      </c>
      <c r="AD36" s="114">
        <v>47943</v>
      </c>
      <c r="AE36" s="114">
        <v>0</v>
      </c>
      <c r="AF36" s="114">
        <v>9595</v>
      </c>
      <c r="AG36" s="114">
        <v>0</v>
      </c>
      <c r="AH36" s="113">
        <v>116010</v>
      </c>
      <c r="AI36" s="116">
        <v>116010</v>
      </c>
      <c r="AJ36" s="110">
        <v>0</v>
      </c>
      <c r="AK36" s="114">
        <v>0</v>
      </c>
      <c r="AL36" s="113">
        <v>0</v>
      </c>
      <c r="AM36" s="110">
        <v>0</v>
      </c>
      <c r="AN36" s="114">
        <v>0</v>
      </c>
      <c r="AO36" s="114">
        <v>43264</v>
      </c>
      <c r="AP36" s="114">
        <v>84360</v>
      </c>
      <c r="AQ36" s="114">
        <v>0</v>
      </c>
      <c r="AR36" s="114">
        <v>0</v>
      </c>
      <c r="AS36" s="113">
        <v>127624</v>
      </c>
      <c r="AT36" s="116">
        <v>127624</v>
      </c>
      <c r="AU36" s="110">
        <v>0</v>
      </c>
      <c r="AV36" s="114">
        <v>0</v>
      </c>
      <c r="AW36" s="113">
        <v>0</v>
      </c>
      <c r="AX36" s="110">
        <v>0</v>
      </c>
      <c r="AY36" s="114">
        <v>59680</v>
      </c>
      <c r="AZ36" s="114">
        <v>0</v>
      </c>
      <c r="BA36" s="114">
        <v>42072</v>
      </c>
      <c r="BB36" s="114">
        <v>35456</v>
      </c>
      <c r="BC36" s="114">
        <v>0</v>
      </c>
      <c r="BD36" s="113">
        <v>137208</v>
      </c>
      <c r="BE36" s="116">
        <v>137208</v>
      </c>
      <c r="BF36" s="110">
        <v>0</v>
      </c>
      <c r="BG36" s="114">
        <v>0</v>
      </c>
      <c r="BH36" s="112">
        <v>0</v>
      </c>
      <c r="BI36" s="111">
        <v>0</v>
      </c>
      <c r="BJ36" s="114">
        <v>49120</v>
      </c>
      <c r="BK36" s="114">
        <v>58944</v>
      </c>
      <c r="BL36" s="114">
        <v>0</v>
      </c>
      <c r="BM36" s="114">
        <v>35384</v>
      </c>
      <c r="BN36" s="114">
        <v>0</v>
      </c>
      <c r="BO36" s="113">
        <v>143448</v>
      </c>
      <c r="BP36" s="116">
        <v>143448</v>
      </c>
      <c r="BQ36" s="110">
        <v>0</v>
      </c>
      <c r="BR36" s="114">
        <v>0</v>
      </c>
      <c r="BS36" s="113">
        <v>0</v>
      </c>
      <c r="BT36" s="110">
        <v>0</v>
      </c>
      <c r="BU36" s="114">
        <v>0</v>
      </c>
      <c r="BV36" s="114">
        <v>8256</v>
      </c>
      <c r="BW36" s="114">
        <v>0</v>
      </c>
      <c r="BX36" s="114">
        <v>5456</v>
      </c>
      <c r="BY36" s="114">
        <v>0</v>
      </c>
      <c r="BZ36" s="113">
        <v>13712</v>
      </c>
      <c r="CA36" s="116">
        <v>13712</v>
      </c>
      <c r="CB36" s="110">
        <v>0</v>
      </c>
      <c r="CC36" s="114">
        <v>0</v>
      </c>
      <c r="CD36" s="113">
        <v>0</v>
      </c>
      <c r="CE36" s="110">
        <v>0</v>
      </c>
      <c r="CF36" s="114">
        <v>149025</v>
      </c>
      <c r="CG36" s="114">
        <v>337946</v>
      </c>
      <c r="CH36" s="114">
        <v>35027</v>
      </c>
      <c r="CI36" s="114">
        <v>166418</v>
      </c>
      <c r="CJ36" s="114">
        <v>0</v>
      </c>
      <c r="CK36" s="113">
        <v>688416</v>
      </c>
      <c r="CL36" s="116">
        <v>688416</v>
      </c>
      <c r="CM36" s="110">
        <v>0</v>
      </c>
      <c r="CN36" s="114">
        <v>0</v>
      </c>
      <c r="CO36" s="113">
        <v>0</v>
      </c>
      <c r="CP36" s="111">
        <v>0</v>
      </c>
      <c r="CQ36" s="114">
        <v>149025</v>
      </c>
      <c r="CR36" s="114">
        <v>123216</v>
      </c>
      <c r="CS36" s="114">
        <v>35027</v>
      </c>
      <c r="CT36" s="114">
        <v>69178</v>
      </c>
      <c r="CU36" s="114">
        <v>0</v>
      </c>
      <c r="CV36" s="113">
        <v>376446</v>
      </c>
      <c r="CW36" s="116">
        <v>376446</v>
      </c>
      <c r="CX36" s="110">
        <v>0</v>
      </c>
      <c r="CY36" s="114">
        <v>0</v>
      </c>
      <c r="CZ36" s="113">
        <v>0</v>
      </c>
      <c r="DA36" s="110">
        <v>0</v>
      </c>
      <c r="DB36" s="114">
        <v>0</v>
      </c>
      <c r="DC36" s="114">
        <v>214730</v>
      </c>
      <c r="DD36" s="114">
        <v>0</v>
      </c>
      <c r="DE36" s="114">
        <v>97240</v>
      </c>
      <c r="DF36" s="114">
        <v>0</v>
      </c>
      <c r="DG36" s="113">
        <v>311970</v>
      </c>
      <c r="DH36" s="116">
        <v>311970</v>
      </c>
      <c r="DI36" s="110">
        <v>0</v>
      </c>
      <c r="DJ36" s="114">
        <v>0</v>
      </c>
      <c r="DK36" s="112">
        <v>0</v>
      </c>
      <c r="DL36" s="111">
        <v>0</v>
      </c>
      <c r="DM36" s="114">
        <v>41395</v>
      </c>
      <c r="DN36" s="114">
        <v>53168</v>
      </c>
      <c r="DO36" s="114">
        <v>0</v>
      </c>
      <c r="DP36" s="114">
        <v>7037</v>
      </c>
      <c r="DQ36" s="114">
        <v>0</v>
      </c>
      <c r="DR36" s="113">
        <v>101600</v>
      </c>
      <c r="DS36" s="116">
        <v>101600</v>
      </c>
      <c r="DT36" s="110">
        <v>0</v>
      </c>
      <c r="DU36" s="114">
        <v>0</v>
      </c>
      <c r="DV36" s="113">
        <v>0</v>
      </c>
      <c r="DW36" s="110">
        <v>0</v>
      </c>
      <c r="DX36" s="114">
        <v>41395</v>
      </c>
      <c r="DY36" s="114">
        <v>53168</v>
      </c>
      <c r="DZ36" s="114">
        <v>0</v>
      </c>
      <c r="EA36" s="114">
        <v>7037</v>
      </c>
      <c r="EB36" s="114">
        <v>0</v>
      </c>
      <c r="EC36" s="113">
        <v>101600</v>
      </c>
      <c r="ED36" s="116">
        <v>101600</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8">
        <v>0</v>
      </c>
      <c r="FE36" s="114">
        <v>0</v>
      </c>
      <c r="FF36" s="114">
        <v>0</v>
      </c>
      <c r="FG36" s="114">
        <v>0</v>
      </c>
      <c r="FH36" s="114">
        <v>0</v>
      </c>
      <c r="FI36" s="114">
        <v>0</v>
      </c>
      <c r="FJ36" s="113">
        <v>0</v>
      </c>
      <c r="FK36" s="116">
        <v>0</v>
      </c>
      <c r="FL36" s="110">
        <v>47024</v>
      </c>
      <c r="FM36" s="114">
        <v>48160</v>
      </c>
      <c r="FN36" s="113">
        <v>95184</v>
      </c>
      <c r="FO36" s="110">
        <v>0</v>
      </c>
      <c r="FP36" s="114">
        <v>10800</v>
      </c>
      <c r="FQ36" s="114">
        <v>90072</v>
      </c>
      <c r="FR36" s="114">
        <v>38000</v>
      </c>
      <c r="FS36" s="114">
        <v>23840</v>
      </c>
      <c r="FT36" s="114">
        <v>0</v>
      </c>
      <c r="FU36" s="113">
        <v>162712</v>
      </c>
      <c r="FV36" s="116">
        <v>257896</v>
      </c>
      <c r="FW36" s="115">
        <v>13424</v>
      </c>
      <c r="FX36" s="114">
        <v>2400</v>
      </c>
      <c r="FY36" s="112">
        <v>15824</v>
      </c>
      <c r="FZ36" s="111">
        <v>0</v>
      </c>
      <c r="GA36" s="114">
        <v>10800</v>
      </c>
      <c r="GB36" s="114">
        <v>70232</v>
      </c>
      <c r="GC36" s="114">
        <v>38000</v>
      </c>
      <c r="GD36" s="114">
        <v>23840</v>
      </c>
      <c r="GE36" s="114">
        <v>0</v>
      </c>
      <c r="GF36" s="113">
        <v>142872</v>
      </c>
      <c r="GG36" s="319">
        <v>158696</v>
      </c>
      <c r="GH36" s="115">
        <v>0</v>
      </c>
      <c r="GI36" s="114">
        <v>0</v>
      </c>
      <c r="GJ36" s="112">
        <v>0</v>
      </c>
      <c r="GK36" s="111">
        <v>0</v>
      </c>
      <c r="GL36" s="114">
        <v>0</v>
      </c>
      <c r="GM36" s="114">
        <v>19840</v>
      </c>
      <c r="GN36" s="114">
        <v>0</v>
      </c>
      <c r="GO36" s="114">
        <v>0</v>
      </c>
      <c r="GP36" s="114">
        <v>0</v>
      </c>
      <c r="GQ36" s="113">
        <v>19840</v>
      </c>
      <c r="GR36" s="116">
        <v>19840</v>
      </c>
      <c r="GS36" s="110">
        <v>33600</v>
      </c>
      <c r="GT36" s="114">
        <v>45760</v>
      </c>
      <c r="GU36" s="113">
        <v>79360</v>
      </c>
      <c r="GV36" s="110">
        <v>0</v>
      </c>
      <c r="GW36" s="114">
        <v>0</v>
      </c>
      <c r="GX36" s="114">
        <v>0</v>
      </c>
      <c r="GY36" s="114">
        <v>0</v>
      </c>
      <c r="GZ36" s="114">
        <v>0</v>
      </c>
      <c r="HA36" s="114">
        <v>0</v>
      </c>
      <c r="HB36" s="112">
        <v>0</v>
      </c>
      <c r="HC36" s="116">
        <v>79360</v>
      </c>
      <c r="HD36" s="110">
        <v>0</v>
      </c>
      <c r="HE36" s="114">
        <v>0</v>
      </c>
      <c r="HF36" s="112">
        <v>0</v>
      </c>
      <c r="HG36" s="111">
        <v>0</v>
      </c>
      <c r="HH36" s="114">
        <v>0</v>
      </c>
      <c r="HI36" s="114">
        <v>54296</v>
      </c>
      <c r="HJ36" s="114">
        <v>188256</v>
      </c>
      <c r="HK36" s="114">
        <v>0</v>
      </c>
      <c r="HL36" s="114">
        <v>0</v>
      </c>
      <c r="HM36" s="113">
        <v>242552</v>
      </c>
      <c r="HN36" s="109">
        <v>242552</v>
      </c>
      <c r="HO36" s="329"/>
      <c r="HP36" s="330"/>
      <c r="HQ36" s="331"/>
      <c r="HR36" s="332"/>
      <c r="HS36" s="330"/>
      <c r="HT36" s="330"/>
      <c r="HU36" s="330"/>
      <c r="HV36" s="330"/>
      <c r="HW36" s="330"/>
      <c r="HX36" s="333"/>
      <c r="HY36" s="334"/>
      <c r="HZ36" s="150">
        <v>0</v>
      </c>
      <c r="IA36" s="135">
        <v>0</v>
      </c>
      <c r="IB36" s="150">
        <v>0</v>
      </c>
      <c r="IC36" s="134">
        <v>0</v>
      </c>
      <c r="ID36" s="135">
        <v>101541</v>
      </c>
      <c r="IE36" s="136">
        <v>671494</v>
      </c>
      <c r="IF36" s="137">
        <v>123992</v>
      </c>
      <c r="IG36" s="135">
        <v>247318</v>
      </c>
      <c r="IH36" s="137">
        <v>0</v>
      </c>
      <c r="II36" s="138">
        <v>1144345</v>
      </c>
      <c r="IJ36" s="150">
        <v>1144345</v>
      </c>
      <c r="IK36" s="232">
        <v>0</v>
      </c>
      <c r="IL36" s="236">
        <v>0</v>
      </c>
      <c r="IM36" s="237">
        <v>0</v>
      </c>
      <c r="IN36" s="140"/>
      <c r="IO36" s="119">
        <v>0</v>
      </c>
      <c r="IP36" s="119">
        <v>0</v>
      </c>
      <c r="IQ36" s="119">
        <v>0</v>
      </c>
      <c r="IR36" s="119">
        <v>0</v>
      </c>
      <c r="IS36" s="119">
        <v>0</v>
      </c>
      <c r="IT36" s="141">
        <v>0</v>
      </c>
      <c r="IU36" s="321">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28326</v>
      </c>
      <c r="JL36" s="119">
        <v>0</v>
      </c>
      <c r="JM36" s="119">
        <v>0</v>
      </c>
      <c r="JN36" s="119">
        <v>0</v>
      </c>
      <c r="JO36" s="119">
        <v>0</v>
      </c>
      <c r="JP36" s="120">
        <v>28326</v>
      </c>
      <c r="JQ36" s="321">
        <v>28326</v>
      </c>
      <c r="JR36" s="142">
        <v>0</v>
      </c>
      <c r="JS36" s="119">
        <v>0</v>
      </c>
      <c r="JT36" s="141">
        <v>0</v>
      </c>
      <c r="JU36" s="118">
        <v>0</v>
      </c>
      <c r="JV36" s="119">
        <v>0</v>
      </c>
      <c r="JW36" s="119">
        <v>0</v>
      </c>
      <c r="JX36" s="119">
        <v>123992</v>
      </c>
      <c r="JY36" s="119">
        <v>0</v>
      </c>
      <c r="JZ36" s="119">
        <v>0</v>
      </c>
      <c r="KA36" s="120">
        <v>123992</v>
      </c>
      <c r="KB36" s="321">
        <v>123992</v>
      </c>
      <c r="KC36" s="234">
        <v>0</v>
      </c>
      <c r="KD36" s="230">
        <v>0</v>
      </c>
      <c r="KE36" s="120">
        <v>0</v>
      </c>
      <c r="KF36" s="118">
        <v>0</v>
      </c>
      <c r="KG36" s="119">
        <v>73215</v>
      </c>
      <c r="KH36" s="119">
        <v>179008</v>
      </c>
      <c r="KI36" s="119">
        <v>0</v>
      </c>
      <c r="KJ36" s="119">
        <v>0</v>
      </c>
      <c r="KK36" s="119">
        <v>0</v>
      </c>
      <c r="KL36" s="120">
        <v>252223</v>
      </c>
      <c r="KM36" s="143">
        <v>252223</v>
      </c>
      <c r="KN36" s="232">
        <v>0</v>
      </c>
      <c r="KO36" s="236">
        <v>0</v>
      </c>
      <c r="KP36" s="237">
        <v>0</v>
      </c>
      <c r="KQ36" s="140"/>
      <c r="KR36" s="119">
        <v>0</v>
      </c>
      <c r="KS36" s="119">
        <v>492486</v>
      </c>
      <c r="KT36" s="119">
        <v>0</v>
      </c>
      <c r="KU36" s="119">
        <v>247318</v>
      </c>
      <c r="KV36" s="119">
        <v>0</v>
      </c>
      <c r="KW36" s="120">
        <v>739804</v>
      </c>
      <c r="KX36" s="321">
        <v>739804</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1">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31120</v>
      </c>
      <c r="ML36" s="119">
        <v>251696</v>
      </c>
      <c r="MM36" s="119">
        <v>186786</v>
      </c>
      <c r="MN36" s="119">
        <v>259344</v>
      </c>
      <c r="MO36" s="120">
        <v>928946</v>
      </c>
      <c r="MP36" s="143">
        <v>928946</v>
      </c>
      <c r="MQ36" s="142">
        <v>0</v>
      </c>
      <c r="MR36" s="119">
        <v>0</v>
      </c>
      <c r="MS36" s="120">
        <v>0</v>
      </c>
      <c r="MT36" s="145"/>
      <c r="MU36" s="119">
        <v>0</v>
      </c>
      <c r="MV36" s="119">
        <v>0</v>
      </c>
      <c r="MW36" s="119">
        <v>251696</v>
      </c>
      <c r="MX36" s="119">
        <v>186786</v>
      </c>
      <c r="MY36" s="119">
        <v>0</v>
      </c>
      <c r="MZ36" s="120">
        <v>438482</v>
      </c>
      <c r="NA36" s="143">
        <v>438482</v>
      </c>
      <c r="NB36" s="142">
        <v>0</v>
      </c>
      <c r="NC36" s="119">
        <v>0</v>
      </c>
      <c r="ND36" s="120">
        <v>0</v>
      </c>
      <c r="NE36" s="145"/>
      <c r="NF36" s="119">
        <v>0</v>
      </c>
      <c r="NG36" s="119">
        <v>231120</v>
      </c>
      <c r="NH36" s="119">
        <v>0</v>
      </c>
      <c r="NI36" s="119">
        <v>0</v>
      </c>
      <c r="NJ36" s="119">
        <v>259344</v>
      </c>
      <c r="NK36" s="120">
        <v>490464</v>
      </c>
      <c r="NL36" s="321">
        <v>490464</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47024</v>
      </c>
      <c r="OJ36" s="119">
        <v>48160</v>
      </c>
      <c r="OK36" s="141">
        <v>95184</v>
      </c>
      <c r="OL36" s="118">
        <v>0</v>
      </c>
      <c r="OM36" s="119">
        <v>470033</v>
      </c>
      <c r="ON36" s="119">
        <v>1596503</v>
      </c>
      <c r="OO36" s="119">
        <v>763403</v>
      </c>
      <c r="OP36" s="119">
        <v>717290</v>
      </c>
      <c r="OQ36" s="119">
        <v>259344</v>
      </c>
      <c r="OR36" s="120">
        <v>3806573</v>
      </c>
      <c r="OS36" s="143">
        <v>3901757</v>
      </c>
    </row>
    <row r="37" spans="2:409" ht="20.25" customHeight="1" x14ac:dyDescent="0.2">
      <c r="B37" s="126" t="s">
        <v>32</v>
      </c>
      <c r="C37" s="110">
        <v>0</v>
      </c>
      <c r="D37" s="114">
        <v>118016</v>
      </c>
      <c r="E37" s="174">
        <v>118016</v>
      </c>
      <c r="F37" s="175">
        <v>0</v>
      </c>
      <c r="G37" s="176">
        <v>411835</v>
      </c>
      <c r="H37" s="176">
        <v>598862</v>
      </c>
      <c r="I37" s="176">
        <v>526887</v>
      </c>
      <c r="J37" s="176">
        <v>658232</v>
      </c>
      <c r="K37" s="176">
        <v>696986</v>
      </c>
      <c r="L37" s="177">
        <v>2892802</v>
      </c>
      <c r="M37" s="116">
        <v>3010818</v>
      </c>
      <c r="N37" s="110">
        <v>0</v>
      </c>
      <c r="O37" s="114">
        <v>18160</v>
      </c>
      <c r="P37" s="113">
        <v>18160</v>
      </c>
      <c r="Q37" s="110">
        <v>0</v>
      </c>
      <c r="R37" s="114">
        <v>73024</v>
      </c>
      <c r="S37" s="114">
        <v>305766</v>
      </c>
      <c r="T37" s="114">
        <v>135623</v>
      </c>
      <c r="U37" s="114">
        <v>228568</v>
      </c>
      <c r="V37" s="114">
        <v>343991</v>
      </c>
      <c r="W37" s="113">
        <v>1086972</v>
      </c>
      <c r="X37" s="116">
        <v>1105132</v>
      </c>
      <c r="Y37" s="110">
        <v>0</v>
      </c>
      <c r="Z37" s="114">
        <v>0</v>
      </c>
      <c r="AA37" s="113">
        <v>0</v>
      </c>
      <c r="AB37" s="110">
        <v>0</v>
      </c>
      <c r="AC37" s="114">
        <v>17856</v>
      </c>
      <c r="AD37" s="114">
        <v>156234</v>
      </c>
      <c r="AE37" s="114">
        <v>61289</v>
      </c>
      <c r="AF37" s="114">
        <v>160056</v>
      </c>
      <c r="AG37" s="114">
        <v>161408</v>
      </c>
      <c r="AH37" s="113">
        <v>556843</v>
      </c>
      <c r="AI37" s="116">
        <v>556843</v>
      </c>
      <c r="AJ37" s="110">
        <v>0</v>
      </c>
      <c r="AK37" s="114">
        <v>0</v>
      </c>
      <c r="AL37" s="113">
        <v>0</v>
      </c>
      <c r="AM37" s="110">
        <v>0</v>
      </c>
      <c r="AN37" s="114">
        <v>0</v>
      </c>
      <c r="AO37" s="114">
        <v>24332</v>
      </c>
      <c r="AP37" s="114">
        <v>0</v>
      </c>
      <c r="AQ37" s="114">
        <v>0</v>
      </c>
      <c r="AR37" s="114">
        <v>182583</v>
      </c>
      <c r="AS37" s="113">
        <v>206915</v>
      </c>
      <c r="AT37" s="116">
        <v>206915</v>
      </c>
      <c r="AU37" s="110">
        <v>0</v>
      </c>
      <c r="AV37" s="114">
        <v>18160</v>
      </c>
      <c r="AW37" s="113">
        <v>18160</v>
      </c>
      <c r="AX37" s="110">
        <v>0</v>
      </c>
      <c r="AY37" s="114">
        <v>55168</v>
      </c>
      <c r="AZ37" s="114">
        <v>78608</v>
      </c>
      <c r="BA37" s="114">
        <v>41070</v>
      </c>
      <c r="BB37" s="114">
        <v>19136</v>
      </c>
      <c r="BC37" s="114">
        <v>0</v>
      </c>
      <c r="BD37" s="113">
        <v>193982</v>
      </c>
      <c r="BE37" s="116">
        <v>212142</v>
      </c>
      <c r="BF37" s="110">
        <v>0</v>
      </c>
      <c r="BG37" s="114">
        <v>0</v>
      </c>
      <c r="BH37" s="112">
        <v>0</v>
      </c>
      <c r="BI37" s="111">
        <v>0</v>
      </c>
      <c r="BJ37" s="114">
        <v>0</v>
      </c>
      <c r="BK37" s="114">
        <v>36992</v>
      </c>
      <c r="BL37" s="114">
        <v>0</v>
      </c>
      <c r="BM37" s="114">
        <v>0</v>
      </c>
      <c r="BN37" s="114">
        <v>0</v>
      </c>
      <c r="BO37" s="113">
        <v>36992</v>
      </c>
      <c r="BP37" s="116">
        <v>36992</v>
      </c>
      <c r="BQ37" s="110">
        <v>0</v>
      </c>
      <c r="BR37" s="114">
        <v>0</v>
      </c>
      <c r="BS37" s="113">
        <v>0</v>
      </c>
      <c r="BT37" s="110">
        <v>0</v>
      </c>
      <c r="BU37" s="114">
        <v>0</v>
      </c>
      <c r="BV37" s="114">
        <v>9600</v>
      </c>
      <c r="BW37" s="114">
        <v>33264</v>
      </c>
      <c r="BX37" s="114">
        <v>49376</v>
      </c>
      <c r="BY37" s="114">
        <v>0</v>
      </c>
      <c r="BZ37" s="113">
        <v>92240</v>
      </c>
      <c r="CA37" s="116">
        <v>92240</v>
      </c>
      <c r="CB37" s="110">
        <v>0</v>
      </c>
      <c r="CC37" s="114">
        <v>0</v>
      </c>
      <c r="CD37" s="113">
        <v>0</v>
      </c>
      <c r="CE37" s="110">
        <v>0</v>
      </c>
      <c r="CF37" s="114">
        <v>289843</v>
      </c>
      <c r="CG37" s="114">
        <v>40464</v>
      </c>
      <c r="CH37" s="114">
        <v>112520</v>
      </c>
      <c r="CI37" s="114">
        <v>0</v>
      </c>
      <c r="CJ37" s="114">
        <v>229466</v>
      </c>
      <c r="CK37" s="113">
        <v>672293</v>
      </c>
      <c r="CL37" s="116">
        <v>672293</v>
      </c>
      <c r="CM37" s="110">
        <v>0</v>
      </c>
      <c r="CN37" s="114">
        <v>0</v>
      </c>
      <c r="CO37" s="113">
        <v>0</v>
      </c>
      <c r="CP37" s="111">
        <v>0</v>
      </c>
      <c r="CQ37" s="114">
        <v>174888</v>
      </c>
      <c r="CR37" s="114">
        <v>40464</v>
      </c>
      <c r="CS37" s="114">
        <v>112520</v>
      </c>
      <c r="CT37" s="114">
        <v>0</v>
      </c>
      <c r="CU37" s="114">
        <v>75682</v>
      </c>
      <c r="CV37" s="113">
        <v>403554</v>
      </c>
      <c r="CW37" s="116">
        <v>403554</v>
      </c>
      <c r="CX37" s="110">
        <v>0</v>
      </c>
      <c r="CY37" s="114">
        <v>0</v>
      </c>
      <c r="CZ37" s="113">
        <v>0</v>
      </c>
      <c r="DA37" s="110">
        <v>0</v>
      </c>
      <c r="DB37" s="114">
        <v>114955</v>
      </c>
      <c r="DC37" s="114">
        <v>0</v>
      </c>
      <c r="DD37" s="114">
        <v>0</v>
      </c>
      <c r="DE37" s="114">
        <v>0</v>
      </c>
      <c r="DF37" s="114">
        <v>153784</v>
      </c>
      <c r="DG37" s="113">
        <v>268739</v>
      </c>
      <c r="DH37" s="116">
        <v>268739</v>
      </c>
      <c r="DI37" s="110">
        <v>0</v>
      </c>
      <c r="DJ37" s="114">
        <v>0</v>
      </c>
      <c r="DK37" s="112">
        <v>0</v>
      </c>
      <c r="DL37" s="111">
        <v>0</v>
      </c>
      <c r="DM37" s="114">
        <v>14408</v>
      </c>
      <c r="DN37" s="114">
        <v>0</v>
      </c>
      <c r="DO37" s="114">
        <v>40064</v>
      </c>
      <c r="DP37" s="114">
        <v>0</v>
      </c>
      <c r="DQ37" s="114">
        <v>48169</v>
      </c>
      <c r="DR37" s="113">
        <v>102641</v>
      </c>
      <c r="DS37" s="116">
        <v>102641</v>
      </c>
      <c r="DT37" s="110">
        <v>0</v>
      </c>
      <c r="DU37" s="114">
        <v>0</v>
      </c>
      <c r="DV37" s="113">
        <v>0</v>
      </c>
      <c r="DW37" s="110">
        <v>0</v>
      </c>
      <c r="DX37" s="114">
        <v>14408</v>
      </c>
      <c r="DY37" s="114">
        <v>0</v>
      </c>
      <c r="DZ37" s="114">
        <v>40064</v>
      </c>
      <c r="EA37" s="114">
        <v>0</v>
      </c>
      <c r="EB37" s="114">
        <v>0</v>
      </c>
      <c r="EC37" s="113">
        <v>54472</v>
      </c>
      <c r="ED37" s="116">
        <v>54472</v>
      </c>
      <c r="EE37" s="110">
        <v>0</v>
      </c>
      <c r="EF37" s="112">
        <v>0</v>
      </c>
      <c r="EG37" s="113">
        <v>0</v>
      </c>
      <c r="EH37" s="110">
        <v>0</v>
      </c>
      <c r="EI37" s="114">
        <v>0</v>
      </c>
      <c r="EJ37" s="114">
        <v>0</v>
      </c>
      <c r="EK37" s="114">
        <v>0</v>
      </c>
      <c r="EL37" s="114">
        <v>0</v>
      </c>
      <c r="EM37" s="114">
        <v>48169</v>
      </c>
      <c r="EN37" s="112">
        <v>48169</v>
      </c>
      <c r="EO37" s="116">
        <v>48169</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8">
        <v>0</v>
      </c>
      <c r="FE37" s="114">
        <v>0</v>
      </c>
      <c r="FF37" s="114">
        <v>0</v>
      </c>
      <c r="FG37" s="114">
        <v>0</v>
      </c>
      <c r="FH37" s="114">
        <v>0</v>
      </c>
      <c r="FI37" s="114">
        <v>0</v>
      </c>
      <c r="FJ37" s="113">
        <v>0</v>
      </c>
      <c r="FK37" s="116">
        <v>0</v>
      </c>
      <c r="FL37" s="110">
        <v>0</v>
      </c>
      <c r="FM37" s="114">
        <v>12800</v>
      </c>
      <c r="FN37" s="113">
        <v>12800</v>
      </c>
      <c r="FO37" s="110">
        <v>0</v>
      </c>
      <c r="FP37" s="114">
        <v>34560</v>
      </c>
      <c r="FQ37" s="114">
        <v>83712</v>
      </c>
      <c r="FR37" s="114">
        <v>50768</v>
      </c>
      <c r="FS37" s="114">
        <v>20144</v>
      </c>
      <c r="FT37" s="114">
        <v>75360</v>
      </c>
      <c r="FU37" s="113">
        <v>264544</v>
      </c>
      <c r="FV37" s="116">
        <v>277344</v>
      </c>
      <c r="FW37" s="115">
        <v>0</v>
      </c>
      <c r="FX37" s="114">
        <v>12800</v>
      </c>
      <c r="FY37" s="112">
        <v>12800</v>
      </c>
      <c r="FZ37" s="111">
        <v>0</v>
      </c>
      <c r="GA37" s="114">
        <v>13760</v>
      </c>
      <c r="GB37" s="114">
        <v>83712</v>
      </c>
      <c r="GC37" s="114">
        <v>50768</v>
      </c>
      <c r="GD37" s="114">
        <v>20144</v>
      </c>
      <c r="GE37" s="114">
        <v>75360</v>
      </c>
      <c r="GF37" s="113">
        <v>243744</v>
      </c>
      <c r="GG37" s="319">
        <v>256544</v>
      </c>
      <c r="GH37" s="115">
        <v>0</v>
      </c>
      <c r="GI37" s="114">
        <v>0</v>
      </c>
      <c r="GJ37" s="112">
        <v>0</v>
      </c>
      <c r="GK37" s="111">
        <v>0</v>
      </c>
      <c r="GL37" s="114">
        <v>20800</v>
      </c>
      <c r="GM37" s="114">
        <v>0</v>
      </c>
      <c r="GN37" s="114">
        <v>0</v>
      </c>
      <c r="GO37" s="114">
        <v>0</v>
      </c>
      <c r="GP37" s="114">
        <v>0</v>
      </c>
      <c r="GQ37" s="113">
        <v>20800</v>
      </c>
      <c r="GR37" s="116">
        <v>20800</v>
      </c>
      <c r="GS37" s="110">
        <v>0</v>
      </c>
      <c r="GT37" s="114">
        <v>0</v>
      </c>
      <c r="GU37" s="113">
        <v>0</v>
      </c>
      <c r="GV37" s="110">
        <v>0</v>
      </c>
      <c r="GW37" s="114">
        <v>0</v>
      </c>
      <c r="GX37" s="114">
        <v>0</v>
      </c>
      <c r="GY37" s="114">
        <v>0</v>
      </c>
      <c r="GZ37" s="114">
        <v>0</v>
      </c>
      <c r="HA37" s="114">
        <v>0</v>
      </c>
      <c r="HB37" s="112">
        <v>0</v>
      </c>
      <c r="HC37" s="116">
        <v>0</v>
      </c>
      <c r="HD37" s="110">
        <v>0</v>
      </c>
      <c r="HE37" s="114">
        <v>87056</v>
      </c>
      <c r="HF37" s="112">
        <v>87056</v>
      </c>
      <c r="HG37" s="111">
        <v>0</v>
      </c>
      <c r="HH37" s="114">
        <v>0</v>
      </c>
      <c r="HI37" s="114">
        <v>168920</v>
      </c>
      <c r="HJ37" s="114">
        <v>187912</v>
      </c>
      <c r="HK37" s="114">
        <v>409520</v>
      </c>
      <c r="HL37" s="114">
        <v>0</v>
      </c>
      <c r="HM37" s="113">
        <v>766352</v>
      </c>
      <c r="HN37" s="109">
        <v>853408</v>
      </c>
      <c r="HO37" s="329"/>
      <c r="HP37" s="330"/>
      <c r="HQ37" s="331"/>
      <c r="HR37" s="332"/>
      <c r="HS37" s="330"/>
      <c r="HT37" s="330"/>
      <c r="HU37" s="330"/>
      <c r="HV37" s="330"/>
      <c r="HW37" s="330"/>
      <c r="HX37" s="333"/>
      <c r="HY37" s="334"/>
      <c r="HZ37" s="131">
        <v>0</v>
      </c>
      <c r="IA37" s="132">
        <v>0</v>
      </c>
      <c r="IB37" s="133">
        <v>0</v>
      </c>
      <c r="IC37" s="146">
        <v>0</v>
      </c>
      <c r="ID37" s="132">
        <v>66975</v>
      </c>
      <c r="IE37" s="147">
        <v>68720</v>
      </c>
      <c r="IF37" s="133">
        <v>763656</v>
      </c>
      <c r="IG37" s="132">
        <v>119024</v>
      </c>
      <c r="IH37" s="133">
        <v>31600</v>
      </c>
      <c r="II37" s="148">
        <v>1049975</v>
      </c>
      <c r="IJ37" s="139">
        <v>1049975</v>
      </c>
      <c r="IK37" s="232">
        <v>0</v>
      </c>
      <c r="IL37" s="236">
        <v>0</v>
      </c>
      <c r="IM37" s="237">
        <v>0</v>
      </c>
      <c r="IN37" s="140"/>
      <c r="IO37" s="119">
        <v>0</v>
      </c>
      <c r="IP37" s="119">
        <v>0</v>
      </c>
      <c r="IQ37" s="119">
        <v>0</v>
      </c>
      <c r="IR37" s="119">
        <v>0</v>
      </c>
      <c r="IS37" s="119">
        <v>0</v>
      </c>
      <c r="IT37" s="141">
        <v>0</v>
      </c>
      <c r="IU37" s="321">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66975</v>
      </c>
      <c r="JL37" s="119">
        <v>68720</v>
      </c>
      <c r="JM37" s="119">
        <v>82808</v>
      </c>
      <c r="JN37" s="119">
        <v>0</v>
      </c>
      <c r="JO37" s="119">
        <v>31600</v>
      </c>
      <c r="JP37" s="120">
        <v>250103</v>
      </c>
      <c r="JQ37" s="321">
        <v>250103</v>
      </c>
      <c r="JR37" s="142">
        <v>0</v>
      </c>
      <c r="JS37" s="119">
        <v>0</v>
      </c>
      <c r="JT37" s="141">
        <v>0</v>
      </c>
      <c r="JU37" s="118">
        <v>0</v>
      </c>
      <c r="JV37" s="119">
        <v>0</v>
      </c>
      <c r="JW37" s="119">
        <v>0</v>
      </c>
      <c r="JX37" s="119">
        <v>0</v>
      </c>
      <c r="JY37" s="119">
        <v>119024</v>
      </c>
      <c r="JZ37" s="119">
        <v>0</v>
      </c>
      <c r="KA37" s="120">
        <v>119024</v>
      </c>
      <c r="KB37" s="321">
        <v>119024</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481168</v>
      </c>
      <c r="KU37" s="119">
        <v>0</v>
      </c>
      <c r="KV37" s="119">
        <v>0</v>
      </c>
      <c r="KW37" s="120">
        <v>481168</v>
      </c>
      <c r="KX37" s="321">
        <v>481168</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0</v>
      </c>
      <c r="LP37" s="119">
        <v>199680</v>
      </c>
      <c r="LQ37" s="119">
        <v>0</v>
      </c>
      <c r="LR37" s="119">
        <v>0</v>
      </c>
      <c r="LS37" s="120">
        <v>199680</v>
      </c>
      <c r="LT37" s="321">
        <v>199680</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229592</v>
      </c>
      <c r="MK37" s="119">
        <v>0</v>
      </c>
      <c r="ML37" s="119">
        <v>269300</v>
      </c>
      <c r="MM37" s="119">
        <v>511998</v>
      </c>
      <c r="MN37" s="119">
        <v>588981</v>
      </c>
      <c r="MO37" s="120">
        <v>1599871</v>
      </c>
      <c r="MP37" s="143">
        <v>1599871</v>
      </c>
      <c r="MQ37" s="142">
        <v>0</v>
      </c>
      <c r="MR37" s="119">
        <v>0</v>
      </c>
      <c r="MS37" s="120">
        <v>0</v>
      </c>
      <c r="MT37" s="145"/>
      <c r="MU37" s="119">
        <v>0</v>
      </c>
      <c r="MV37" s="119">
        <v>0</v>
      </c>
      <c r="MW37" s="119">
        <v>0</v>
      </c>
      <c r="MX37" s="119">
        <v>511998</v>
      </c>
      <c r="MY37" s="119">
        <v>277488</v>
      </c>
      <c r="MZ37" s="120">
        <v>789486</v>
      </c>
      <c r="NA37" s="143">
        <v>789486</v>
      </c>
      <c r="NB37" s="142">
        <v>0</v>
      </c>
      <c r="NC37" s="119">
        <v>0</v>
      </c>
      <c r="ND37" s="120">
        <v>0</v>
      </c>
      <c r="NE37" s="145"/>
      <c r="NF37" s="119">
        <v>229592</v>
      </c>
      <c r="NG37" s="119">
        <v>0</v>
      </c>
      <c r="NH37" s="119">
        <v>269300</v>
      </c>
      <c r="NI37" s="119">
        <v>0</v>
      </c>
      <c r="NJ37" s="119">
        <v>311493</v>
      </c>
      <c r="NK37" s="120">
        <v>810385</v>
      </c>
      <c r="NL37" s="321">
        <v>810385</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118016</v>
      </c>
      <c r="OK37" s="141">
        <v>118016</v>
      </c>
      <c r="OL37" s="118">
        <v>0</v>
      </c>
      <c r="OM37" s="119">
        <v>708402</v>
      </c>
      <c r="ON37" s="119">
        <v>667582</v>
      </c>
      <c r="OO37" s="119">
        <v>1559843</v>
      </c>
      <c r="OP37" s="119">
        <v>1289254</v>
      </c>
      <c r="OQ37" s="119">
        <v>1317567</v>
      </c>
      <c r="OR37" s="120">
        <v>5542648</v>
      </c>
      <c r="OS37" s="143">
        <v>5660664</v>
      </c>
    </row>
    <row r="38" spans="2:409" ht="20.25" customHeight="1" x14ac:dyDescent="0.2">
      <c r="B38" s="126" t="s">
        <v>33</v>
      </c>
      <c r="C38" s="110">
        <v>106114</v>
      </c>
      <c r="D38" s="114">
        <v>55429</v>
      </c>
      <c r="E38" s="113">
        <v>161543</v>
      </c>
      <c r="F38" s="109">
        <v>0</v>
      </c>
      <c r="G38" s="114">
        <v>171900</v>
      </c>
      <c r="H38" s="114">
        <v>55897</v>
      </c>
      <c r="I38" s="114">
        <v>28208</v>
      </c>
      <c r="J38" s="114">
        <v>0</v>
      </c>
      <c r="K38" s="114">
        <v>0</v>
      </c>
      <c r="L38" s="173">
        <v>256005</v>
      </c>
      <c r="M38" s="116">
        <v>417548</v>
      </c>
      <c r="N38" s="110">
        <v>62580</v>
      </c>
      <c r="O38" s="114">
        <v>55429</v>
      </c>
      <c r="P38" s="113">
        <v>118009</v>
      </c>
      <c r="Q38" s="110">
        <v>0</v>
      </c>
      <c r="R38" s="114">
        <v>91469</v>
      </c>
      <c r="S38" s="114">
        <v>0</v>
      </c>
      <c r="T38" s="114">
        <v>4576</v>
      </c>
      <c r="U38" s="114">
        <v>0</v>
      </c>
      <c r="V38" s="114">
        <v>0</v>
      </c>
      <c r="W38" s="113">
        <v>96045</v>
      </c>
      <c r="X38" s="116">
        <v>214054</v>
      </c>
      <c r="Y38" s="110">
        <v>0</v>
      </c>
      <c r="Z38" s="114">
        <v>0</v>
      </c>
      <c r="AA38" s="113">
        <v>0</v>
      </c>
      <c r="AB38" s="110">
        <v>0</v>
      </c>
      <c r="AC38" s="114">
        <v>17732</v>
      </c>
      <c r="AD38" s="114">
        <v>0</v>
      </c>
      <c r="AE38" s="114">
        <v>0</v>
      </c>
      <c r="AF38" s="114">
        <v>0</v>
      </c>
      <c r="AG38" s="114">
        <v>0</v>
      </c>
      <c r="AH38" s="113">
        <v>17732</v>
      </c>
      <c r="AI38" s="116">
        <v>17732</v>
      </c>
      <c r="AJ38" s="110">
        <v>0</v>
      </c>
      <c r="AK38" s="114">
        <v>0</v>
      </c>
      <c r="AL38" s="113">
        <v>0</v>
      </c>
      <c r="AM38" s="110">
        <v>0</v>
      </c>
      <c r="AN38" s="114">
        <v>0</v>
      </c>
      <c r="AO38" s="114">
        <v>0</v>
      </c>
      <c r="AP38" s="114">
        <v>0</v>
      </c>
      <c r="AQ38" s="114">
        <v>0</v>
      </c>
      <c r="AR38" s="114">
        <v>0</v>
      </c>
      <c r="AS38" s="113">
        <v>0</v>
      </c>
      <c r="AT38" s="116">
        <v>0</v>
      </c>
      <c r="AU38" s="110">
        <v>0</v>
      </c>
      <c r="AV38" s="114">
        <v>0</v>
      </c>
      <c r="AW38" s="113">
        <v>0</v>
      </c>
      <c r="AX38" s="110">
        <v>0</v>
      </c>
      <c r="AY38" s="114">
        <v>60697</v>
      </c>
      <c r="AZ38" s="114">
        <v>0</v>
      </c>
      <c r="BA38" s="114">
        <v>0</v>
      </c>
      <c r="BB38" s="114">
        <v>0</v>
      </c>
      <c r="BC38" s="114">
        <v>0</v>
      </c>
      <c r="BD38" s="113">
        <v>60697</v>
      </c>
      <c r="BE38" s="116">
        <v>60697</v>
      </c>
      <c r="BF38" s="110">
        <v>62580</v>
      </c>
      <c r="BG38" s="114">
        <v>55429</v>
      </c>
      <c r="BH38" s="112">
        <v>118009</v>
      </c>
      <c r="BI38" s="111">
        <v>0</v>
      </c>
      <c r="BJ38" s="114">
        <v>0</v>
      </c>
      <c r="BK38" s="114">
        <v>0</v>
      </c>
      <c r="BL38" s="114">
        <v>0</v>
      </c>
      <c r="BM38" s="114">
        <v>0</v>
      </c>
      <c r="BN38" s="114">
        <v>0</v>
      </c>
      <c r="BO38" s="113">
        <v>0</v>
      </c>
      <c r="BP38" s="116">
        <v>118009</v>
      </c>
      <c r="BQ38" s="110">
        <v>0</v>
      </c>
      <c r="BR38" s="114">
        <v>0</v>
      </c>
      <c r="BS38" s="113">
        <v>0</v>
      </c>
      <c r="BT38" s="110">
        <v>0</v>
      </c>
      <c r="BU38" s="114">
        <v>13040</v>
      </c>
      <c r="BV38" s="114">
        <v>0</v>
      </c>
      <c r="BW38" s="114">
        <v>4576</v>
      </c>
      <c r="BX38" s="114">
        <v>0</v>
      </c>
      <c r="BY38" s="114">
        <v>0</v>
      </c>
      <c r="BZ38" s="113">
        <v>17616</v>
      </c>
      <c r="CA38" s="116">
        <v>17616</v>
      </c>
      <c r="CB38" s="110">
        <v>41134</v>
      </c>
      <c r="CC38" s="114">
        <v>0</v>
      </c>
      <c r="CD38" s="113">
        <v>41134</v>
      </c>
      <c r="CE38" s="110">
        <v>0</v>
      </c>
      <c r="CF38" s="114">
        <v>43631</v>
      </c>
      <c r="CG38" s="114">
        <v>55897</v>
      </c>
      <c r="CH38" s="114">
        <v>0</v>
      </c>
      <c r="CI38" s="114">
        <v>0</v>
      </c>
      <c r="CJ38" s="114">
        <v>0</v>
      </c>
      <c r="CK38" s="113">
        <v>99528</v>
      </c>
      <c r="CL38" s="116">
        <v>140662</v>
      </c>
      <c r="CM38" s="110">
        <v>0</v>
      </c>
      <c r="CN38" s="114">
        <v>0</v>
      </c>
      <c r="CO38" s="113">
        <v>0</v>
      </c>
      <c r="CP38" s="111">
        <v>0</v>
      </c>
      <c r="CQ38" s="114">
        <v>25155</v>
      </c>
      <c r="CR38" s="114">
        <v>0</v>
      </c>
      <c r="CS38" s="114">
        <v>0</v>
      </c>
      <c r="CT38" s="114">
        <v>0</v>
      </c>
      <c r="CU38" s="114">
        <v>0</v>
      </c>
      <c r="CV38" s="113">
        <v>25155</v>
      </c>
      <c r="CW38" s="116">
        <v>25155</v>
      </c>
      <c r="CX38" s="110">
        <v>41134</v>
      </c>
      <c r="CY38" s="114">
        <v>0</v>
      </c>
      <c r="CZ38" s="113">
        <v>41134</v>
      </c>
      <c r="DA38" s="110">
        <v>0</v>
      </c>
      <c r="DB38" s="114">
        <v>18476</v>
      </c>
      <c r="DC38" s="114">
        <v>55897</v>
      </c>
      <c r="DD38" s="114">
        <v>0</v>
      </c>
      <c r="DE38" s="114">
        <v>0</v>
      </c>
      <c r="DF38" s="114">
        <v>0</v>
      </c>
      <c r="DG38" s="113">
        <v>74373</v>
      </c>
      <c r="DH38" s="116">
        <v>115507</v>
      </c>
      <c r="DI38" s="110">
        <v>0</v>
      </c>
      <c r="DJ38" s="114">
        <v>0</v>
      </c>
      <c r="DK38" s="112">
        <v>0</v>
      </c>
      <c r="DL38" s="111">
        <v>0</v>
      </c>
      <c r="DM38" s="114">
        <v>0</v>
      </c>
      <c r="DN38" s="114">
        <v>0</v>
      </c>
      <c r="DO38" s="114">
        <v>0</v>
      </c>
      <c r="DP38" s="114">
        <v>0</v>
      </c>
      <c r="DQ38" s="114">
        <v>0</v>
      </c>
      <c r="DR38" s="113">
        <v>0</v>
      </c>
      <c r="DS38" s="116">
        <v>0</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8">
        <v>0</v>
      </c>
      <c r="FE38" s="114">
        <v>0</v>
      </c>
      <c r="FF38" s="114">
        <v>0</v>
      </c>
      <c r="FG38" s="114">
        <v>0</v>
      </c>
      <c r="FH38" s="114">
        <v>0</v>
      </c>
      <c r="FI38" s="114">
        <v>0</v>
      </c>
      <c r="FJ38" s="113">
        <v>0</v>
      </c>
      <c r="FK38" s="116">
        <v>0</v>
      </c>
      <c r="FL38" s="110">
        <v>2400</v>
      </c>
      <c r="FM38" s="114">
        <v>0</v>
      </c>
      <c r="FN38" s="113">
        <v>2400</v>
      </c>
      <c r="FO38" s="110">
        <v>0</v>
      </c>
      <c r="FP38" s="114">
        <v>36800</v>
      </c>
      <c r="FQ38" s="114">
        <v>0</v>
      </c>
      <c r="FR38" s="114">
        <v>23632</v>
      </c>
      <c r="FS38" s="114">
        <v>0</v>
      </c>
      <c r="FT38" s="114">
        <v>0</v>
      </c>
      <c r="FU38" s="113">
        <v>60432</v>
      </c>
      <c r="FV38" s="116">
        <v>62832</v>
      </c>
      <c r="FW38" s="115">
        <v>2400</v>
      </c>
      <c r="FX38" s="114">
        <v>0</v>
      </c>
      <c r="FY38" s="112">
        <v>2400</v>
      </c>
      <c r="FZ38" s="111">
        <v>0</v>
      </c>
      <c r="GA38" s="114">
        <v>36800</v>
      </c>
      <c r="GB38" s="114">
        <v>0</v>
      </c>
      <c r="GC38" s="114">
        <v>23632</v>
      </c>
      <c r="GD38" s="114">
        <v>0</v>
      </c>
      <c r="GE38" s="114">
        <v>0</v>
      </c>
      <c r="GF38" s="113">
        <v>60432</v>
      </c>
      <c r="GG38" s="319">
        <v>62832</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0</v>
      </c>
      <c r="HJ38" s="114">
        <v>0</v>
      </c>
      <c r="HK38" s="114">
        <v>0</v>
      </c>
      <c r="HL38" s="114">
        <v>0</v>
      </c>
      <c r="HM38" s="113">
        <v>0</v>
      </c>
      <c r="HN38" s="109">
        <v>0</v>
      </c>
      <c r="HO38" s="329"/>
      <c r="HP38" s="330"/>
      <c r="HQ38" s="331"/>
      <c r="HR38" s="332"/>
      <c r="HS38" s="330"/>
      <c r="HT38" s="330"/>
      <c r="HU38" s="330"/>
      <c r="HV38" s="330"/>
      <c r="HW38" s="330"/>
      <c r="HX38" s="333"/>
      <c r="HY38" s="334"/>
      <c r="HZ38" s="150">
        <v>0</v>
      </c>
      <c r="IA38" s="135">
        <v>0</v>
      </c>
      <c r="IB38" s="150">
        <v>0</v>
      </c>
      <c r="IC38" s="146">
        <v>0</v>
      </c>
      <c r="ID38" s="132">
        <v>176705</v>
      </c>
      <c r="IE38" s="147">
        <v>0</v>
      </c>
      <c r="IF38" s="133">
        <v>474643</v>
      </c>
      <c r="IG38" s="132">
        <v>0</v>
      </c>
      <c r="IH38" s="133">
        <v>0</v>
      </c>
      <c r="II38" s="148">
        <v>651348</v>
      </c>
      <c r="IJ38" s="150">
        <v>651348</v>
      </c>
      <c r="IK38" s="232">
        <v>0</v>
      </c>
      <c r="IL38" s="236">
        <v>0</v>
      </c>
      <c r="IM38" s="237">
        <v>0</v>
      </c>
      <c r="IN38" s="140"/>
      <c r="IO38" s="119">
        <v>0</v>
      </c>
      <c r="IP38" s="119">
        <v>0</v>
      </c>
      <c r="IQ38" s="119">
        <v>0</v>
      </c>
      <c r="IR38" s="119">
        <v>0</v>
      </c>
      <c r="IS38" s="119">
        <v>0</v>
      </c>
      <c r="IT38" s="141">
        <v>0</v>
      </c>
      <c r="IU38" s="321">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29656</v>
      </c>
      <c r="JL38" s="119">
        <v>0</v>
      </c>
      <c r="JM38" s="119">
        <v>0</v>
      </c>
      <c r="JN38" s="119">
        <v>0</v>
      </c>
      <c r="JO38" s="119">
        <v>0</v>
      </c>
      <c r="JP38" s="120">
        <v>29656</v>
      </c>
      <c r="JQ38" s="321">
        <v>29656</v>
      </c>
      <c r="JR38" s="142">
        <v>0</v>
      </c>
      <c r="JS38" s="119">
        <v>0</v>
      </c>
      <c r="JT38" s="141">
        <v>0</v>
      </c>
      <c r="JU38" s="118">
        <v>0</v>
      </c>
      <c r="JV38" s="119">
        <v>0</v>
      </c>
      <c r="JW38" s="119">
        <v>0</v>
      </c>
      <c r="JX38" s="119">
        <v>0</v>
      </c>
      <c r="JY38" s="119">
        <v>0</v>
      </c>
      <c r="JZ38" s="119">
        <v>0</v>
      </c>
      <c r="KA38" s="120">
        <v>0</v>
      </c>
      <c r="KB38" s="321">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242670</v>
      </c>
      <c r="KU38" s="119">
        <v>0</v>
      </c>
      <c r="KV38" s="119">
        <v>0</v>
      </c>
      <c r="KW38" s="120">
        <v>242670</v>
      </c>
      <c r="KX38" s="321">
        <v>24267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1">
        <v>0</v>
      </c>
      <c r="LU38" s="142">
        <v>0</v>
      </c>
      <c r="LV38" s="119">
        <v>0</v>
      </c>
      <c r="LW38" s="120">
        <v>0</v>
      </c>
      <c r="LX38" s="145"/>
      <c r="LY38" s="119">
        <v>147049</v>
      </c>
      <c r="LZ38" s="119">
        <v>0</v>
      </c>
      <c r="MA38" s="119">
        <v>231973</v>
      </c>
      <c r="MB38" s="119">
        <v>0</v>
      </c>
      <c r="MC38" s="119">
        <v>0</v>
      </c>
      <c r="MD38" s="120">
        <v>379022</v>
      </c>
      <c r="ME38" s="121">
        <v>379022</v>
      </c>
      <c r="MF38" s="142">
        <v>0</v>
      </c>
      <c r="MG38" s="119">
        <v>0</v>
      </c>
      <c r="MH38" s="120">
        <v>0</v>
      </c>
      <c r="MI38" s="145"/>
      <c r="MJ38" s="119">
        <v>0</v>
      </c>
      <c r="MK38" s="119">
        <v>0</v>
      </c>
      <c r="ML38" s="119">
        <v>313556</v>
      </c>
      <c r="MM38" s="119">
        <v>332199</v>
      </c>
      <c r="MN38" s="119">
        <v>325455</v>
      </c>
      <c r="MO38" s="120">
        <v>971210</v>
      </c>
      <c r="MP38" s="143">
        <v>971210</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244755</v>
      </c>
      <c r="NK38" s="120">
        <v>244755</v>
      </c>
      <c r="NL38" s="321">
        <v>244755</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0</v>
      </c>
      <c r="OD38" s="119">
        <v>313556</v>
      </c>
      <c r="OE38" s="119">
        <v>332199</v>
      </c>
      <c r="OF38" s="119">
        <v>80700</v>
      </c>
      <c r="OG38" s="120">
        <v>726455</v>
      </c>
      <c r="OH38" s="121">
        <v>726455</v>
      </c>
      <c r="OI38" s="142">
        <v>106114</v>
      </c>
      <c r="OJ38" s="119">
        <v>55429</v>
      </c>
      <c r="OK38" s="141">
        <v>161543</v>
      </c>
      <c r="OL38" s="118">
        <v>0</v>
      </c>
      <c r="OM38" s="119">
        <v>348605</v>
      </c>
      <c r="ON38" s="119">
        <v>55897</v>
      </c>
      <c r="OO38" s="119">
        <v>816407</v>
      </c>
      <c r="OP38" s="119">
        <v>332199</v>
      </c>
      <c r="OQ38" s="119">
        <v>325455</v>
      </c>
      <c r="OR38" s="120">
        <v>1878563</v>
      </c>
      <c r="OS38" s="143">
        <v>2040106</v>
      </c>
    </row>
    <row r="39" spans="2:409" ht="20.25" customHeight="1" x14ac:dyDescent="0.2">
      <c r="B39" s="126" t="s">
        <v>34</v>
      </c>
      <c r="C39" s="110">
        <v>0</v>
      </c>
      <c r="D39" s="114">
        <v>16944</v>
      </c>
      <c r="E39" s="174">
        <v>16944</v>
      </c>
      <c r="F39" s="175">
        <v>0</v>
      </c>
      <c r="G39" s="176">
        <v>387259</v>
      </c>
      <c r="H39" s="176">
        <v>134776</v>
      </c>
      <c r="I39" s="176">
        <v>284096</v>
      </c>
      <c r="J39" s="176">
        <v>0</v>
      </c>
      <c r="K39" s="176">
        <v>242160</v>
      </c>
      <c r="L39" s="177">
        <v>1048291</v>
      </c>
      <c r="M39" s="116">
        <v>1065235</v>
      </c>
      <c r="N39" s="110">
        <v>0</v>
      </c>
      <c r="O39" s="114">
        <v>16944</v>
      </c>
      <c r="P39" s="113">
        <v>16944</v>
      </c>
      <c r="Q39" s="110">
        <v>0</v>
      </c>
      <c r="R39" s="114">
        <v>56200</v>
      </c>
      <c r="S39" s="114">
        <v>69896</v>
      </c>
      <c r="T39" s="114">
        <v>30200</v>
      </c>
      <c r="U39" s="114">
        <v>0</v>
      </c>
      <c r="V39" s="114">
        <v>4144</v>
      </c>
      <c r="W39" s="113">
        <v>160440</v>
      </c>
      <c r="X39" s="116">
        <v>177384</v>
      </c>
      <c r="Y39" s="110">
        <v>0</v>
      </c>
      <c r="Z39" s="114">
        <v>0</v>
      </c>
      <c r="AA39" s="113">
        <v>0</v>
      </c>
      <c r="AB39" s="110">
        <v>0</v>
      </c>
      <c r="AC39" s="114">
        <v>20256</v>
      </c>
      <c r="AD39" s="114">
        <v>0</v>
      </c>
      <c r="AE39" s="114">
        <v>0</v>
      </c>
      <c r="AF39" s="114">
        <v>0</v>
      </c>
      <c r="AG39" s="114">
        <v>0</v>
      </c>
      <c r="AH39" s="113">
        <v>20256</v>
      </c>
      <c r="AI39" s="116">
        <v>20256</v>
      </c>
      <c r="AJ39" s="110">
        <v>0</v>
      </c>
      <c r="AK39" s="114">
        <v>0</v>
      </c>
      <c r="AL39" s="113">
        <v>0</v>
      </c>
      <c r="AM39" s="110">
        <v>0</v>
      </c>
      <c r="AN39" s="114">
        <v>0</v>
      </c>
      <c r="AO39" s="114">
        <v>0</v>
      </c>
      <c r="AP39" s="114">
        <v>0</v>
      </c>
      <c r="AQ39" s="114">
        <v>0</v>
      </c>
      <c r="AR39" s="114">
        <v>0</v>
      </c>
      <c r="AS39" s="113">
        <v>0</v>
      </c>
      <c r="AT39" s="116">
        <v>0</v>
      </c>
      <c r="AU39" s="110">
        <v>0</v>
      </c>
      <c r="AV39" s="114">
        <v>16944</v>
      </c>
      <c r="AW39" s="113">
        <v>16944</v>
      </c>
      <c r="AX39" s="110">
        <v>0</v>
      </c>
      <c r="AY39" s="114">
        <v>17472</v>
      </c>
      <c r="AZ39" s="114">
        <v>22560</v>
      </c>
      <c r="BA39" s="114">
        <v>0</v>
      </c>
      <c r="BB39" s="114">
        <v>0</v>
      </c>
      <c r="BC39" s="114">
        <v>0</v>
      </c>
      <c r="BD39" s="113">
        <v>40032</v>
      </c>
      <c r="BE39" s="116">
        <v>56976</v>
      </c>
      <c r="BF39" s="110">
        <v>0</v>
      </c>
      <c r="BG39" s="114">
        <v>0</v>
      </c>
      <c r="BH39" s="112">
        <v>0</v>
      </c>
      <c r="BI39" s="111">
        <v>0</v>
      </c>
      <c r="BJ39" s="114">
        <v>0</v>
      </c>
      <c r="BK39" s="114">
        <v>42568</v>
      </c>
      <c r="BL39" s="114">
        <v>0</v>
      </c>
      <c r="BM39" s="114">
        <v>0</v>
      </c>
      <c r="BN39" s="114">
        <v>0</v>
      </c>
      <c r="BO39" s="113">
        <v>42568</v>
      </c>
      <c r="BP39" s="116">
        <v>42568</v>
      </c>
      <c r="BQ39" s="110">
        <v>0</v>
      </c>
      <c r="BR39" s="114">
        <v>0</v>
      </c>
      <c r="BS39" s="113">
        <v>0</v>
      </c>
      <c r="BT39" s="110">
        <v>0</v>
      </c>
      <c r="BU39" s="114">
        <v>18472</v>
      </c>
      <c r="BV39" s="114">
        <v>4768</v>
      </c>
      <c r="BW39" s="114">
        <v>30200</v>
      </c>
      <c r="BX39" s="114">
        <v>0</v>
      </c>
      <c r="BY39" s="114">
        <v>4144</v>
      </c>
      <c r="BZ39" s="113">
        <v>57584</v>
      </c>
      <c r="CA39" s="116">
        <v>57584</v>
      </c>
      <c r="CB39" s="110">
        <v>0</v>
      </c>
      <c r="CC39" s="114">
        <v>0</v>
      </c>
      <c r="CD39" s="113">
        <v>0</v>
      </c>
      <c r="CE39" s="110">
        <v>0</v>
      </c>
      <c r="CF39" s="114">
        <v>145608</v>
      </c>
      <c r="CG39" s="114">
        <v>60880</v>
      </c>
      <c r="CH39" s="114">
        <v>0</v>
      </c>
      <c r="CI39" s="114">
        <v>0</v>
      </c>
      <c r="CJ39" s="114">
        <v>0</v>
      </c>
      <c r="CK39" s="113">
        <v>206488</v>
      </c>
      <c r="CL39" s="116">
        <v>206488</v>
      </c>
      <c r="CM39" s="110">
        <v>0</v>
      </c>
      <c r="CN39" s="114">
        <v>0</v>
      </c>
      <c r="CO39" s="113">
        <v>0</v>
      </c>
      <c r="CP39" s="111">
        <v>0</v>
      </c>
      <c r="CQ39" s="114">
        <v>114384</v>
      </c>
      <c r="CR39" s="114">
        <v>0</v>
      </c>
      <c r="CS39" s="114">
        <v>0</v>
      </c>
      <c r="CT39" s="114">
        <v>0</v>
      </c>
      <c r="CU39" s="114">
        <v>0</v>
      </c>
      <c r="CV39" s="113">
        <v>114384</v>
      </c>
      <c r="CW39" s="116">
        <v>114384</v>
      </c>
      <c r="CX39" s="110">
        <v>0</v>
      </c>
      <c r="CY39" s="114">
        <v>0</v>
      </c>
      <c r="CZ39" s="113">
        <v>0</v>
      </c>
      <c r="DA39" s="110">
        <v>0</v>
      </c>
      <c r="DB39" s="114">
        <v>31224</v>
      </c>
      <c r="DC39" s="114">
        <v>60880</v>
      </c>
      <c r="DD39" s="114">
        <v>0</v>
      </c>
      <c r="DE39" s="114">
        <v>0</v>
      </c>
      <c r="DF39" s="114">
        <v>0</v>
      </c>
      <c r="DG39" s="113">
        <v>92104</v>
      </c>
      <c r="DH39" s="116">
        <v>92104</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8">
        <v>0</v>
      </c>
      <c r="FE39" s="114">
        <v>0</v>
      </c>
      <c r="FF39" s="114">
        <v>0</v>
      </c>
      <c r="FG39" s="114">
        <v>0</v>
      </c>
      <c r="FH39" s="114">
        <v>0</v>
      </c>
      <c r="FI39" s="114">
        <v>0</v>
      </c>
      <c r="FJ39" s="113">
        <v>0</v>
      </c>
      <c r="FK39" s="116">
        <v>0</v>
      </c>
      <c r="FL39" s="110">
        <v>0</v>
      </c>
      <c r="FM39" s="114">
        <v>0</v>
      </c>
      <c r="FN39" s="113">
        <v>0</v>
      </c>
      <c r="FO39" s="110">
        <v>0</v>
      </c>
      <c r="FP39" s="114">
        <v>32188</v>
      </c>
      <c r="FQ39" s="114">
        <v>4000</v>
      </c>
      <c r="FR39" s="114">
        <v>68360</v>
      </c>
      <c r="FS39" s="114">
        <v>0</v>
      </c>
      <c r="FT39" s="114">
        <v>0</v>
      </c>
      <c r="FU39" s="113">
        <v>104548</v>
      </c>
      <c r="FV39" s="116">
        <v>104548</v>
      </c>
      <c r="FW39" s="115">
        <v>0</v>
      </c>
      <c r="FX39" s="114">
        <v>0</v>
      </c>
      <c r="FY39" s="112">
        <v>0</v>
      </c>
      <c r="FZ39" s="111">
        <v>0</v>
      </c>
      <c r="GA39" s="114">
        <v>11200</v>
      </c>
      <c r="GB39" s="114">
        <v>4000</v>
      </c>
      <c r="GC39" s="114">
        <v>40464</v>
      </c>
      <c r="GD39" s="114">
        <v>0</v>
      </c>
      <c r="GE39" s="114">
        <v>0</v>
      </c>
      <c r="GF39" s="113">
        <v>55664</v>
      </c>
      <c r="GG39" s="319">
        <v>55664</v>
      </c>
      <c r="GH39" s="115">
        <v>0</v>
      </c>
      <c r="GI39" s="114">
        <v>0</v>
      </c>
      <c r="GJ39" s="112">
        <v>0</v>
      </c>
      <c r="GK39" s="111">
        <v>0</v>
      </c>
      <c r="GL39" s="114">
        <v>20988</v>
      </c>
      <c r="GM39" s="114">
        <v>0</v>
      </c>
      <c r="GN39" s="114">
        <v>0</v>
      </c>
      <c r="GO39" s="114">
        <v>0</v>
      </c>
      <c r="GP39" s="114">
        <v>0</v>
      </c>
      <c r="GQ39" s="113">
        <v>20988</v>
      </c>
      <c r="GR39" s="116">
        <v>20988</v>
      </c>
      <c r="GS39" s="110">
        <v>0</v>
      </c>
      <c r="GT39" s="114">
        <v>0</v>
      </c>
      <c r="GU39" s="113">
        <v>0</v>
      </c>
      <c r="GV39" s="110">
        <v>0</v>
      </c>
      <c r="GW39" s="114">
        <v>0</v>
      </c>
      <c r="GX39" s="114">
        <v>0</v>
      </c>
      <c r="GY39" s="114">
        <v>27896</v>
      </c>
      <c r="GZ39" s="114">
        <v>0</v>
      </c>
      <c r="HA39" s="114">
        <v>0</v>
      </c>
      <c r="HB39" s="112">
        <v>27896</v>
      </c>
      <c r="HC39" s="116">
        <v>27896</v>
      </c>
      <c r="HD39" s="110">
        <v>0</v>
      </c>
      <c r="HE39" s="114">
        <v>0</v>
      </c>
      <c r="HF39" s="112">
        <v>0</v>
      </c>
      <c r="HG39" s="111">
        <v>0</v>
      </c>
      <c r="HH39" s="114">
        <v>153263</v>
      </c>
      <c r="HI39" s="114">
        <v>0</v>
      </c>
      <c r="HJ39" s="114">
        <v>185536</v>
      </c>
      <c r="HK39" s="114">
        <v>0</v>
      </c>
      <c r="HL39" s="114">
        <v>238016</v>
      </c>
      <c r="HM39" s="113">
        <v>576815</v>
      </c>
      <c r="HN39" s="109">
        <v>576815</v>
      </c>
      <c r="HO39" s="329"/>
      <c r="HP39" s="330"/>
      <c r="HQ39" s="331"/>
      <c r="HR39" s="332"/>
      <c r="HS39" s="330"/>
      <c r="HT39" s="330"/>
      <c r="HU39" s="330"/>
      <c r="HV39" s="330"/>
      <c r="HW39" s="330"/>
      <c r="HX39" s="333"/>
      <c r="HY39" s="334"/>
      <c r="HZ39" s="131">
        <v>0</v>
      </c>
      <c r="IA39" s="132">
        <v>0</v>
      </c>
      <c r="IB39" s="133">
        <v>0</v>
      </c>
      <c r="IC39" s="146">
        <v>0</v>
      </c>
      <c r="ID39" s="132">
        <v>243952</v>
      </c>
      <c r="IE39" s="147">
        <v>0</v>
      </c>
      <c r="IF39" s="133">
        <v>241552</v>
      </c>
      <c r="IG39" s="132">
        <v>0</v>
      </c>
      <c r="IH39" s="133">
        <v>0</v>
      </c>
      <c r="II39" s="148">
        <v>485504</v>
      </c>
      <c r="IJ39" s="139">
        <v>485504</v>
      </c>
      <c r="IK39" s="232">
        <v>0</v>
      </c>
      <c r="IL39" s="236">
        <v>0</v>
      </c>
      <c r="IM39" s="237">
        <v>0</v>
      </c>
      <c r="IN39" s="140"/>
      <c r="IO39" s="119">
        <v>0</v>
      </c>
      <c r="IP39" s="119">
        <v>0</v>
      </c>
      <c r="IQ39" s="119">
        <v>0</v>
      </c>
      <c r="IR39" s="119">
        <v>0</v>
      </c>
      <c r="IS39" s="119">
        <v>0</v>
      </c>
      <c r="IT39" s="141">
        <v>0</v>
      </c>
      <c r="IU39" s="321">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133240</v>
      </c>
      <c r="JL39" s="119">
        <v>0</v>
      </c>
      <c r="JM39" s="119">
        <v>0</v>
      </c>
      <c r="JN39" s="119">
        <v>0</v>
      </c>
      <c r="JO39" s="119">
        <v>0</v>
      </c>
      <c r="JP39" s="120">
        <v>133240</v>
      </c>
      <c r="JQ39" s="321">
        <v>133240</v>
      </c>
      <c r="JR39" s="142">
        <v>0</v>
      </c>
      <c r="JS39" s="119">
        <v>0</v>
      </c>
      <c r="JT39" s="141">
        <v>0</v>
      </c>
      <c r="JU39" s="118">
        <v>0</v>
      </c>
      <c r="JV39" s="119">
        <v>0</v>
      </c>
      <c r="JW39" s="119">
        <v>0</v>
      </c>
      <c r="JX39" s="119">
        <v>0</v>
      </c>
      <c r="JY39" s="119">
        <v>0</v>
      </c>
      <c r="JZ39" s="119">
        <v>0</v>
      </c>
      <c r="KA39" s="120">
        <v>0</v>
      </c>
      <c r="KB39" s="321">
        <v>0</v>
      </c>
      <c r="KC39" s="234">
        <v>0</v>
      </c>
      <c r="KD39" s="230">
        <v>0</v>
      </c>
      <c r="KE39" s="120">
        <v>0</v>
      </c>
      <c r="KF39" s="118">
        <v>0</v>
      </c>
      <c r="KG39" s="119">
        <v>110712</v>
      </c>
      <c r="KH39" s="119">
        <v>0</v>
      </c>
      <c r="KI39" s="119">
        <v>0</v>
      </c>
      <c r="KJ39" s="119">
        <v>0</v>
      </c>
      <c r="KK39" s="119">
        <v>0</v>
      </c>
      <c r="KL39" s="120">
        <v>110712</v>
      </c>
      <c r="KM39" s="143">
        <v>110712</v>
      </c>
      <c r="KN39" s="232">
        <v>0</v>
      </c>
      <c r="KO39" s="236">
        <v>0</v>
      </c>
      <c r="KP39" s="237">
        <v>0</v>
      </c>
      <c r="KQ39" s="140"/>
      <c r="KR39" s="119">
        <v>0</v>
      </c>
      <c r="KS39" s="119">
        <v>0</v>
      </c>
      <c r="KT39" s="119">
        <v>0</v>
      </c>
      <c r="KU39" s="119">
        <v>0</v>
      </c>
      <c r="KV39" s="119">
        <v>0</v>
      </c>
      <c r="KW39" s="120">
        <v>0</v>
      </c>
      <c r="KX39" s="321">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1">
        <v>0</v>
      </c>
      <c r="LU39" s="142">
        <v>0</v>
      </c>
      <c r="LV39" s="119">
        <v>0</v>
      </c>
      <c r="LW39" s="120">
        <v>0</v>
      </c>
      <c r="LX39" s="145"/>
      <c r="LY39" s="119">
        <v>0</v>
      </c>
      <c r="LZ39" s="119">
        <v>0</v>
      </c>
      <c r="MA39" s="119">
        <v>241552</v>
      </c>
      <c r="MB39" s="119">
        <v>0</v>
      </c>
      <c r="MC39" s="119">
        <v>0</v>
      </c>
      <c r="MD39" s="120">
        <v>241552</v>
      </c>
      <c r="ME39" s="121">
        <v>241552</v>
      </c>
      <c r="MF39" s="142">
        <v>0</v>
      </c>
      <c r="MG39" s="119">
        <v>0</v>
      </c>
      <c r="MH39" s="120">
        <v>0</v>
      </c>
      <c r="MI39" s="145"/>
      <c r="MJ39" s="119">
        <v>0</v>
      </c>
      <c r="MK39" s="119">
        <v>158808</v>
      </c>
      <c r="ML39" s="119">
        <v>215272</v>
      </c>
      <c r="MM39" s="119">
        <v>0</v>
      </c>
      <c r="MN39" s="119">
        <v>0</v>
      </c>
      <c r="MO39" s="120">
        <v>374080</v>
      </c>
      <c r="MP39" s="143">
        <v>374080</v>
      </c>
      <c r="MQ39" s="142">
        <v>0</v>
      </c>
      <c r="MR39" s="119">
        <v>0</v>
      </c>
      <c r="MS39" s="120">
        <v>0</v>
      </c>
      <c r="MT39" s="145"/>
      <c r="MU39" s="119">
        <v>0</v>
      </c>
      <c r="MV39" s="119">
        <v>0</v>
      </c>
      <c r="MW39" s="119">
        <v>215272</v>
      </c>
      <c r="MX39" s="119">
        <v>0</v>
      </c>
      <c r="MY39" s="119">
        <v>0</v>
      </c>
      <c r="MZ39" s="120">
        <v>215272</v>
      </c>
      <c r="NA39" s="143">
        <v>215272</v>
      </c>
      <c r="NB39" s="142">
        <v>0</v>
      </c>
      <c r="NC39" s="119">
        <v>0</v>
      </c>
      <c r="ND39" s="120">
        <v>0</v>
      </c>
      <c r="NE39" s="145"/>
      <c r="NF39" s="119">
        <v>0</v>
      </c>
      <c r="NG39" s="119">
        <v>158808</v>
      </c>
      <c r="NH39" s="119">
        <v>0</v>
      </c>
      <c r="NI39" s="119">
        <v>0</v>
      </c>
      <c r="NJ39" s="119">
        <v>0</v>
      </c>
      <c r="NK39" s="120">
        <v>158808</v>
      </c>
      <c r="NL39" s="321">
        <v>158808</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16944</v>
      </c>
      <c r="OK39" s="141">
        <v>16944</v>
      </c>
      <c r="OL39" s="118">
        <v>0</v>
      </c>
      <c r="OM39" s="119">
        <v>631211</v>
      </c>
      <c r="ON39" s="119">
        <v>293584</v>
      </c>
      <c r="OO39" s="119">
        <v>740920</v>
      </c>
      <c r="OP39" s="119">
        <v>0</v>
      </c>
      <c r="OQ39" s="119">
        <v>242160</v>
      </c>
      <c r="OR39" s="120">
        <v>1907875</v>
      </c>
      <c r="OS39" s="143">
        <v>1924819</v>
      </c>
    </row>
    <row r="40" spans="2:409" ht="20.25" customHeight="1" x14ac:dyDescent="0.2">
      <c r="B40" s="126" t="s">
        <v>35</v>
      </c>
      <c r="C40" s="110">
        <v>273469</v>
      </c>
      <c r="D40" s="114">
        <v>18048</v>
      </c>
      <c r="E40" s="113">
        <v>291517</v>
      </c>
      <c r="F40" s="109">
        <v>0</v>
      </c>
      <c r="G40" s="114">
        <v>1309112</v>
      </c>
      <c r="H40" s="114">
        <v>1554326</v>
      </c>
      <c r="I40" s="114">
        <v>582974</v>
      </c>
      <c r="J40" s="114">
        <v>852080</v>
      </c>
      <c r="K40" s="114">
        <v>560655</v>
      </c>
      <c r="L40" s="173">
        <v>4859147</v>
      </c>
      <c r="M40" s="116">
        <v>5150664</v>
      </c>
      <c r="N40" s="110">
        <v>52616</v>
      </c>
      <c r="O40" s="114">
        <v>16448</v>
      </c>
      <c r="P40" s="113">
        <v>69064</v>
      </c>
      <c r="Q40" s="110">
        <v>0</v>
      </c>
      <c r="R40" s="114">
        <v>218088</v>
      </c>
      <c r="S40" s="114">
        <v>394067</v>
      </c>
      <c r="T40" s="114">
        <v>100536</v>
      </c>
      <c r="U40" s="114">
        <v>66864</v>
      </c>
      <c r="V40" s="114">
        <v>309712</v>
      </c>
      <c r="W40" s="113">
        <v>1089267</v>
      </c>
      <c r="X40" s="116">
        <v>1158331</v>
      </c>
      <c r="Y40" s="110">
        <v>0</v>
      </c>
      <c r="Z40" s="114">
        <v>0</v>
      </c>
      <c r="AA40" s="113">
        <v>0</v>
      </c>
      <c r="AB40" s="110">
        <v>0</v>
      </c>
      <c r="AC40" s="114">
        <v>102640</v>
      </c>
      <c r="AD40" s="114">
        <v>154091</v>
      </c>
      <c r="AE40" s="114">
        <v>0</v>
      </c>
      <c r="AF40" s="114">
        <v>0</v>
      </c>
      <c r="AG40" s="114">
        <v>180376</v>
      </c>
      <c r="AH40" s="113">
        <v>437107</v>
      </c>
      <c r="AI40" s="116">
        <v>437107</v>
      </c>
      <c r="AJ40" s="110">
        <v>0</v>
      </c>
      <c r="AK40" s="114">
        <v>0</v>
      </c>
      <c r="AL40" s="113">
        <v>0</v>
      </c>
      <c r="AM40" s="110">
        <v>0</v>
      </c>
      <c r="AN40" s="114">
        <v>0</v>
      </c>
      <c r="AO40" s="114">
        <v>0</v>
      </c>
      <c r="AP40" s="114">
        <v>0</v>
      </c>
      <c r="AQ40" s="114">
        <v>0</v>
      </c>
      <c r="AR40" s="114">
        <v>97344</v>
      </c>
      <c r="AS40" s="113">
        <v>97344</v>
      </c>
      <c r="AT40" s="116">
        <v>97344</v>
      </c>
      <c r="AU40" s="110">
        <v>0</v>
      </c>
      <c r="AV40" s="114">
        <v>0</v>
      </c>
      <c r="AW40" s="113">
        <v>0</v>
      </c>
      <c r="AX40" s="110">
        <v>0</v>
      </c>
      <c r="AY40" s="114">
        <v>0</v>
      </c>
      <c r="AZ40" s="114">
        <v>105048</v>
      </c>
      <c r="BA40" s="114">
        <v>0</v>
      </c>
      <c r="BB40" s="114">
        <v>0</v>
      </c>
      <c r="BC40" s="114">
        <v>0</v>
      </c>
      <c r="BD40" s="113">
        <v>105048</v>
      </c>
      <c r="BE40" s="116">
        <v>105048</v>
      </c>
      <c r="BF40" s="110">
        <v>0</v>
      </c>
      <c r="BG40" s="114">
        <v>0</v>
      </c>
      <c r="BH40" s="112">
        <v>0</v>
      </c>
      <c r="BI40" s="111">
        <v>0</v>
      </c>
      <c r="BJ40" s="114">
        <v>54800</v>
      </c>
      <c r="BK40" s="114">
        <v>30592</v>
      </c>
      <c r="BL40" s="114">
        <v>43680</v>
      </c>
      <c r="BM40" s="114">
        <v>0</v>
      </c>
      <c r="BN40" s="114">
        <v>0</v>
      </c>
      <c r="BO40" s="113">
        <v>129072</v>
      </c>
      <c r="BP40" s="116">
        <v>129072</v>
      </c>
      <c r="BQ40" s="110">
        <v>52616</v>
      </c>
      <c r="BR40" s="114">
        <v>16448</v>
      </c>
      <c r="BS40" s="113">
        <v>69064</v>
      </c>
      <c r="BT40" s="110">
        <v>0</v>
      </c>
      <c r="BU40" s="114">
        <v>60648</v>
      </c>
      <c r="BV40" s="114">
        <v>104336</v>
      </c>
      <c r="BW40" s="114">
        <v>56856</v>
      </c>
      <c r="BX40" s="114">
        <v>66864</v>
      </c>
      <c r="BY40" s="114">
        <v>31992</v>
      </c>
      <c r="BZ40" s="113">
        <v>320696</v>
      </c>
      <c r="CA40" s="116">
        <v>389760</v>
      </c>
      <c r="CB40" s="110">
        <v>0</v>
      </c>
      <c r="CC40" s="114">
        <v>0</v>
      </c>
      <c r="CD40" s="113">
        <v>0</v>
      </c>
      <c r="CE40" s="110">
        <v>0</v>
      </c>
      <c r="CF40" s="114">
        <v>442264</v>
      </c>
      <c r="CG40" s="114">
        <v>646896</v>
      </c>
      <c r="CH40" s="114">
        <v>92163</v>
      </c>
      <c r="CI40" s="114">
        <v>129688</v>
      </c>
      <c r="CJ40" s="114">
        <v>0</v>
      </c>
      <c r="CK40" s="113">
        <v>1311011</v>
      </c>
      <c r="CL40" s="116">
        <v>1311011</v>
      </c>
      <c r="CM40" s="110">
        <v>0</v>
      </c>
      <c r="CN40" s="114">
        <v>0</v>
      </c>
      <c r="CO40" s="113">
        <v>0</v>
      </c>
      <c r="CP40" s="111">
        <v>0</v>
      </c>
      <c r="CQ40" s="114">
        <v>390240</v>
      </c>
      <c r="CR40" s="114">
        <v>523320</v>
      </c>
      <c r="CS40" s="114">
        <v>92163</v>
      </c>
      <c r="CT40" s="114">
        <v>0</v>
      </c>
      <c r="CU40" s="114">
        <v>0</v>
      </c>
      <c r="CV40" s="113">
        <v>1005723</v>
      </c>
      <c r="CW40" s="116">
        <v>1005723</v>
      </c>
      <c r="CX40" s="110">
        <v>0</v>
      </c>
      <c r="CY40" s="114">
        <v>0</v>
      </c>
      <c r="CZ40" s="113">
        <v>0</v>
      </c>
      <c r="DA40" s="110">
        <v>0</v>
      </c>
      <c r="DB40" s="114">
        <v>52024</v>
      </c>
      <c r="DC40" s="114">
        <v>123576</v>
      </c>
      <c r="DD40" s="114">
        <v>0</v>
      </c>
      <c r="DE40" s="114">
        <v>129688</v>
      </c>
      <c r="DF40" s="114">
        <v>0</v>
      </c>
      <c r="DG40" s="113">
        <v>305288</v>
      </c>
      <c r="DH40" s="116">
        <v>305288</v>
      </c>
      <c r="DI40" s="110">
        <v>0</v>
      </c>
      <c r="DJ40" s="114">
        <v>0</v>
      </c>
      <c r="DK40" s="112">
        <v>0</v>
      </c>
      <c r="DL40" s="111">
        <v>0</v>
      </c>
      <c r="DM40" s="114">
        <v>0</v>
      </c>
      <c r="DN40" s="114">
        <v>0</v>
      </c>
      <c r="DO40" s="114">
        <v>0</v>
      </c>
      <c r="DP40" s="114">
        <v>0</v>
      </c>
      <c r="DQ40" s="114">
        <v>0</v>
      </c>
      <c r="DR40" s="113">
        <v>0</v>
      </c>
      <c r="DS40" s="116">
        <v>0</v>
      </c>
      <c r="DT40" s="110">
        <v>0</v>
      </c>
      <c r="DU40" s="114">
        <v>0</v>
      </c>
      <c r="DV40" s="113">
        <v>0</v>
      </c>
      <c r="DW40" s="110">
        <v>0</v>
      </c>
      <c r="DX40" s="114">
        <v>0</v>
      </c>
      <c r="DY40" s="114">
        <v>0</v>
      </c>
      <c r="DZ40" s="114">
        <v>0</v>
      </c>
      <c r="EA40" s="114">
        <v>0</v>
      </c>
      <c r="EB40" s="114">
        <v>0</v>
      </c>
      <c r="EC40" s="113">
        <v>0</v>
      </c>
      <c r="ED40" s="116">
        <v>0</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8">
        <v>0</v>
      </c>
      <c r="FE40" s="114">
        <v>0</v>
      </c>
      <c r="FF40" s="114">
        <v>0</v>
      </c>
      <c r="FG40" s="114">
        <v>0</v>
      </c>
      <c r="FH40" s="114">
        <v>0</v>
      </c>
      <c r="FI40" s="114">
        <v>0</v>
      </c>
      <c r="FJ40" s="113">
        <v>0</v>
      </c>
      <c r="FK40" s="116">
        <v>0</v>
      </c>
      <c r="FL40" s="110">
        <v>800</v>
      </c>
      <c r="FM40" s="114">
        <v>1600</v>
      </c>
      <c r="FN40" s="113">
        <v>2400</v>
      </c>
      <c r="FO40" s="110">
        <v>0</v>
      </c>
      <c r="FP40" s="114">
        <v>28320</v>
      </c>
      <c r="FQ40" s="114">
        <v>88200</v>
      </c>
      <c r="FR40" s="114">
        <v>3600</v>
      </c>
      <c r="FS40" s="114">
        <v>28704</v>
      </c>
      <c r="FT40" s="114">
        <v>8800</v>
      </c>
      <c r="FU40" s="113">
        <v>157624</v>
      </c>
      <c r="FV40" s="116">
        <v>160024</v>
      </c>
      <c r="FW40" s="115">
        <v>800</v>
      </c>
      <c r="FX40" s="114">
        <v>1600</v>
      </c>
      <c r="FY40" s="112">
        <v>2400</v>
      </c>
      <c r="FZ40" s="111">
        <v>0</v>
      </c>
      <c r="GA40" s="114">
        <v>28320</v>
      </c>
      <c r="GB40" s="114">
        <v>88200</v>
      </c>
      <c r="GC40" s="114">
        <v>3600</v>
      </c>
      <c r="GD40" s="114">
        <v>28704</v>
      </c>
      <c r="GE40" s="114">
        <v>8800</v>
      </c>
      <c r="GF40" s="113">
        <v>157624</v>
      </c>
      <c r="GG40" s="319">
        <v>160024</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0</v>
      </c>
      <c r="GY40" s="114">
        <v>0</v>
      </c>
      <c r="GZ40" s="114">
        <v>0</v>
      </c>
      <c r="HA40" s="114">
        <v>0</v>
      </c>
      <c r="HB40" s="112">
        <v>0</v>
      </c>
      <c r="HC40" s="116">
        <v>0</v>
      </c>
      <c r="HD40" s="110">
        <v>220053</v>
      </c>
      <c r="HE40" s="114">
        <v>0</v>
      </c>
      <c r="HF40" s="112">
        <v>220053</v>
      </c>
      <c r="HG40" s="111">
        <v>0</v>
      </c>
      <c r="HH40" s="114">
        <v>620440</v>
      </c>
      <c r="HI40" s="114">
        <v>425163</v>
      </c>
      <c r="HJ40" s="114">
        <v>386675</v>
      </c>
      <c r="HK40" s="114">
        <v>626824</v>
      </c>
      <c r="HL40" s="114">
        <v>242143</v>
      </c>
      <c r="HM40" s="113">
        <v>2301245</v>
      </c>
      <c r="HN40" s="109">
        <v>2521298</v>
      </c>
      <c r="HO40" s="329"/>
      <c r="HP40" s="330"/>
      <c r="HQ40" s="331"/>
      <c r="HR40" s="332"/>
      <c r="HS40" s="330"/>
      <c r="HT40" s="330"/>
      <c r="HU40" s="330"/>
      <c r="HV40" s="330"/>
      <c r="HW40" s="330"/>
      <c r="HX40" s="333"/>
      <c r="HY40" s="334"/>
      <c r="HZ40" s="150">
        <v>0</v>
      </c>
      <c r="IA40" s="135">
        <v>0</v>
      </c>
      <c r="IB40" s="150">
        <v>0</v>
      </c>
      <c r="IC40" s="146">
        <v>0</v>
      </c>
      <c r="ID40" s="132">
        <v>126224</v>
      </c>
      <c r="IE40" s="147">
        <v>530408</v>
      </c>
      <c r="IF40" s="133">
        <v>0</v>
      </c>
      <c r="IG40" s="132">
        <v>0</v>
      </c>
      <c r="IH40" s="133">
        <v>0</v>
      </c>
      <c r="II40" s="148">
        <v>656632</v>
      </c>
      <c r="IJ40" s="150">
        <v>656632</v>
      </c>
      <c r="IK40" s="232">
        <v>0</v>
      </c>
      <c r="IL40" s="236">
        <v>0</v>
      </c>
      <c r="IM40" s="237">
        <v>0</v>
      </c>
      <c r="IN40" s="140"/>
      <c r="IO40" s="119">
        <v>0</v>
      </c>
      <c r="IP40" s="119">
        <v>64560</v>
      </c>
      <c r="IQ40" s="119">
        <v>0</v>
      </c>
      <c r="IR40" s="119">
        <v>0</v>
      </c>
      <c r="IS40" s="119">
        <v>0</v>
      </c>
      <c r="IT40" s="141">
        <v>64560</v>
      </c>
      <c r="IU40" s="321">
        <v>6456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63040</v>
      </c>
      <c r="JM40" s="119">
        <v>0</v>
      </c>
      <c r="JN40" s="119">
        <v>0</v>
      </c>
      <c r="JO40" s="119">
        <v>0</v>
      </c>
      <c r="JP40" s="120">
        <v>63040</v>
      </c>
      <c r="JQ40" s="321">
        <v>63040</v>
      </c>
      <c r="JR40" s="142">
        <v>0</v>
      </c>
      <c r="JS40" s="119">
        <v>0</v>
      </c>
      <c r="JT40" s="141">
        <v>0</v>
      </c>
      <c r="JU40" s="118">
        <v>0</v>
      </c>
      <c r="JV40" s="119">
        <v>0</v>
      </c>
      <c r="JW40" s="119">
        <v>0</v>
      </c>
      <c r="JX40" s="119">
        <v>0</v>
      </c>
      <c r="JY40" s="119">
        <v>0</v>
      </c>
      <c r="JZ40" s="119">
        <v>0</v>
      </c>
      <c r="KA40" s="120">
        <v>0</v>
      </c>
      <c r="KB40" s="321">
        <v>0</v>
      </c>
      <c r="KC40" s="234">
        <v>0</v>
      </c>
      <c r="KD40" s="230">
        <v>0</v>
      </c>
      <c r="KE40" s="120">
        <v>0</v>
      </c>
      <c r="KF40" s="118">
        <v>0</v>
      </c>
      <c r="KG40" s="119">
        <v>126224</v>
      </c>
      <c r="KH40" s="119">
        <v>164888</v>
      </c>
      <c r="KI40" s="119">
        <v>0</v>
      </c>
      <c r="KJ40" s="119">
        <v>0</v>
      </c>
      <c r="KK40" s="119">
        <v>0</v>
      </c>
      <c r="KL40" s="120">
        <v>291112</v>
      </c>
      <c r="KM40" s="143">
        <v>291112</v>
      </c>
      <c r="KN40" s="232">
        <v>0</v>
      </c>
      <c r="KO40" s="236">
        <v>0</v>
      </c>
      <c r="KP40" s="237">
        <v>0</v>
      </c>
      <c r="KQ40" s="140"/>
      <c r="KR40" s="119">
        <v>0</v>
      </c>
      <c r="KS40" s="119">
        <v>237920</v>
      </c>
      <c r="KT40" s="119">
        <v>0</v>
      </c>
      <c r="KU40" s="119">
        <v>0</v>
      </c>
      <c r="KV40" s="119">
        <v>0</v>
      </c>
      <c r="KW40" s="120">
        <v>237920</v>
      </c>
      <c r="KX40" s="321">
        <v>237920</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1">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219808</v>
      </c>
      <c r="MM40" s="119">
        <v>810520</v>
      </c>
      <c r="MN40" s="119">
        <v>295344</v>
      </c>
      <c r="MO40" s="120">
        <v>1325672</v>
      </c>
      <c r="MP40" s="143">
        <v>1325672</v>
      </c>
      <c r="MQ40" s="142">
        <v>0</v>
      </c>
      <c r="MR40" s="119">
        <v>0</v>
      </c>
      <c r="MS40" s="120">
        <v>0</v>
      </c>
      <c r="MT40" s="145"/>
      <c r="MU40" s="119">
        <v>0</v>
      </c>
      <c r="MV40" s="119">
        <v>0</v>
      </c>
      <c r="MW40" s="119">
        <v>0</v>
      </c>
      <c r="MX40" s="119">
        <v>756080</v>
      </c>
      <c r="MY40" s="119">
        <v>0</v>
      </c>
      <c r="MZ40" s="120">
        <v>756080</v>
      </c>
      <c r="NA40" s="143">
        <v>756080</v>
      </c>
      <c r="NB40" s="142">
        <v>0</v>
      </c>
      <c r="NC40" s="119">
        <v>0</v>
      </c>
      <c r="ND40" s="120">
        <v>0</v>
      </c>
      <c r="NE40" s="145"/>
      <c r="NF40" s="119">
        <v>0</v>
      </c>
      <c r="NG40" s="119">
        <v>0</v>
      </c>
      <c r="NH40" s="119">
        <v>219808</v>
      </c>
      <c r="NI40" s="119">
        <v>54440</v>
      </c>
      <c r="NJ40" s="119">
        <v>295344</v>
      </c>
      <c r="NK40" s="120">
        <v>569592</v>
      </c>
      <c r="NL40" s="321">
        <v>569592</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73469</v>
      </c>
      <c r="OJ40" s="119">
        <v>18048</v>
      </c>
      <c r="OK40" s="141">
        <v>291517</v>
      </c>
      <c r="OL40" s="118">
        <v>0</v>
      </c>
      <c r="OM40" s="119">
        <v>1435336</v>
      </c>
      <c r="ON40" s="119">
        <v>2084734</v>
      </c>
      <c r="OO40" s="119">
        <v>802782</v>
      </c>
      <c r="OP40" s="119">
        <v>1662600</v>
      </c>
      <c r="OQ40" s="119">
        <v>855999</v>
      </c>
      <c r="OR40" s="120">
        <v>6841451</v>
      </c>
      <c r="OS40" s="143">
        <v>7132968</v>
      </c>
    </row>
    <row r="41" spans="2:409" ht="20.25" customHeight="1" x14ac:dyDescent="0.2">
      <c r="B41" s="126" t="s">
        <v>36</v>
      </c>
      <c r="C41" s="110">
        <v>5200</v>
      </c>
      <c r="D41" s="114">
        <v>80088</v>
      </c>
      <c r="E41" s="113">
        <v>85288</v>
      </c>
      <c r="F41" s="109">
        <v>0</v>
      </c>
      <c r="G41" s="114">
        <v>483979</v>
      </c>
      <c r="H41" s="114">
        <v>340992</v>
      </c>
      <c r="I41" s="114">
        <v>335292</v>
      </c>
      <c r="J41" s="114">
        <v>408445</v>
      </c>
      <c r="K41" s="114">
        <v>472557</v>
      </c>
      <c r="L41" s="173">
        <v>2041265</v>
      </c>
      <c r="M41" s="116">
        <v>2126553</v>
      </c>
      <c r="N41" s="110">
        <v>0</v>
      </c>
      <c r="O41" s="114">
        <v>4128</v>
      </c>
      <c r="P41" s="113">
        <v>4128</v>
      </c>
      <c r="Q41" s="110">
        <v>0</v>
      </c>
      <c r="R41" s="114">
        <v>195578</v>
      </c>
      <c r="S41" s="114">
        <v>47271</v>
      </c>
      <c r="T41" s="114">
        <v>114965</v>
      </c>
      <c r="U41" s="114">
        <v>276406</v>
      </c>
      <c r="V41" s="114">
        <v>19200</v>
      </c>
      <c r="W41" s="113">
        <v>653420</v>
      </c>
      <c r="X41" s="116">
        <v>657548</v>
      </c>
      <c r="Y41" s="110">
        <v>0</v>
      </c>
      <c r="Z41" s="114">
        <v>0</v>
      </c>
      <c r="AA41" s="113">
        <v>0</v>
      </c>
      <c r="AB41" s="110">
        <v>0</v>
      </c>
      <c r="AC41" s="114">
        <v>111156</v>
      </c>
      <c r="AD41" s="114">
        <v>13627</v>
      </c>
      <c r="AE41" s="114">
        <v>0</v>
      </c>
      <c r="AF41" s="114">
        <v>0</v>
      </c>
      <c r="AG41" s="114">
        <v>0</v>
      </c>
      <c r="AH41" s="113">
        <v>124783</v>
      </c>
      <c r="AI41" s="116">
        <v>124783</v>
      </c>
      <c r="AJ41" s="110">
        <v>0</v>
      </c>
      <c r="AK41" s="114">
        <v>0</v>
      </c>
      <c r="AL41" s="113">
        <v>0</v>
      </c>
      <c r="AM41" s="110">
        <v>0</v>
      </c>
      <c r="AN41" s="114">
        <v>0</v>
      </c>
      <c r="AO41" s="114">
        <v>0</v>
      </c>
      <c r="AP41" s="114">
        <v>0</v>
      </c>
      <c r="AQ41" s="114">
        <v>46238</v>
      </c>
      <c r="AR41" s="114">
        <v>0</v>
      </c>
      <c r="AS41" s="113">
        <v>46238</v>
      </c>
      <c r="AT41" s="116">
        <v>46238</v>
      </c>
      <c r="AU41" s="110">
        <v>0</v>
      </c>
      <c r="AV41" s="114">
        <v>0</v>
      </c>
      <c r="AW41" s="113">
        <v>0</v>
      </c>
      <c r="AX41" s="110">
        <v>0</v>
      </c>
      <c r="AY41" s="114">
        <v>63494</v>
      </c>
      <c r="AZ41" s="114">
        <v>20604</v>
      </c>
      <c r="BA41" s="114">
        <v>63573</v>
      </c>
      <c r="BB41" s="114">
        <v>230168</v>
      </c>
      <c r="BC41" s="114">
        <v>0</v>
      </c>
      <c r="BD41" s="113">
        <v>377839</v>
      </c>
      <c r="BE41" s="116">
        <v>377839</v>
      </c>
      <c r="BF41" s="110">
        <v>0</v>
      </c>
      <c r="BG41" s="114">
        <v>0</v>
      </c>
      <c r="BH41" s="112">
        <v>0</v>
      </c>
      <c r="BI41" s="111">
        <v>0</v>
      </c>
      <c r="BJ41" s="114">
        <v>0</v>
      </c>
      <c r="BK41" s="114">
        <v>0</v>
      </c>
      <c r="BL41" s="114">
        <v>0</v>
      </c>
      <c r="BM41" s="114">
        <v>0</v>
      </c>
      <c r="BN41" s="114">
        <v>0</v>
      </c>
      <c r="BO41" s="113">
        <v>0</v>
      </c>
      <c r="BP41" s="116">
        <v>0</v>
      </c>
      <c r="BQ41" s="110">
        <v>0</v>
      </c>
      <c r="BR41" s="114">
        <v>4128</v>
      </c>
      <c r="BS41" s="113">
        <v>4128</v>
      </c>
      <c r="BT41" s="110">
        <v>0</v>
      </c>
      <c r="BU41" s="114">
        <v>20928</v>
      </c>
      <c r="BV41" s="114">
        <v>13040</v>
      </c>
      <c r="BW41" s="114">
        <v>51392</v>
      </c>
      <c r="BX41" s="114">
        <v>0</v>
      </c>
      <c r="BY41" s="114">
        <v>19200</v>
      </c>
      <c r="BZ41" s="113">
        <v>104560</v>
      </c>
      <c r="CA41" s="116">
        <v>108688</v>
      </c>
      <c r="CB41" s="110">
        <v>0</v>
      </c>
      <c r="CC41" s="114">
        <v>37312</v>
      </c>
      <c r="CD41" s="113">
        <v>37312</v>
      </c>
      <c r="CE41" s="110">
        <v>0</v>
      </c>
      <c r="CF41" s="114">
        <v>50059</v>
      </c>
      <c r="CG41" s="114">
        <v>193164</v>
      </c>
      <c r="CH41" s="114">
        <v>0</v>
      </c>
      <c r="CI41" s="114">
        <v>28364</v>
      </c>
      <c r="CJ41" s="114">
        <v>0</v>
      </c>
      <c r="CK41" s="113">
        <v>271587</v>
      </c>
      <c r="CL41" s="116">
        <v>308899</v>
      </c>
      <c r="CM41" s="110">
        <v>0</v>
      </c>
      <c r="CN41" s="114">
        <v>0</v>
      </c>
      <c r="CO41" s="113">
        <v>0</v>
      </c>
      <c r="CP41" s="111">
        <v>0</v>
      </c>
      <c r="CQ41" s="114">
        <v>50059</v>
      </c>
      <c r="CR41" s="114">
        <v>136304</v>
      </c>
      <c r="CS41" s="114">
        <v>0</v>
      </c>
      <c r="CT41" s="114">
        <v>28364</v>
      </c>
      <c r="CU41" s="114">
        <v>0</v>
      </c>
      <c r="CV41" s="113">
        <v>214727</v>
      </c>
      <c r="CW41" s="116">
        <v>214727</v>
      </c>
      <c r="CX41" s="110">
        <v>0</v>
      </c>
      <c r="CY41" s="114">
        <v>37312</v>
      </c>
      <c r="CZ41" s="113">
        <v>37312</v>
      </c>
      <c r="DA41" s="110">
        <v>0</v>
      </c>
      <c r="DB41" s="114">
        <v>0</v>
      </c>
      <c r="DC41" s="114">
        <v>56860</v>
      </c>
      <c r="DD41" s="114">
        <v>0</v>
      </c>
      <c r="DE41" s="114">
        <v>0</v>
      </c>
      <c r="DF41" s="114">
        <v>0</v>
      </c>
      <c r="DG41" s="113">
        <v>56860</v>
      </c>
      <c r="DH41" s="116">
        <v>94172</v>
      </c>
      <c r="DI41" s="110">
        <v>0</v>
      </c>
      <c r="DJ41" s="114">
        <v>0</v>
      </c>
      <c r="DK41" s="112">
        <v>0</v>
      </c>
      <c r="DL41" s="111">
        <v>0</v>
      </c>
      <c r="DM41" s="114">
        <v>100022</v>
      </c>
      <c r="DN41" s="114">
        <v>48813</v>
      </c>
      <c r="DO41" s="114">
        <v>0</v>
      </c>
      <c r="DP41" s="114">
        <v>50715</v>
      </c>
      <c r="DQ41" s="114">
        <v>0</v>
      </c>
      <c r="DR41" s="113">
        <v>199550</v>
      </c>
      <c r="DS41" s="116">
        <v>199550</v>
      </c>
      <c r="DT41" s="110">
        <v>0</v>
      </c>
      <c r="DU41" s="114">
        <v>0</v>
      </c>
      <c r="DV41" s="113">
        <v>0</v>
      </c>
      <c r="DW41" s="110">
        <v>0</v>
      </c>
      <c r="DX41" s="114">
        <v>100022</v>
      </c>
      <c r="DY41" s="114">
        <v>0</v>
      </c>
      <c r="DZ41" s="114">
        <v>0</v>
      </c>
      <c r="EA41" s="114">
        <v>50715</v>
      </c>
      <c r="EB41" s="114">
        <v>0</v>
      </c>
      <c r="EC41" s="113">
        <v>150737</v>
      </c>
      <c r="ED41" s="116">
        <v>150737</v>
      </c>
      <c r="EE41" s="110">
        <v>0</v>
      </c>
      <c r="EF41" s="112">
        <v>0</v>
      </c>
      <c r="EG41" s="113">
        <v>0</v>
      </c>
      <c r="EH41" s="110">
        <v>0</v>
      </c>
      <c r="EI41" s="114">
        <v>0</v>
      </c>
      <c r="EJ41" s="114">
        <v>48813</v>
      </c>
      <c r="EK41" s="114">
        <v>0</v>
      </c>
      <c r="EL41" s="114">
        <v>0</v>
      </c>
      <c r="EM41" s="114">
        <v>0</v>
      </c>
      <c r="EN41" s="112">
        <v>48813</v>
      </c>
      <c r="EO41" s="116">
        <v>48813</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8">
        <v>0</v>
      </c>
      <c r="FE41" s="114">
        <v>0</v>
      </c>
      <c r="FF41" s="114">
        <v>0</v>
      </c>
      <c r="FG41" s="114">
        <v>0</v>
      </c>
      <c r="FH41" s="114">
        <v>0</v>
      </c>
      <c r="FI41" s="114">
        <v>0</v>
      </c>
      <c r="FJ41" s="113">
        <v>0</v>
      </c>
      <c r="FK41" s="116">
        <v>0</v>
      </c>
      <c r="FL41" s="110">
        <v>5200</v>
      </c>
      <c r="FM41" s="114">
        <v>38648</v>
      </c>
      <c r="FN41" s="113">
        <v>43848</v>
      </c>
      <c r="FO41" s="110">
        <v>0</v>
      </c>
      <c r="FP41" s="114">
        <v>138320</v>
      </c>
      <c r="FQ41" s="114">
        <v>51744</v>
      </c>
      <c r="FR41" s="114">
        <v>27680</v>
      </c>
      <c r="FS41" s="114">
        <v>52960</v>
      </c>
      <c r="FT41" s="114">
        <v>35536</v>
      </c>
      <c r="FU41" s="113">
        <v>306240</v>
      </c>
      <c r="FV41" s="116">
        <v>350088</v>
      </c>
      <c r="FW41" s="115">
        <v>5200</v>
      </c>
      <c r="FX41" s="114">
        <v>38648</v>
      </c>
      <c r="FY41" s="112">
        <v>43848</v>
      </c>
      <c r="FZ41" s="111">
        <v>0</v>
      </c>
      <c r="GA41" s="114">
        <v>30320</v>
      </c>
      <c r="GB41" s="114">
        <v>51744</v>
      </c>
      <c r="GC41" s="114">
        <v>27680</v>
      </c>
      <c r="GD41" s="114">
        <v>52960</v>
      </c>
      <c r="GE41" s="114">
        <v>35536</v>
      </c>
      <c r="GF41" s="113">
        <v>198240</v>
      </c>
      <c r="GG41" s="319">
        <v>242088</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108000</v>
      </c>
      <c r="GX41" s="114">
        <v>0</v>
      </c>
      <c r="GY41" s="114">
        <v>0</v>
      </c>
      <c r="GZ41" s="114">
        <v>0</v>
      </c>
      <c r="HA41" s="114">
        <v>0</v>
      </c>
      <c r="HB41" s="112">
        <v>108000</v>
      </c>
      <c r="HC41" s="116">
        <v>108000</v>
      </c>
      <c r="HD41" s="110">
        <v>0</v>
      </c>
      <c r="HE41" s="114">
        <v>0</v>
      </c>
      <c r="HF41" s="112">
        <v>0</v>
      </c>
      <c r="HG41" s="111">
        <v>0</v>
      </c>
      <c r="HH41" s="114">
        <v>0</v>
      </c>
      <c r="HI41" s="114">
        <v>0</v>
      </c>
      <c r="HJ41" s="114">
        <v>192647</v>
      </c>
      <c r="HK41" s="114">
        <v>0</v>
      </c>
      <c r="HL41" s="114">
        <v>417821</v>
      </c>
      <c r="HM41" s="113">
        <v>610468</v>
      </c>
      <c r="HN41" s="109">
        <v>610468</v>
      </c>
      <c r="HO41" s="329"/>
      <c r="HP41" s="330"/>
      <c r="HQ41" s="331"/>
      <c r="HR41" s="332"/>
      <c r="HS41" s="330"/>
      <c r="HT41" s="330"/>
      <c r="HU41" s="330"/>
      <c r="HV41" s="330"/>
      <c r="HW41" s="330"/>
      <c r="HX41" s="333"/>
      <c r="HY41" s="334"/>
      <c r="HZ41" s="131">
        <v>0</v>
      </c>
      <c r="IA41" s="132">
        <v>0</v>
      </c>
      <c r="IB41" s="133">
        <v>0</v>
      </c>
      <c r="IC41" s="146">
        <v>0</v>
      </c>
      <c r="ID41" s="132">
        <v>78447</v>
      </c>
      <c r="IE41" s="147">
        <v>283545</v>
      </c>
      <c r="IF41" s="133">
        <v>246340</v>
      </c>
      <c r="IG41" s="132">
        <v>207159</v>
      </c>
      <c r="IH41" s="133">
        <v>236970</v>
      </c>
      <c r="II41" s="148">
        <v>1052461</v>
      </c>
      <c r="IJ41" s="139">
        <v>1052461</v>
      </c>
      <c r="IK41" s="232">
        <v>0</v>
      </c>
      <c r="IL41" s="236">
        <v>0</v>
      </c>
      <c r="IM41" s="237">
        <v>0</v>
      </c>
      <c r="IN41" s="140"/>
      <c r="IO41" s="119">
        <v>0</v>
      </c>
      <c r="IP41" s="119">
        <v>0</v>
      </c>
      <c r="IQ41" s="119">
        <v>0</v>
      </c>
      <c r="IR41" s="119">
        <v>0</v>
      </c>
      <c r="IS41" s="119">
        <v>0</v>
      </c>
      <c r="IT41" s="141">
        <v>0</v>
      </c>
      <c r="IU41" s="321">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78447</v>
      </c>
      <c r="JL41" s="119">
        <v>40797</v>
      </c>
      <c r="JM41" s="119">
        <v>0</v>
      </c>
      <c r="JN41" s="119">
        <v>0</v>
      </c>
      <c r="JO41" s="119">
        <v>236970</v>
      </c>
      <c r="JP41" s="120">
        <v>356214</v>
      </c>
      <c r="JQ41" s="321">
        <v>356214</v>
      </c>
      <c r="JR41" s="142">
        <v>0</v>
      </c>
      <c r="JS41" s="119">
        <v>0</v>
      </c>
      <c r="JT41" s="141">
        <v>0</v>
      </c>
      <c r="JU41" s="118">
        <v>0</v>
      </c>
      <c r="JV41" s="119">
        <v>0</v>
      </c>
      <c r="JW41" s="119">
        <v>0</v>
      </c>
      <c r="JX41" s="119">
        <v>0</v>
      </c>
      <c r="JY41" s="119">
        <v>0</v>
      </c>
      <c r="JZ41" s="119">
        <v>0</v>
      </c>
      <c r="KA41" s="120">
        <v>0</v>
      </c>
      <c r="KB41" s="321">
        <v>0</v>
      </c>
      <c r="KC41" s="234">
        <v>0</v>
      </c>
      <c r="KD41" s="230">
        <v>0</v>
      </c>
      <c r="KE41" s="120">
        <v>0</v>
      </c>
      <c r="KF41" s="118">
        <v>0</v>
      </c>
      <c r="KG41" s="119">
        <v>0</v>
      </c>
      <c r="KH41" s="119">
        <v>0</v>
      </c>
      <c r="KI41" s="119">
        <v>0</v>
      </c>
      <c r="KJ41" s="119">
        <v>207159</v>
      </c>
      <c r="KK41" s="119">
        <v>0</v>
      </c>
      <c r="KL41" s="120">
        <v>207159</v>
      </c>
      <c r="KM41" s="143">
        <v>207159</v>
      </c>
      <c r="KN41" s="232">
        <v>0</v>
      </c>
      <c r="KO41" s="236">
        <v>0</v>
      </c>
      <c r="KP41" s="237">
        <v>0</v>
      </c>
      <c r="KQ41" s="140"/>
      <c r="KR41" s="119">
        <v>0</v>
      </c>
      <c r="KS41" s="119">
        <v>242748</v>
      </c>
      <c r="KT41" s="119">
        <v>246340</v>
      </c>
      <c r="KU41" s="119">
        <v>0</v>
      </c>
      <c r="KV41" s="119">
        <v>0</v>
      </c>
      <c r="KW41" s="120">
        <v>489088</v>
      </c>
      <c r="KX41" s="321">
        <v>489088</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1">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0</v>
      </c>
      <c r="MK41" s="119">
        <v>267960</v>
      </c>
      <c r="ML41" s="119">
        <v>558126</v>
      </c>
      <c r="MM41" s="119">
        <v>1071662</v>
      </c>
      <c r="MN41" s="119">
        <v>1189194</v>
      </c>
      <c r="MO41" s="120">
        <v>3086942</v>
      </c>
      <c r="MP41" s="143">
        <v>3086942</v>
      </c>
      <c r="MQ41" s="142">
        <v>0</v>
      </c>
      <c r="MR41" s="119">
        <v>0</v>
      </c>
      <c r="MS41" s="120">
        <v>0</v>
      </c>
      <c r="MT41" s="145"/>
      <c r="MU41" s="119">
        <v>0</v>
      </c>
      <c r="MV41" s="119">
        <v>0</v>
      </c>
      <c r="MW41" s="119">
        <v>0</v>
      </c>
      <c r="MX41" s="119">
        <v>1071662</v>
      </c>
      <c r="MY41" s="119">
        <v>1108538</v>
      </c>
      <c r="MZ41" s="120">
        <v>2180200</v>
      </c>
      <c r="NA41" s="143">
        <v>2180200</v>
      </c>
      <c r="NB41" s="142">
        <v>0</v>
      </c>
      <c r="NC41" s="119">
        <v>0</v>
      </c>
      <c r="ND41" s="120">
        <v>0</v>
      </c>
      <c r="NE41" s="145"/>
      <c r="NF41" s="119">
        <v>0</v>
      </c>
      <c r="NG41" s="119">
        <v>267960</v>
      </c>
      <c r="NH41" s="119">
        <v>558126</v>
      </c>
      <c r="NI41" s="119">
        <v>0</v>
      </c>
      <c r="NJ41" s="119">
        <v>80656</v>
      </c>
      <c r="NK41" s="120">
        <v>906742</v>
      </c>
      <c r="NL41" s="321">
        <v>906742</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5200</v>
      </c>
      <c r="OJ41" s="119">
        <v>80088</v>
      </c>
      <c r="OK41" s="141">
        <v>85288</v>
      </c>
      <c r="OL41" s="118">
        <v>0</v>
      </c>
      <c r="OM41" s="119">
        <v>562426</v>
      </c>
      <c r="ON41" s="119">
        <v>892497</v>
      </c>
      <c r="OO41" s="119">
        <v>1139758</v>
      </c>
      <c r="OP41" s="119">
        <v>1687266</v>
      </c>
      <c r="OQ41" s="119">
        <v>1898721</v>
      </c>
      <c r="OR41" s="120">
        <v>6180668</v>
      </c>
      <c r="OS41" s="143">
        <v>6265956</v>
      </c>
    </row>
    <row r="42" spans="2:409" ht="20.25" customHeight="1" thickBot="1" x14ac:dyDescent="0.25">
      <c r="B42" s="127" t="s">
        <v>37</v>
      </c>
      <c r="C42" s="117">
        <v>3200</v>
      </c>
      <c r="D42" s="178">
        <v>0</v>
      </c>
      <c r="E42" s="179">
        <v>3200</v>
      </c>
      <c r="F42" s="180">
        <v>0</v>
      </c>
      <c r="G42" s="178">
        <v>74145</v>
      </c>
      <c r="H42" s="178">
        <v>133211</v>
      </c>
      <c r="I42" s="178">
        <v>0</v>
      </c>
      <c r="J42" s="178">
        <v>0</v>
      </c>
      <c r="K42" s="178">
        <v>251265</v>
      </c>
      <c r="L42" s="180">
        <v>458621</v>
      </c>
      <c r="M42" s="181">
        <v>461821</v>
      </c>
      <c r="N42" s="117">
        <v>0</v>
      </c>
      <c r="O42" s="178">
        <v>0</v>
      </c>
      <c r="P42" s="179">
        <v>0</v>
      </c>
      <c r="Q42" s="117">
        <v>0</v>
      </c>
      <c r="R42" s="178">
        <v>44004</v>
      </c>
      <c r="S42" s="178">
        <v>31536</v>
      </c>
      <c r="T42" s="178">
        <v>0</v>
      </c>
      <c r="U42" s="178">
        <v>0</v>
      </c>
      <c r="V42" s="178">
        <v>12480</v>
      </c>
      <c r="W42" s="179">
        <v>88020</v>
      </c>
      <c r="X42" s="181">
        <v>88020</v>
      </c>
      <c r="Y42" s="117">
        <v>0</v>
      </c>
      <c r="Z42" s="178">
        <v>0</v>
      </c>
      <c r="AA42" s="179">
        <v>0</v>
      </c>
      <c r="AB42" s="117">
        <v>0</v>
      </c>
      <c r="AC42" s="178">
        <v>0</v>
      </c>
      <c r="AD42" s="178">
        <v>0</v>
      </c>
      <c r="AE42" s="178">
        <v>0</v>
      </c>
      <c r="AF42" s="178">
        <v>0</v>
      </c>
      <c r="AG42" s="178">
        <v>0</v>
      </c>
      <c r="AH42" s="179">
        <v>0</v>
      </c>
      <c r="AI42" s="181">
        <v>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44004</v>
      </c>
      <c r="BK42" s="178">
        <v>31536</v>
      </c>
      <c r="BL42" s="178">
        <v>0</v>
      </c>
      <c r="BM42" s="178">
        <v>0</v>
      </c>
      <c r="BN42" s="178">
        <v>0</v>
      </c>
      <c r="BO42" s="179">
        <v>75540</v>
      </c>
      <c r="BP42" s="181">
        <v>75540</v>
      </c>
      <c r="BQ42" s="117">
        <v>0</v>
      </c>
      <c r="BR42" s="178">
        <v>0</v>
      </c>
      <c r="BS42" s="179">
        <v>0</v>
      </c>
      <c r="BT42" s="117">
        <v>0</v>
      </c>
      <c r="BU42" s="178">
        <v>0</v>
      </c>
      <c r="BV42" s="178">
        <v>0</v>
      </c>
      <c r="BW42" s="178">
        <v>0</v>
      </c>
      <c r="BX42" s="178">
        <v>0</v>
      </c>
      <c r="BY42" s="178">
        <v>12480</v>
      </c>
      <c r="BZ42" s="179">
        <v>12480</v>
      </c>
      <c r="CA42" s="181">
        <v>12480</v>
      </c>
      <c r="CB42" s="117">
        <v>0</v>
      </c>
      <c r="CC42" s="178">
        <v>0</v>
      </c>
      <c r="CD42" s="179">
        <v>0</v>
      </c>
      <c r="CE42" s="117">
        <v>0</v>
      </c>
      <c r="CF42" s="178">
        <v>22605</v>
      </c>
      <c r="CG42" s="178">
        <v>82667</v>
      </c>
      <c r="CH42" s="178">
        <v>0</v>
      </c>
      <c r="CI42" s="178">
        <v>0</v>
      </c>
      <c r="CJ42" s="178">
        <v>0</v>
      </c>
      <c r="CK42" s="179">
        <v>105272</v>
      </c>
      <c r="CL42" s="181">
        <v>105272</v>
      </c>
      <c r="CM42" s="117">
        <v>0</v>
      </c>
      <c r="CN42" s="178">
        <v>0</v>
      </c>
      <c r="CO42" s="179">
        <v>0</v>
      </c>
      <c r="CP42" s="182">
        <v>0</v>
      </c>
      <c r="CQ42" s="178">
        <v>22605</v>
      </c>
      <c r="CR42" s="178">
        <v>82667</v>
      </c>
      <c r="CS42" s="178">
        <v>0</v>
      </c>
      <c r="CT42" s="178">
        <v>0</v>
      </c>
      <c r="CU42" s="178">
        <v>0</v>
      </c>
      <c r="CV42" s="179">
        <v>105272</v>
      </c>
      <c r="CW42" s="181">
        <v>105272</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9">
        <v>0</v>
      </c>
      <c r="FE42" s="178">
        <v>0</v>
      </c>
      <c r="FF42" s="178">
        <v>0</v>
      </c>
      <c r="FG42" s="178">
        <v>0</v>
      </c>
      <c r="FH42" s="178">
        <v>0</v>
      </c>
      <c r="FI42" s="178">
        <v>0</v>
      </c>
      <c r="FJ42" s="179">
        <v>0</v>
      </c>
      <c r="FK42" s="181">
        <v>0</v>
      </c>
      <c r="FL42" s="117">
        <v>3200</v>
      </c>
      <c r="FM42" s="178">
        <v>0</v>
      </c>
      <c r="FN42" s="179">
        <v>3200</v>
      </c>
      <c r="FO42" s="117">
        <v>0</v>
      </c>
      <c r="FP42" s="178">
        <v>7536</v>
      </c>
      <c r="FQ42" s="178">
        <v>19008</v>
      </c>
      <c r="FR42" s="178">
        <v>0</v>
      </c>
      <c r="FS42" s="178">
        <v>0</v>
      </c>
      <c r="FT42" s="178">
        <v>0</v>
      </c>
      <c r="FU42" s="179">
        <v>26544</v>
      </c>
      <c r="FV42" s="181">
        <v>29744</v>
      </c>
      <c r="FW42" s="184">
        <v>3200</v>
      </c>
      <c r="FX42" s="178">
        <v>0</v>
      </c>
      <c r="FY42" s="183">
        <v>3200</v>
      </c>
      <c r="FZ42" s="182">
        <v>0</v>
      </c>
      <c r="GA42" s="178">
        <v>7536</v>
      </c>
      <c r="GB42" s="178">
        <v>19008</v>
      </c>
      <c r="GC42" s="178">
        <v>0</v>
      </c>
      <c r="GD42" s="178">
        <v>0</v>
      </c>
      <c r="GE42" s="178">
        <v>0</v>
      </c>
      <c r="GF42" s="179">
        <v>26544</v>
      </c>
      <c r="GG42" s="320">
        <v>29744</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0</v>
      </c>
      <c r="HL42" s="178">
        <v>238785</v>
      </c>
      <c r="HM42" s="179">
        <v>238785</v>
      </c>
      <c r="HN42" s="180">
        <v>238785</v>
      </c>
      <c r="HO42" s="335"/>
      <c r="HP42" s="336"/>
      <c r="HQ42" s="337"/>
      <c r="HR42" s="338"/>
      <c r="HS42" s="336"/>
      <c r="HT42" s="336"/>
      <c r="HU42" s="336"/>
      <c r="HV42" s="336"/>
      <c r="HW42" s="336"/>
      <c r="HX42" s="339"/>
      <c r="HY42" s="340"/>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22">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22">
        <v>0</v>
      </c>
      <c r="JR42" s="163">
        <v>0</v>
      </c>
      <c r="JS42" s="161">
        <v>0</v>
      </c>
      <c r="JT42" s="162">
        <v>0</v>
      </c>
      <c r="JU42" s="164">
        <v>0</v>
      </c>
      <c r="JV42" s="161">
        <v>0</v>
      </c>
      <c r="JW42" s="161">
        <v>0</v>
      </c>
      <c r="JX42" s="161">
        <v>0</v>
      </c>
      <c r="JY42" s="161">
        <v>0</v>
      </c>
      <c r="JZ42" s="161">
        <v>0</v>
      </c>
      <c r="KA42" s="165">
        <v>0</v>
      </c>
      <c r="KB42" s="322">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2">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2">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230227</v>
      </c>
      <c r="MM42" s="161">
        <v>0</v>
      </c>
      <c r="MN42" s="161">
        <v>276763</v>
      </c>
      <c r="MO42" s="165">
        <v>506990</v>
      </c>
      <c r="MP42" s="167">
        <v>506990</v>
      </c>
      <c r="MQ42" s="163">
        <v>0</v>
      </c>
      <c r="MR42" s="161">
        <v>0</v>
      </c>
      <c r="MS42" s="165">
        <v>0</v>
      </c>
      <c r="MT42" s="169"/>
      <c r="MU42" s="161">
        <v>0</v>
      </c>
      <c r="MV42" s="161">
        <v>0</v>
      </c>
      <c r="MW42" s="161">
        <v>230227</v>
      </c>
      <c r="MX42" s="161">
        <v>0</v>
      </c>
      <c r="MY42" s="161">
        <v>276763</v>
      </c>
      <c r="MZ42" s="165">
        <v>506990</v>
      </c>
      <c r="NA42" s="167">
        <v>506990</v>
      </c>
      <c r="NB42" s="163">
        <v>0</v>
      </c>
      <c r="NC42" s="161">
        <v>0</v>
      </c>
      <c r="ND42" s="165">
        <v>0</v>
      </c>
      <c r="NE42" s="169"/>
      <c r="NF42" s="161">
        <v>0</v>
      </c>
      <c r="NG42" s="161">
        <v>0</v>
      </c>
      <c r="NH42" s="161">
        <v>0</v>
      </c>
      <c r="NI42" s="161">
        <v>0</v>
      </c>
      <c r="NJ42" s="161">
        <v>0</v>
      </c>
      <c r="NK42" s="165">
        <v>0</v>
      </c>
      <c r="NL42" s="322">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3200</v>
      </c>
      <c r="OJ42" s="161">
        <v>0</v>
      </c>
      <c r="OK42" s="162">
        <v>3200</v>
      </c>
      <c r="OL42" s="164">
        <v>0</v>
      </c>
      <c r="OM42" s="161">
        <v>74145</v>
      </c>
      <c r="ON42" s="161">
        <v>133211</v>
      </c>
      <c r="OO42" s="161">
        <v>230227</v>
      </c>
      <c r="OP42" s="161">
        <v>0</v>
      </c>
      <c r="OQ42" s="161">
        <v>528028</v>
      </c>
      <c r="OR42" s="165">
        <v>965611</v>
      </c>
      <c r="OS42" s="167">
        <v>968811</v>
      </c>
    </row>
    <row r="43" spans="2:409" x14ac:dyDescent="0.2">
      <c r="B43" s="44"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5" customWidth="1"/>
    <col min="83" max="83" width="7.6640625" style="325" customWidth="1"/>
    <col min="84" max="84" width="9.88671875" style="325" customWidth="1"/>
    <col min="85" max="85" width="10" style="325" customWidth="1"/>
    <col min="86" max="86" width="9.77734375" style="325" customWidth="1"/>
    <col min="87" max="87" width="9.21875" style="325" customWidth="1"/>
    <col min="88" max="88" width="8.77734375" style="325" customWidth="1"/>
    <col min="89" max="89" width="9.88671875" style="325" customWidth="1"/>
    <col min="90" max="90" width="9.77734375" style="325"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5" customWidth="1"/>
    <col min="116" max="116" width="7.21875" style="325" customWidth="1"/>
    <col min="117" max="121" width="8.21875" style="325" customWidth="1"/>
    <col min="122" max="122" width="10.109375" style="325" customWidth="1"/>
    <col min="123" max="123" width="9.77734375" style="325"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5" customWidth="1"/>
    <col min="171" max="171" width="6.6640625" style="325" customWidth="1"/>
    <col min="172" max="176" width="8.21875" style="325" customWidth="1"/>
    <col min="177" max="177" width="10.109375" style="325" customWidth="1"/>
    <col min="178" max="178" width="9.88671875" style="325"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368">
        <f>第１表!F2</f>
        <v>4</v>
      </c>
      <c r="F1" s="251">
        <f>第１表!G2</f>
        <v>7</v>
      </c>
      <c r="G1" s="650">
        <f>IF(F1&lt;3,F1-2+12,F1-2)</f>
        <v>5</v>
      </c>
      <c r="H1" s="650"/>
      <c r="IB1" s="368"/>
      <c r="IC1" s="253"/>
      <c r="ID1" s="641"/>
      <c r="IE1" s="641"/>
    </row>
    <row r="2" spans="1:409" ht="24" customHeight="1" x14ac:dyDescent="0.2">
      <c r="B2" s="20" t="s">
        <v>147</v>
      </c>
      <c r="E2" s="250"/>
      <c r="F2" s="251"/>
      <c r="G2" s="355"/>
      <c r="H2" s="355"/>
      <c r="IB2" s="252"/>
      <c r="IC2" s="253"/>
      <c r="ID2" s="371"/>
      <c r="IE2" s="371"/>
    </row>
    <row r="3" spans="1:409" ht="24" customHeight="1" thickBot="1" x14ac:dyDescent="0.25">
      <c r="B3" s="20" t="s">
        <v>156</v>
      </c>
    </row>
    <row r="4" spans="1:409" ht="18" customHeight="1" thickBot="1" x14ac:dyDescent="0.25">
      <c r="B4" s="677" t="s">
        <v>42</v>
      </c>
      <c r="C4" s="680" t="s">
        <v>63</v>
      </c>
      <c r="D4" s="680"/>
      <c r="E4" s="680"/>
      <c r="F4" s="680"/>
      <c r="G4" s="680"/>
      <c r="H4" s="680"/>
      <c r="I4" s="680"/>
      <c r="J4" s="680"/>
      <c r="K4" s="680"/>
      <c r="L4" s="680"/>
      <c r="M4" s="680"/>
      <c r="N4" s="683"/>
      <c r="O4" s="683"/>
      <c r="P4" s="683"/>
      <c r="Q4" s="683"/>
      <c r="R4" s="683"/>
      <c r="S4" s="683"/>
      <c r="T4" s="683"/>
      <c r="U4" s="683"/>
      <c r="V4" s="683"/>
      <c r="W4" s="683"/>
      <c r="X4" s="683"/>
      <c r="Y4" s="683"/>
      <c r="Z4" s="683"/>
      <c r="AA4" s="683"/>
      <c r="AB4" s="683"/>
      <c r="AC4" s="683"/>
      <c r="AD4" s="683"/>
      <c r="AE4" s="683"/>
      <c r="AF4" s="683"/>
      <c r="AG4" s="683"/>
      <c r="AH4" s="683"/>
      <c r="AI4" s="683"/>
      <c r="AJ4" s="683"/>
      <c r="AK4" s="683"/>
      <c r="AL4" s="683"/>
      <c r="AM4" s="683"/>
      <c r="AN4" s="683"/>
      <c r="AO4" s="683"/>
      <c r="AP4" s="683"/>
      <c r="AQ4" s="683"/>
      <c r="AR4" s="683"/>
      <c r="AS4" s="683"/>
      <c r="AT4" s="683"/>
      <c r="AU4" s="683"/>
      <c r="AV4" s="683"/>
      <c r="AW4" s="683"/>
      <c r="AX4" s="683"/>
      <c r="AY4" s="683"/>
      <c r="AZ4" s="683"/>
      <c r="BA4" s="683"/>
      <c r="BB4" s="683"/>
      <c r="BC4" s="683"/>
      <c r="BD4" s="683"/>
      <c r="BE4" s="683"/>
      <c r="BF4" s="683"/>
      <c r="BG4" s="683"/>
      <c r="BH4" s="683"/>
      <c r="BI4" s="683"/>
      <c r="BJ4" s="683"/>
      <c r="BK4" s="683"/>
      <c r="BL4" s="683"/>
      <c r="BM4" s="683"/>
      <c r="BN4" s="683"/>
      <c r="BO4" s="683"/>
      <c r="BP4" s="683"/>
      <c r="BQ4" s="683"/>
      <c r="BR4" s="683"/>
      <c r="BS4" s="683"/>
      <c r="BT4" s="683"/>
      <c r="BU4" s="683"/>
      <c r="BV4" s="683"/>
      <c r="BW4" s="683"/>
      <c r="BX4" s="683"/>
      <c r="BY4" s="683"/>
      <c r="BZ4" s="683"/>
      <c r="CA4" s="683"/>
      <c r="CB4" s="683"/>
      <c r="CC4" s="683"/>
      <c r="CD4" s="683"/>
      <c r="CE4" s="683"/>
      <c r="CF4" s="683"/>
      <c r="CG4" s="683"/>
      <c r="CH4" s="683"/>
      <c r="CI4" s="683"/>
      <c r="CJ4" s="683"/>
      <c r="CK4" s="683"/>
      <c r="CL4" s="683"/>
      <c r="CM4" s="683"/>
      <c r="CN4" s="683"/>
      <c r="CO4" s="683"/>
      <c r="CP4" s="683"/>
      <c r="CQ4" s="683"/>
      <c r="CR4" s="683"/>
      <c r="CS4" s="683"/>
      <c r="CT4" s="683"/>
      <c r="CU4" s="683"/>
      <c r="CV4" s="683"/>
      <c r="CW4" s="683"/>
      <c r="CX4" s="683"/>
      <c r="CY4" s="683"/>
      <c r="CZ4" s="683"/>
      <c r="DA4" s="683"/>
      <c r="DB4" s="683"/>
      <c r="DC4" s="683"/>
      <c r="DD4" s="683"/>
      <c r="DE4" s="683"/>
      <c r="DF4" s="683"/>
      <c r="DG4" s="683"/>
      <c r="DH4" s="683"/>
      <c r="DI4" s="683"/>
      <c r="DJ4" s="683"/>
      <c r="DK4" s="683"/>
      <c r="DL4" s="683"/>
      <c r="DM4" s="683"/>
      <c r="DN4" s="683"/>
      <c r="DO4" s="683"/>
      <c r="DP4" s="683"/>
      <c r="DQ4" s="683"/>
      <c r="DR4" s="683"/>
      <c r="DS4" s="683"/>
      <c r="DT4" s="683"/>
      <c r="DU4" s="683"/>
      <c r="DV4" s="683"/>
      <c r="DW4" s="683"/>
      <c r="DX4" s="683"/>
      <c r="DY4" s="683"/>
      <c r="DZ4" s="683"/>
      <c r="EA4" s="683"/>
      <c r="EB4" s="683"/>
      <c r="EC4" s="683"/>
      <c r="ED4" s="683"/>
      <c r="EE4" s="683"/>
      <c r="EF4" s="683"/>
      <c r="EG4" s="683"/>
      <c r="EH4" s="683"/>
      <c r="EI4" s="683"/>
      <c r="EJ4" s="683"/>
      <c r="EK4" s="683"/>
      <c r="EL4" s="683"/>
      <c r="EM4" s="683"/>
      <c r="EN4" s="683"/>
      <c r="EO4" s="683"/>
      <c r="EP4" s="683"/>
      <c r="EQ4" s="683"/>
      <c r="ER4" s="683"/>
      <c r="ES4" s="683"/>
      <c r="ET4" s="683"/>
      <c r="EU4" s="683"/>
      <c r="EV4" s="683"/>
      <c r="EW4" s="683"/>
      <c r="EX4" s="683"/>
      <c r="EY4" s="683"/>
      <c r="EZ4" s="683"/>
      <c r="FA4" s="683"/>
      <c r="FB4" s="683"/>
      <c r="FC4" s="683"/>
      <c r="FD4" s="683"/>
      <c r="FE4" s="683"/>
      <c r="FF4" s="683"/>
      <c r="FG4" s="683"/>
      <c r="FH4" s="683"/>
      <c r="FI4" s="683"/>
      <c r="FJ4" s="683"/>
      <c r="FK4" s="683"/>
      <c r="FL4" s="683"/>
      <c r="FM4" s="683"/>
      <c r="FN4" s="683"/>
      <c r="FO4" s="683"/>
      <c r="FP4" s="683"/>
      <c r="FQ4" s="683"/>
      <c r="FR4" s="683"/>
      <c r="FS4" s="683"/>
      <c r="FT4" s="683"/>
      <c r="FU4" s="683"/>
      <c r="FV4" s="683"/>
      <c r="FW4" s="683"/>
      <c r="FX4" s="683"/>
      <c r="FY4" s="683"/>
      <c r="FZ4" s="683"/>
      <c r="GA4" s="683"/>
      <c r="GB4" s="683"/>
      <c r="GC4" s="683"/>
      <c r="GD4" s="683"/>
      <c r="GE4" s="683"/>
      <c r="GF4" s="683"/>
      <c r="GG4" s="683"/>
      <c r="GH4" s="683"/>
      <c r="GI4" s="683"/>
      <c r="GJ4" s="683"/>
      <c r="GK4" s="683"/>
      <c r="GL4" s="683"/>
      <c r="GM4" s="683"/>
      <c r="GN4" s="683"/>
      <c r="GO4" s="683"/>
      <c r="GP4" s="683"/>
      <c r="GQ4" s="683"/>
      <c r="GR4" s="683"/>
      <c r="GS4" s="683"/>
      <c r="GT4" s="683"/>
      <c r="GU4" s="683"/>
      <c r="GV4" s="683"/>
      <c r="GW4" s="683"/>
      <c r="GX4" s="683"/>
      <c r="GY4" s="683"/>
      <c r="GZ4" s="683"/>
      <c r="HA4" s="683"/>
      <c r="HB4" s="683"/>
      <c r="HC4" s="683"/>
      <c r="HD4" s="683"/>
      <c r="HE4" s="683"/>
      <c r="HF4" s="683"/>
      <c r="HG4" s="683"/>
      <c r="HH4" s="683"/>
      <c r="HI4" s="683"/>
      <c r="HJ4" s="683"/>
      <c r="HK4" s="683"/>
      <c r="HL4" s="683"/>
      <c r="HM4" s="683"/>
      <c r="HN4" s="683"/>
      <c r="HO4" s="683"/>
      <c r="HP4" s="683"/>
      <c r="HQ4" s="683"/>
      <c r="HR4" s="683"/>
      <c r="HS4" s="683"/>
      <c r="HT4" s="683"/>
      <c r="HU4" s="683"/>
      <c r="HV4" s="683"/>
      <c r="HW4" s="683"/>
      <c r="HX4" s="683"/>
      <c r="HY4" s="684"/>
      <c r="HZ4" s="638" t="s">
        <v>85</v>
      </c>
      <c r="IA4" s="639"/>
      <c r="IB4" s="639"/>
      <c r="IC4" s="639"/>
      <c r="ID4" s="639"/>
      <c r="IE4" s="639"/>
      <c r="IF4" s="639"/>
      <c r="IG4" s="639"/>
      <c r="IH4" s="639"/>
      <c r="II4" s="639"/>
      <c r="IJ4" s="639"/>
      <c r="IK4" s="639"/>
      <c r="IL4" s="639"/>
      <c r="IM4" s="639"/>
      <c r="IN4" s="639"/>
      <c r="IO4" s="639"/>
      <c r="IP4" s="639"/>
      <c r="IQ4" s="639"/>
      <c r="IR4" s="639"/>
      <c r="IS4" s="639"/>
      <c r="IT4" s="639"/>
      <c r="IU4" s="639"/>
      <c r="IV4" s="639"/>
      <c r="IW4" s="639"/>
      <c r="IX4" s="639"/>
      <c r="IY4" s="639"/>
      <c r="IZ4" s="639"/>
      <c r="JA4" s="639"/>
      <c r="JB4" s="639"/>
      <c r="JC4" s="639"/>
      <c r="JD4" s="639"/>
      <c r="JE4" s="639"/>
      <c r="JF4" s="639"/>
      <c r="JG4" s="639"/>
      <c r="JH4" s="639"/>
      <c r="JI4" s="639"/>
      <c r="JJ4" s="639"/>
      <c r="JK4" s="639"/>
      <c r="JL4" s="639"/>
      <c r="JM4" s="639"/>
      <c r="JN4" s="639"/>
      <c r="JO4" s="639"/>
      <c r="JP4" s="639"/>
      <c r="JQ4" s="639"/>
      <c r="JR4" s="639"/>
      <c r="JS4" s="639"/>
      <c r="JT4" s="639"/>
      <c r="JU4" s="639"/>
      <c r="JV4" s="639"/>
      <c r="JW4" s="639"/>
      <c r="JX4" s="639"/>
      <c r="JY4" s="639"/>
      <c r="JZ4" s="639"/>
      <c r="KA4" s="639"/>
      <c r="KB4" s="639"/>
      <c r="KC4" s="639"/>
      <c r="KD4" s="639"/>
      <c r="KE4" s="639"/>
      <c r="KF4" s="639"/>
      <c r="KG4" s="639"/>
      <c r="KH4" s="639"/>
      <c r="KI4" s="639"/>
      <c r="KJ4" s="639"/>
      <c r="KK4" s="639"/>
      <c r="KL4" s="639"/>
      <c r="KM4" s="639"/>
      <c r="KN4" s="639"/>
      <c r="KO4" s="639"/>
      <c r="KP4" s="639"/>
      <c r="KQ4" s="639"/>
      <c r="KR4" s="639"/>
      <c r="KS4" s="639"/>
      <c r="KT4" s="639"/>
      <c r="KU4" s="639"/>
      <c r="KV4" s="639"/>
      <c r="KW4" s="639"/>
      <c r="KX4" s="639"/>
      <c r="KY4" s="639"/>
      <c r="KZ4" s="639"/>
      <c r="LA4" s="639"/>
      <c r="LB4" s="639"/>
      <c r="LC4" s="639"/>
      <c r="LD4" s="639"/>
      <c r="LE4" s="639"/>
      <c r="LF4" s="639"/>
      <c r="LG4" s="639"/>
      <c r="LH4" s="639"/>
      <c r="LI4" s="639"/>
      <c r="LJ4" s="639"/>
      <c r="LK4" s="639"/>
      <c r="LL4" s="639"/>
      <c r="LM4" s="639"/>
      <c r="LN4" s="639"/>
      <c r="LO4" s="639"/>
      <c r="LP4" s="639"/>
      <c r="LQ4" s="639"/>
      <c r="LR4" s="639"/>
      <c r="LS4" s="639"/>
      <c r="LT4" s="639"/>
      <c r="LU4" s="639"/>
      <c r="LV4" s="639"/>
      <c r="LW4" s="639"/>
      <c r="LX4" s="639"/>
      <c r="LY4" s="639"/>
      <c r="LZ4" s="639"/>
      <c r="MA4" s="639"/>
      <c r="MB4" s="639"/>
      <c r="MC4" s="639"/>
      <c r="MD4" s="639"/>
      <c r="ME4" s="640"/>
      <c r="MF4" s="638" t="s">
        <v>86</v>
      </c>
      <c r="MG4" s="639"/>
      <c r="MH4" s="639"/>
      <c r="MI4" s="639"/>
      <c r="MJ4" s="639"/>
      <c r="MK4" s="639"/>
      <c r="ML4" s="639"/>
      <c r="MM4" s="639"/>
      <c r="MN4" s="639"/>
      <c r="MO4" s="639"/>
      <c r="MP4" s="639"/>
      <c r="MQ4" s="639"/>
      <c r="MR4" s="639"/>
      <c r="MS4" s="639"/>
      <c r="MT4" s="639"/>
      <c r="MU4" s="639"/>
      <c r="MV4" s="639"/>
      <c r="MW4" s="639"/>
      <c r="MX4" s="639"/>
      <c r="MY4" s="639"/>
      <c r="MZ4" s="639"/>
      <c r="NA4" s="639"/>
      <c r="NB4" s="639"/>
      <c r="NC4" s="639"/>
      <c r="ND4" s="639"/>
      <c r="NE4" s="639"/>
      <c r="NF4" s="639"/>
      <c r="NG4" s="639"/>
      <c r="NH4" s="639"/>
      <c r="NI4" s="639"/>
      <c r="NJ4" s="639"/>
      <c r="NK4" s="639"/>
      <c r="NL4" s="639"/>
      <c r="NM4" s="639"/>
      <c r="NN4" s="639"/>
      <c r="NO4" s="639"/>
      <c r="NP4" s="639"/>
      <c r="NQ4" s="639"/>
      <c r="NR4" s="639"/>
      <c r="NS4" s="639"/>
      <c r="NT4" s="639"/>
      <c r="NU4" s="639"/>
      <c r="NV4" s="639"/>
      <c r="NW4" s="639"/>
      <c r="NX4" s="639"/>
      <c r="NY4" s="639"/>
      <c r="NZ4" s="639"/>
      <c r="OA4" s="639"/>
      <c r="OB4" s="639"/>
      <c r="OC4" s="639"/>
      <c r="OD4" s="639"/>
      <c r="OE4" s="639"/>
      <c r="OF4" s="639"/>
      <c r="OG4" s="639"/>
      <c r="OH4" s="640"/>
      <c r="OI4" s="594" t="s">
        <v>60</v>
      </c>
      <c r="OJ4" s="503"/>
      <c r="OK4" s="503"/>
      <c r="OL4" s="503"/>
      <c r="OM4" s="503"/>
      <c r="ON4" s="503"/>
      <c r="OO4" s="503"/>
      <c r="OP4" s="503"/>
      <c r="OQ4" s="503"/>
      <c r="OR4" s="503"/>
      <c r="OS4" s="504"/>
    </row>
    <row r="5" spans="1:409" ht="18" customHeight="1" thickBot="1" x14ac:dyDescent="0.25">
      <c r="B5" s="678"/>
      <c r="C5" s="681"/>
      <c r="D5" s="681"/>
      <c r="E5" s="681"/>
      <c r="F5" s="681"/>
      <c r="G5" s="681"/>
      <c r="H5" s="681"/>
      <c r="I5" s="681"/>
      <c r="J5" s="681"/>
      <c r="K5" s="681"/>
      <c r="L5" s="681"/>
      <c r="M5" s="681"/>
      <c r="N5" s="685" t="s">
        <v>64</v>
      </c>
      <c r="O5" s="686"/>
      <c r="P5" s="686"/>
      <c r="Q5" s="686"/>
      <c r="R5" s="686"/>
      <c r="S5" s="686"/>
      <c r="T5" s="686"/>
      <c r="U5" s="686"/>
      <c r="V5" s="686"/>
      <c r="W5" s="686"/>
      <c r="X5" s="686"/>
      <c r="Y5" s="686"/>
      <c r="Z5" s="686"/>
      <c r="AA5" s="686"/>
      <c r="AB5" s="686"/>
      <c r="AC5" s="686"/>
      <c r="AD5" s="686"/>
      <c r="AE5" s="686"/>
      <c r="AF5" s="686"/>
      <c r="AG5" s="686"/>
      <c r="AH5" s="686"/>
      <c r="AI5" s="686"/>
      <c r="AJ5" s="686"/>
      <c r="AK5" s="686"/>
      <c r="AL5" s="686"/>
      <c r="AM5" s="686"/>
      <c r="AN5" s="686"/>
      <c r="AO5" s="686"/>
      <c r="AP5" s="686"/>
      <c r="AQ5" s="686"/>
      <c r="AR5" s="686"/>
      <c r="AS5" s="686"/>
      <c r="AT5" s="686"/>
      <c r="AU5" s="686"/>
      <c r="AV5" s="686"/>
      <c r="AW5" s="686"/>
      <c r="AX5" s="686"/>
      <c r="AY5" s="686"/>
      <c r="AZ5" s="686"/>
      <c r="BA5" s="686"/>
      <c r="BB5" s="686"/>
      <c r="BC5" s="686"/>
      <c r="BD5" s="686"/>
      <c r="BE5" s="686"/>
      <c r="BF5" s="686"/>
      <c r="BG5" s="686"/>
      <c r="BH5" s="686"/>
      <c r="BI5" s="686"/>
      <c r="BJ5" s="686"/>
      <c r="BK5" s="686"/>
      <c r="BL5" s="686"/>
      <c r="BM5" s="686"/>
      <c r="BN5" s="686"/>
      <c r="BO5" s="686"/>
      <c r="BP5" s="686"/>
      <c r="BQ5" s="686"/>
      <c r="BR5" s="686"/>
      <c r="BS5" s="686"/>
      <c r="BT5" s="686"/>
      <c r="BU5" s="686"/>
      <c r="BV5" s="686"/>
      <c r="BW5" s="686"/>
      <c r="BX5" s="686"/>
      <c r="BY5" s="686"/>
      <c r="BZ5" s="686"/>
      <c r="CA5" s="687"/>
      <c r="CB5" s="685" t="s">
        <v>65</v>
      </c>
      <c r="CC5" s="686"/>
      <c r="CD5" s="686"/>
      <c r="CE5" s="686"/>
      <c r="CF5" s="686"/>
      <c r="CG5" s="686"/>
      <c r="CH5" s="686"/>
      <c r="CI5" s="686"/>
      <c r="CJ5" s="686"/>
      <c r="CK5" s="686"/>
      <c r="CL5" s="686"/>
      <c r="CM5" s="686"/>
      <c r="CN5" s="686"/>
      <c r="CO5" s="686"/>
      <c r="CP5" s="686"/>
      <c r="CQ5" s="686"/>
      <c r="CR5" s="686"/>
      <c r="CS5" s="686"/>
      <c r="CT5" s="686"/>
      <c r="CU5" s="686"/>
      <c r="CV5" s="686"/>
      <c r="CW5" s="686"/>
      <c r="CX5" s="686"/>
      <c r="CY5" s="686"/>
      <c r="CZ5" s="686"/>
      <c r="DA5" s="686"/>
      <c r="DB5" s="686"/>
      <c r="DC5" s="686"/>
      <c r="DD5" s="686"/>
      <c r="DE5" s="686"/>
      <c r="DF5" s="686"/>
      <c r="DG5" s="686"/>
      <c r="DH5" s="687"/>
      <c r="DI5" s="507" t="s">
        <v>66</v>
      </c>
      <c r="DJ5" s="508"/>
      <c r="DK5" s="508"/>
      <c r="DL5" s="508"/>
      <c r="DM5" s="508"/>
      <c r="DN5" s="508"/>
      <c r="DO5" s="508"/>
      <c r="DP5" s="508"/>
      <c r="DQ5" s="508"/>
      <c r="DR5" s="508"/>
      <c r="DS5" s="508"/>
      <c r="DT5" s="508"/>
      <c r="DU5" s="508"/>
      <c r="DV5" s="508"/>
      <c r="DW5" s="508"/>
      <c r="DX5" s="508"/>
      <c r="DY5" s="508"/>
      <c r="DZ5" s="508"/>
      <c r="EA5" s="508"/>
      <c r="EB5" s="508"/>
      <c r="EC5" s="508"/>
      <c r="ED5" s="508"/>
      <c r="EE5" s="508"/>
      <c r="EF5" s="508"/>
      <c r="EG5" s="508"/>
      <c r="EH5" s="508"/>
      <c r="EI5" s="508"/>
      <c r="EJ5" s="508"/>
      <c r="EK5" s="508"/>
      <c r="EL5" s="508"/>
      <c r="EM5" s="508"/>
      <c r="EN5" s="508"/>
      <c r="EO5" s="508"/>
      <c r="EP5" s="508"/>
      <c r="EQ5" s="508"/>
      <c r="ER5" s="508"/>
      <c r="ES5" s="508"/>
      <c r="ET5" s="508"/>
      <c r="EU5" s="508"/>
      <c r="EV5" s="508"/>
      <c r="EW5" s="508"/>
      <c r="EX5" s="508"/>
      <c r="EY5" s="508"/>
      <c r="EZ5" s="508"/>
      <c r="FA5" s="508"/>
      <c r="FB5" s="508"/>
      <c r="FC5" s="508"/>
      <c r="FD5" s="508"/>
      <c r="FE5" s="508"/>
      <c r="FF5" s="508"/>
      <c r="FG5" s="508"/>
      <c r="FH5" s="508"/>
      <c r="FI5" s="508"/>
      <c r="FJ5" s="508"/>
      <c r="FK5" s="509"/>
      <c r="FL5" s="685" t="s">
        <v>67</v>
      </c>
      <c r="FM5" s="686"/>
      <c r="FN5" s="686"/>
      <c r="FO5" s="686"/>
      <c r="FP5" s="686"/>
      <c r="FQ5" s="686"/>
      <c r="FR5" s="686"/>
      <c r="FS5" s="686"/>
      <c r="FT5" s="686"/>
      <c r="FU5" s="686"/>
      <c r="FV5" s="686"/>
      <c r="FW5" s="686"/>
      <c r="FX5" s="686"/>
      <c r="FY5" s="686"/>
      <c r="FZ5" s="686"/>
      <c r="GA5" s="686"/>
      <c r="GB5" s="686"/>
      <c r="GC5" s="686"/>
      <c r="GD5" s="686"/>
      <c r="GE5" s="686"/>
      <c r="GF5" s="686"/>
      <c r="GG5" s="686"/>
      <c r="GH5" s="686"/>
      <c r="GI5" s="686"/>
      <c r="GJ5" s="686"/>
      <c r="GK5" s="686"/>
      <c r="GL5" s="686"/>
      <c r="GM5" s="686"/>
      <c r="GN5" s="686"/>
      <c r="GO5" s="686"/>
      <c r="GP5" s="686"/>
      <c r="GQ5" s="686"/>
      <c r="GR5" s="686"/>
      <c r="GS5" s="686"/>
      <c r="GT5" s="686"/>
      <c r="GU5" s="686"/>
      <c r="GV5" s="686"/>
      <c r="GW5" s="686"/>
      <c r="GX5" s="686"/>
      <c r="GY5" s="686"/>
      <c r="GZ5" s="686"/>
      <c r="HA5" s="686"/>
      <c r="HB5" s="686"/>
      <c r="HC5" s="687"/>
      <c r="HD5" s="688" t="s">
        <v>68</v>
      </c>
      <c r="HE5" s="689"/>
      <c r="HF5" s="689"/>
      <c r="HG5" s="689"/>
      <c r="HH5" s="689"/>
      <c r="HI5" s="689"/>
      <c r="HJ5" s="689"/>
      <c r="HK5" s="689"/>
      <c r="HL5" s="689"/>
      <c r="HM5" s="689"/>
      <c r="HN5" s="690"/>
      <c r="HO5" s="688" t="s">
        <v>69</v>
      </c>
      <c r="HP5" s="689"/>
      <c r="HQ5" s="689"/>
      <c r="HR5" s="689"/>
      <c r="HS5" s="689"/>
      <c r="HT5" s="689"/>
      <c r="HU5" s="689"/>
      <c r="HV5" s="689"/>
      <c r="HW5" s="689"/>
      <c r="HX5" s="689"/>
      <c r="HY5" s="690"/>
      <c r="HZ5" s="617"/>
      <c r="IA5" s="618"/>
      <c r="IB5" s="618"/>
      <c r="IC5" s="618"/>
      <c r="ID5" s="618"/>
      <c r="IE5" s="618"/>
      <c r="IF5" s="618"/>
      <c r="IG5" s="618"/>
      <c r="IH5" s="618"/>
      <c r="II5" s="618"/>
      <c r="IJ5" s="619"/>
      <c r="IK5" s="594" t="s">
        <v>94</v>
      </c>
      <c r="IL5" s="503"/>
      <c r="IM5" s="503"/>
      <c r="IN5" s="503"/>
      <c r="IO5" s="503"/>
      <c r="IP5" s="503"/>
      <c r="IQ5" s="503"/>
      <c r="IR5" s="503"/>
      <c r="IS5" s="503"/>
      <c r="IT5" s="503"/>
      <c r="IU5" s="504"/>
      <c r="IV5" s="594" t="s">
        <v>88</v>
      </c>
      <c r="IW5" s="503"/>
      <c r="IX5" s="503"/>
      <c r="IY5" s="503"/>
      <c r="IZ5" s="503"/>
      <c r="JA5" s="503"/>
      <c r="JB5" s="503"/>
      <c r="JC5" s="503"/>
      <c r="JD5" s="503"/>
      <c r="JE5" s="503"/>
      <c r="JF5" s="504"/>
      <c r="JG5" s="623" t="s">
        <v>144</v>
      </c>
      <c r="JH5" s="624"/>
      <c r="JI5" s="624"/>
      <c r="JJ5" s="624"/>
      <c r="JK5" s="624"/>
      <c r="JL5" s="624"/>
      <c r="JM5" s="624"/>
      <c r="JN5" s="624"/>
      <c r="JO5" s="624"/>
      <c r="JP5" s="624"/>
      <c r="JQ5" s="625"/>
      <c r="JR5" s="594" t="s">
        <v>90</v>
      </c>
      <c r="JS5" s="503"/>
      <c r="JT5" s="503"/>
      <c r="JU5" s="503"/>
      <c r="JV5" s="503"/>
      <c r="JW5" s="503"/>
      <c r="JX5" s="503"/>
      <c r="JY5" s="503"/>
      <c r="JZ5" s="503"/>
      <c r="KA5" s="503"/>
      <c r="KB5" s="504"/>
      <c r="KC5" s="594" t="s">
        <v>89</v>
      </c>
      <c r="KD5" s="503"/>
      <c r="KE5" s="503"/>
      <c r="KF5" s="503"/>
      <c r="KG5" s="503"/>
      <c r="KH5" s="503"/>
      <c r="KI5" s="503"/>
      <c r="KJ5" s="503"/>
      <c r="KK5" s="503"/>
      <c r="KL5" s="503"/>
      <c r="KM5" s="504"/>
      <c r="KN5" s="594" t="s">
        <v>91</v>
      </c>
      <c r="KO5" s="503"/>
      <c r="KP5" s="503"/>
      <c r="KQ5" s="503"/>
      <c r="KR5" s="503"/>
      <c r="KS5" s="503"/>
      <c r="KT5" s="503"/>
      <c r="KU5" s="503"/>
      <c r="KV5" s="503"/>
      <c r="KW5" s="503"/>
      <c r="KX5" s="504"/>
      <c r="KY5" s="594" t="s">
        <v>92</v>
      </c>
      <c r="KZ5" s="503"/>
      <c r="LA5" s="503"/>
      <c r="LB5" s="503"/>
      <c r="LC5" s="503"/>
      <c r="LD5" s="503"/>
      <c r="LE5" s="503"/>
      <c r="LF5" s="503"/>
      <c r="LG5" s="503"/>
      <c r="LH5" s="503"/>
      <c r="LI5" s="504"/>
      <c r="LJ5" s="629" t="s">
        <v>93</v>
      </c>
      <c r="LK5" s="630"/>
      <c r="LL5" s="630"/>
      <c r="LM5" s="630"/>
      <c r="LN5" s="630"/>
      <c r="LO5" s="630"/>
      <c r="LP5" s="630"/>
      <c r="LQ5" s="630"/>
      <c r="LR5" s="630"/>
      <c r="LS5" s="630"/>
      <c r="LT5" s="631"/>
      <c r="LU5" s="632" t="s">
        <v>145</v>
      </c>
      <c r="LV5" s="633"/>
      <c r="LW5" s="633"/>
      <c r="LX5" s="633"/>
      <c r="LY5" s="633"/>
      <c r="LZ5" s="633"/>
      <c r="MA5" s="633"/>
      <c r="MB5" s="633"/>
      <c r="MC5" s="633"/>
      <c r="MD5" s="633"/>
      <c r="ME5" s="634"/>
      <c r="MF5" s="617"/>
      <c r="MG5" s="618"/>
      <c r="MH5" s="618"/>
      <c r="MI5" s="618"/>
      <c r="MJ5" s="618"/>
      <c r="MK5" s="618"/>
      <c r="ML5" s="618"/>
      <c r="MM5" s="618"/>
      <c r="MN5" s="618"/>
      <c r="MO5" s="618"/>
      <c r="MP5" s="619"/>
      <c r="MQ5" s="594" t="s">
        <v>57</v>
      </c>
      <c r="MR5" s="503"/>
      <c r="MS5" s="503"/>
      <c r="MT5" s="503"/>
      <c r="MU5" s="503"/>
      <c r="MV5" s="503"/>
      <c r="MW5" s="503"/>
      <c r="MX5" s="503"/>
      <c r="MY5" s="503"/>
      <c r="MZ5" s="503"/>
      <c r="NA5" s="504"/>
      <c r="NB5" s="594" t="s">
        <v>58</v>
      </c>
      <c r="NC5" s="503"/>
      <c r="ND5" s="503"/>
      <c r="NE5" s="503"/>
      <c r="NF5" s="503"/>
      <c r="NG5" s="503"/>
      <c r="NH5" s="503"/>
      <c r="NI5" s="503"/>
      <c r="NJ5" s="503"/>
      <c r="NK5" s="503"/>
      <c r="NL5" s="504"/>
      <c r="NM5" s="594" t="s">
        <v>59</v>
      </c>
      <c r="NN5" s="503"/>
      <c r="NO5" s="503"/>
      <c r="NP5" s="503"/>
      <c r="NQ5" s="503"/>
      <c r="NR5" s="503"/>
      <c r="NS5" s="503"/>
      <c r="NT5" s="503"/>
      <c r="NU5" s="503"/>
      <c r="NV5" s="503"/>
      <c r="NW5" s="504"/>
      <c r="NX5" s="642" t="s">
        <v>151</v>
      </c>
      <c r="NY5" s="643"/>
      <c r="NZ5" s="643"/>
      <c r="OA5" s="643"/>
      <c r="OB5" s="643"/>
      <c r="OC5" s="643"/>
      <c r="OD5" s="643"/>
      <c r="OE5" s="643"/>
      <c r="OF5" s="643"/>
      <c r="OG5" s="643"/>
      <c r="OH5" s="644"/>
      <c r="OI5" s="614"/>
      <c r="OJ5" s="615"/>
      <c r="OK5" s="615"/>
      <c r="OL5" s="615"/>
      <c r="OM5" s="615"/>
      <c r="ON5" s="615"/>
      <c r="OO5" s="615"/>
      <c r="OP5" s="615"/>
      <c r="OQ5" s="615"/>
      <c r="OR5" s="615"/>
      <c r="OS5" s="616"/>
    </row>
    <row r="6" spans="1:409" ht="18" customHeight="1" thickBot="1" x14ac:dyDescent="0.25">
      <c r="B6" s="678"/>
      <c r="C6" s="682"/>
      <c r="D6" s="682"/>
      <c r="E6" s="682"/>
      <c r="F6" s="682"/>
      <c r="G6" s="682"/>
      <c r="H6" s="682"/>
      <c r="I6" s="682"/>
      <c r="J6" s="682"/>
      <c r="K6" s="682"/>
      <c r="L6" s="682"/>
      <c r="M6" s="682"/>
      <c r="N6" s="516"/>
      <c r="O6" s="517"/>
      <c r="P6" s="517"/>
      <c r="Q6" s="517"/>
      <c r="R6" s="517"/>
      <c r="S6" s="517"/>
      <c r="T6" s="517"/>
      <c r="U6" s="517"/>
      <c r="V6" s="517"/>
      <c r="W6" s="517"/>
      <c r="X6" s="518"/>
      <c r="Y6" s="697" t="s">
        <v>70</v>
      </c>
      <c r="Z6" s="520"/>
      <c r="AA6" s="520"/>
      <c r="AB6" s="520"/>
      <c r="AC6" s="520"/>
      <c r="AD6" s="520"/>
      <c r="AE6" s="520"/>
      <c r="AF6" s="520"/>
      <c r="AG6" s="520"/>
      <c r="AH6" s="520"/>
      <c r="AI6" s="521"/>
      <c r="AJ6" s="694" t="s">
        <v>71</v>
      </c>
      <c r="AK6" s="695"/>
      <c r="AL6" s="695"/>
      <c r="AM6" s="695"/>
      <c r="AN6" s="695"/>
      <c r="AO6" s="695"/>
      <c r="AP6" s="695"/>
      <c r="AQ6" s="695"/>
      <c r="AR6" s="695"/>
      <c r="AS6" s="695"/>
      <c r="AT6" s="696"/>
      <c r="AU6" s="694" t="s">
        <v>72</v>
      </c>
      <c r="AV6" s="695"/>
      <c r="AW6" s="695"/>
      <c r="AX6" s="695"/>
      <c r="AY6" s="695"/>
      <c r="AZ6" s="695"/>
      <c r="BA6" s="695"/>
      <c r="BB6" s="695"/>
      <c r="BC6" s="695"/>
      <c r="BD6" s="695"/>
      <c r="BE6" s="696"/>
      <c r="BF6" s="694" t="s">
        <v>73</v>
      </c>
      <c r="BG6" s="695"/>
      <c r="BH6" s="695"/>
      <c r="BI6" s="695"/>
      <c r="BJ6" s="695"/>
      <c r="BK6" s="695"/>
      <c r="BL6" s="695"/>
      <c r="BM6" s="695"/>
      <c r="BN6" s="695"/>
      <c r="BO6" s="695"/>
      <c r="BP6" s="696"/>
      <c r="BQ6" s="694" t="s">
        <v>74</v>
      </c>
      <c r="BR6" s="695"/>
      <c r="BS6" s="695"/>
      <c r="BT6" s="695"/>
      <c r="BU6" s="695"/>
      <c r="BV6" s="695"/>
      <c r="BW6" s="695"/>
      <c r="BX6" s="695"/>
      <c r="BY6" s="695"/>
      <c r="BZ6" s="695"/>
      <c r="CA6" s="696"/>
      <c r="CB6" s="698"/>
      <c r="CC6" s="699"/>
      <c r="CD6" s="699"/>
      <c r="CE6" s="699"/>
      <c r="CF6" s="699"/>
      <c r="CG6" s="699"/>
      <c r="CH6" s="699"/>
      <c r="CI6" s="699"/>
      <c r="CJ6" s="699"/>
      <c r="CK6" s="699"/>
      <c r="CL6" s="700"/>
      <c r="CM6" s="694" t="s">
        <v>75</v>
      </c>
      <c r="CN6" s="695"/>
      <c r="CO6" s="695"/>
      <c r="CP6" s="695"/>
      <c r="CQ6" s="695"/>
      <c r="CR6" s="695"/>
      <c r="CS6" s="695"/>
      <c r="CT6" s="695"/>
      <c r="CU6" s="695"/>
      <c r="CV6" s="695"/>
      <c r="CW6" s="696"/>
      <c r="CX6" s="694" t="s">
        <v>76</v>
      </c>
      <c r="CY6" s="695"/>
      <c r="CZ6" s="695"/>
      <c r="DA6" s="695"/>
      <c r="DB6" s="695"/>
      <c r="DC6" s="695"/>
      <c r="DD6" s="695"/>
      <c r="DE6" s="695"/>
      <c r="DF6" s="695"/>
      <c r="DG6" s="695"/>
      <c r="DH6" s="696"/>
      <c r="DI6" s="698"/>
      <c r="DJ6" s="699"/>
      <c r="DK6" s="699"/>
      <c r="DL6" s="699"/>
      <c r="DM6" s="699"/>
      <c r="DN6" s="699"/>
      <c r="DO6" s="699"/>
      <c r="DP6" s="699"/>
      <c r="DQ6" s="699"/>
      <c r="DR6" s="699"/>
      <c r="DS6" s="699"/>
      <c r="DT6" s="694" t="s">
        <v>77</v>
      </c>
      <c r="DU6" s="695"/>
      <c r="DV6" s="695"/>
      <c r="DW6" s="695"/>
      <c r="DX6" s="695"/>
      <c r="DY6" s="695"/>
      <c r="DZ6" s="695"/>
      <c r="EA6" s="695"/>
      <c r="EB6" s="695"/>
      <c r="EC6" s="695"/>
      <c r="ED6" s="696"/>
      <c r="EE6" s="694" t="s">
        <v>78</v>
      </c>
      <c r="EF6" s="695"/>
      <c r="EG6" s="695"/>
      <c r="EH6" s="695"/>
      <c r="EI6" s="695"/>
      <c r="EJ6" s="695"/>
      <c r="EK6" s="695"/>
      <c r="EL6" s="695"/>
      <c r="EM6" s="695"/>
      <c r="EN6" s="695"/>
      <c r="EO6" s="696"/>
      <c r="EP6" s="694" t="s">
        <v>79</v>
      </c>
      <c r="EQ6" s="695"/>
      <c r="ER6" s="695"/>
      <c r="ES6" s="695"/>
      <c r="ET6" s="695"/>
      <c r="EU6" s="695"/>
      <c r="EV6" s="695"/>
      <c r="EW6" s="695"/>
      <c r="EX6" s="695"/>
      <c r="EY6" s="695"/>
      <c r="EZ6" s="696"/>
      <c r="FA6" s="676" t="s">
        <v>152</v>
      </c>
      <c r="FB6" s="695"/>
      <c r="FC6" s="695"/>
      <c r="FD6" s="695"/>
      <c r="FE6" s="695"/>
      <c r="FF6" s="695"/>
      <c r="FG6" s="695"/>
      <c r="FH6" s="695"/>
      <c r="FI6" s="695"/>
      <c r="FJ6" s="695"/>
      <c r="FK6" s="696"/>
      <c r="FL6" s="698"/>
      <c r="FM6" s="699"/>
      <c r="FN6" s="699"/>
      <c r="FO6" s="699"/>
      <c r="FP6" s="699"/>
      <c r="FQ6" s="699"/>
      <c r="FR6" s="699"/>
      <c r="FS6" s="699"/>
      <c r="FT6" s="699"/>
      <c r="FU6" s="699"/>
      <c r="FV6" s="699"/>
      <c r="FW6" s="694" t="s">
        <v>80</v>
      </c>
      <c r="FX6" s="695"/>
      <c r="FY6" s="695"/>
      <c r="FZ6" s="695"/>
      <c r="GA6" s="695"/>
      <c r="GB6" s="695"/>
      <c r="GC6" s="695"/>
      <c r="GD6" s="695"/>
      <c r="GE6" s="695"/>
      <c r="GF6" s="695"/>
      <c r="GG6" s="696"/>
      <c r="GH6" s="697" t="s">
        <v>81</v>
      </c>
      <c r="GI6" s="520"/>
      <c r="GJ6" s="520"/>
      <c r="GK6" s="520"/>
      <c r="GL6" s="520"/>
      <c r="GM6" s="520"/>
      <c r="GN6" s="520"/>
      <c r="GO6" s="520"/>
      <c r="GP6" s="520"/>
      <c r="GQ6" s="520"/>
      <c r="GR6" s="521"/>
      <c r="GS6" s="697" t="s">
        <v>82</v>
      </c>
      <c r="GT6" s="520"/>
      <c r="GU6" s="520"/>
      <c r="GV6" s="520"/>
      <c r="GW6" s="520"/>
      <c r="GX6" s="520"/>
      <c r="GY6" s="520"/>
      <c r="GZ6" s="520"/>
      <c r="HA6" s="520"/>
      <c r="HB6" s="520"/>
      <c r="HC6" s="521"/>
      <c r="HD6" s="691"/>
      <c r="HE6" s="692"/>
      <c r="HF6" s="692"/>
      <c r="HG6" s="692"/>
      <c r="HH6" s="692"/>
      <c r="HI6" s="692"/>
      <c r="HJ6" s="692"/>
      <c r="HK6" s="692"/>
      <c r="HL6" s="692"/>
      <c r="HM6" s="692"/>
      <c r="HN6" s="693"/>
      <c r="HO6" s="691"/>
      <c r="HP6" s="692"/>
      <c r="HQ6" s="692"/>
      <c r="HR6" s="692"/>
      <c r="HS6" s="692"/>
      <c r="HT6" s="692"/>
      <c r="HU6" s="692"/>
      <c r="HV6" s="692"/>
      <c r="HW6" s="692"/>
      <c r="HX6" s="692"/>
      <c r="HY6" s="693"/>
      <c r="HZ6" s="620"/>
      <c r="IA6" s="621"/>
      <c r="IB6" s="621"/>
      <c r="IC6" s="621"/>
      <c r="ID6" s="621"/>
      <c r="IE6" s="621"/>
      <c r="IF6" s="621"/>
      <c r="IG6" s="621"/>
      <c r="IH6" s="621"/>
      <c r="II6" s="621"/>
      <c r="IJ6" s="622"/>
      <c r="IK6" s="595"/>
      <c r="IL6" s="586"/>
      <c r="IM6" s="586"/>
      <c r="IN6" s="586"/>
      <c r="IO6" s="586"/>
      <c r="IP6" s="586"/>
      <c r="IQ6" s="586"/>
      <c r="IR6" s="586"/>
      <c r="IS6" s="586"/>
      <c r="IT6" s="586"/>
      <c r="IU6" s="596"/>
      <c r="IV6" s="595"/>
      <c r="IW6" s="586"/>
      <c r="IX6" s="586"/>
      <c r="IY6" s="586"/>
      <c r="IZ6" s="586"/>
      <c r="JA6" s="586"/>
      <c r="JB6" s="586"/>
      <c r="JC6" s="586"/>
      <c r="JD6" s="586"/>
      <c r="JE6" s="586"/>
      <c r="JF6" s="596"/>
      <c r="JG6" s="626"/>
      <c r="JH6" s="627"/>
      <c r="JI6" s="627"/>
      <c r="JJ6" s="627"/>
      <c r="JK6" s="627"/>
      <c r="JL6" s="627"/>
      <c r="JM6" s="627"/>
      <c r="JN6" s="627"/>
      <c r="JO6" s="627"/>
      <c r="JP6" s="627"/>
      <c r="JQ6" s="628"/>
      <c r="JR6" s="595"/>
      <c r="JS6" s="586"/>
      <c r="JT6" s="586"/>
      <c r="JU6" s="586"/>
      <c r="JV6" s="586"/>
      <c r="JW6" s="586"/>
      <c r="JX6" s="586"/>
      <c r="JY6" s="586"/>
      <c r="JZ6" s="586"/>
      <c r="KA6" s="586"/>
      <c r="KB6" s="596"/>
      <c r="KC6" s="595"/>
      <c r="KD6" s="586"/>
      <c r="KE6" s="586"/>
      <c r="KF6" s="586"/>
      <c r="KG6" s="586"/>
      <c r="KH6" s="586"/>
      <c r="KI6" s="586"/>
      <c r="KJ6" s="586"/>
      <c r="KK6" s="586"/>
      <c r="KL6" s="586"/>
      <c r="KM6" s="596"/>
      <c r="KN6" s="595"/>
      <c r="KO6" s="586"/>
      <c r="KP6" s="586"/>
      <c r="KQ6" s="586"/>
      <c r="KR6" s="586"/>
      <c r="KS6" s="586"/>
      <c r="KT6" s="586"/>
      <c r="KU6" s="586"/>
      <c r="KV6" s="586"/>
      <c r="KW6" s="586"/>
      <c r="KX6" s="596"/>
      <c r="KY6" s="595"/>
      <c r="KZ6" s="586"/>
      <c r="LA6" s="586"/>
      <c r="LB6" s="586"/>
      <c r="LC6" s="586"/>
      <c r="LD6" s="586"/>
      <c r="LE6" s="586"/>
      <c r="LF6" s="586"/>
      <c r="LG6" s="586"/>
      <c r="LH6" s="586"/>
      <c r="LI6" s="596"/>
      <c r="LJ6" s="620"/>
      <c r="LK6" s="621"/>
      <c r="LL6" s="621"/>
      <c r="LM6" s="621"/>
      <c r="LN6" s="621"/>
      <c r="LO6" s="621"/>
      <c r="LP6" s="621"/>
      <c r="LQ6" s="621"/>
      <c r="LR6" s="621"/>
      <c r="LS6" s="621"/>
      <c r="LT6" s="622"/>
      <c r="LU6" s="635"/>
      <c r="LV6" s="636"/>
      <c r="LW6" s="636"/>
      <c r="LX6" s="636"/>
      <c r="LY6" s="636"/>
      <c r="LZ6" s="636"/>
      <c r="MA6" s="636"/>
      <c r="MB6" s="636"/>
      <c r="MC6" s="636"/>
      <c r="MD6" s="636"/>
      <c r="ME6" s="637"/>
      <c r="MF6" s="620"/>
      <c r="MG6" s="621"/>
      <c r="MH6" s="621"/>
      <c r="MI6" s="621"/>
      <c r="MJ6" s="621"/>
      <c r="MK6" s="621"/>
      <c r="ML6" s="621"/>
      <c r="MM6" s="621"/>
      <c r="MN6" s="621"/>
      <c r="MO6" s="621"/>
      <c r="MP6" s="622"/>
      <c r="MQ6" s="595"/>
      <c r="MR6" s="586"/>
      <c r="MS6" s="586"/>
      <c r="MT6" s="586"/>
      <c r="MU6" s="586"/>
      <c r="MV6" s="586"/>
      <c r="MW6" s="586"/>
      <c r="MX6" s="586"/>
      <c r="MY6" s="586"/>
      <c r="MZ6" s="586"/>
      <c r="NA6" s="596"/>
      <c r="NB6" s="595"/>
      <c r="NC6" s="586"/>
      <c r="ND6" s="586"/>
      <c r="NE6" s="586"/>
      <c r="NF6" s="586"/>
      <c r="NG6" s="586"/>
      <c r="NH6" s="586"/>
      <c r="NI6" s="586"/>
      <c r="NJ6" s="586"/>
      <c r="NK6" s="586"/>
      <c r="NL6" s="596"/>
      <c r="NM6" s="595"/>
      <c r="NN6" s="586"/>
      <c r="NO6" s="586"/>
      <c r="NP6" s="586"/>
      <c r="NQ6" s="586"/>
      <c r="NR6" s="586"/>
      <c r="NS6" s="586"/>
      <c r="NT6" s="586"/>
      <c r="NU6" s="586"/>
      <c r="NV6" s="586"/>
      <c r="NW6" s="596"/>
      <c r="NX6" s="645"/>
      <c r="NY6" s="646"/>
      <c r="NZ6" s="646"/>
      <c r="OA6" s="646"/>
      <c r="OB6" s="646"/>
      <c r="OC6" s="646"/>
      <c r="OD6" s="646"/>
      <c r="OE6" s="646"/>
      <c r="OF6" s="646"/>
      <c r="OG6" s="646"/>
      <c r="OH6" s="647"/>
      <c r="OI6" s="595"/>
      <c r="OJ6" s="586"/>
      <c r="OK6" s="586"/>
      <c r="OL6" s="586"/>
      <c r="OM6" s="586"/>
      <c r="ON6" s="586"/>
      <c r="OO6" s="586"/>
      <c r="OP6" s="586"/>
      <c r="OQ6" s="586"/>
      <c r="OR6" s="586"/>
      <c r="OS6" s="596"/>
    </row>
    <row r="7" spans="1:409" ht="23.25" customHeight="1" x14ac:dyDescent="0.2">
      <c r="B7" s="678"/>
      <c r="C7" s="701" t="s">
        <v>61</v>
      </c>
      <c r="D7" s="701"/>
      <c r="E7" s="701"/>
      <c r="F7" s="702" t="s">
        <v>62</v>
      </c>
      <c r="G7" s="701"/>
      <c r="H7" s="701"/>
      <c r="I7" s="701"/>
      <c r="J7" s="701"/>
      <c r="K7" s="701"/>
      <c r="L7" s="701"/>
      <c r="M7" s="702" t="s">
        <v>52</v>
      </c>
      <c r="N7" s="704" t="s">
        <v>61</v>
      </c>
      <c r="O7" s="701"/>
      <c r="P7" s="701"/>
      <c r="Q7" s="702" t="s">
        <v>62</v>
      </c>
      <c r="R7" s="701"/>
      <c r="S7" s="701"/>
      <c r="T7" s="701"/>
      <c r="U7" s="701"/>
      <c r="V7" s="701"/>
      <c r="W7" s="705"/>
      <c r="X7" s="709" t="s">
        <v>52</v>
      </c>
      <c r="Y7" s="516" t="s">
        <v>61</v>
      </c>
      <c r="Z7" s="517"/>
      <c r="AA7" s="711"/>
      <c r="AB7" s="712" t="s">
        <v>62</v>
      </c>
      <c r="AC7" s="517"/>
      <c r="AD7" s="517"/>
      <c r="AE7" s="517"/>
      <c r="AF7" s="517"/>
      <c r="AG7" s="517"/>
      <c r="AH7" s="711"/>
      <c r="AI7" s="518" t="s">
        <v>52</v>
      </c>
      <c r="AJ7" s="714" t="s">
        <v>61</v>
      </c>
      <c r="AK7" s="707"/>
      <c r="AL7" s="715"/>
      <c r="AM7" s="706" t="s">
        <v>62</v>
      </c>
      <c r="AN7" s="707"/>
      <c r="AO7" s="707"/>
      <c r="AP7" s="707"/>
      <c r="AQ7" s="707"/>
      <c r="AR7" s="707"/>
      <c r="AS7" s="708"/>
      <c r="AT7" s="518" t="s">
        <v>52</v>
      </c>
      <c r="AU7" s="714" t="s">
        <v>61</v>
      </c>
      <c r="AV7" s="707"/>
      <c r="AW7" s="715"/>
      <c r="AX7" s="706" t="s">
        <v>62</v>
      </c>
      <c r="AY7" s="707"/>
      <c r="AZ7" s="707"/>
      <c r="BA7" s="707"/>
      <c r="BB7" s="707"/>
      <c r="BC7" s="707"/>
      <c r="BD7" s="708"/>
      <c r="BE7" s="518" t="s">
        <v>52</v>
      </c>
      <c r="BF7" s="714" t="s">
        <v>61</v>
      </c>
      <c r="BG7" s="707"/>
      <c r="BH7" s="715"/>
      <c r="BI7" s="706" t="s">
        <v>62</v>
      </c>
      <c r="BJ7" s="707"/>
      <c r="BK7" s="707"/>
      <c r="BL7" s="707"/>
      <c r="BM7" s="707"/>
      <c r="BN7" s="707"/>
      <c r="BO7" s="708"/>
      <c r="BP7" s="518" t="s">
        <v>52</v>
      </c>
      <c r="BQ7" s="714" t="s">
        <v>61</v>
      </c>
      <c r="BR7" s="707"/>
      <c r="BS7" s="715"/>
      <c r="BT7" s="706" t="s">
        <v>62</v>
      </c>
      <c r="BU7" s="707"/>
      <c r="BV7" s="707"/>
      <c r="BW7" s="707"/>
      <c r="BX7" s="707"/>
      <c r="BY7" s="707"/>
      <c r="BZ7" s="708"/>
      <c r="CA7" s="518" t="s">
        <v>52</v>
      </c>
      <c r="CB7" s="716" t="s">
        <v>61</v>
      </c>
      <c r="CC7" s="717"/>
      <c r="CD7" s="718"/>
      <c r="CE7" s="719" t="s">
        <v>62</v>
      </c>
      <c r="CF7" s="717"/>
      <c r="CG7" s="717"/>
      <c r="CH7" s="717"/>
      <c r="CI7" s="717"/>
      <c r="CJ7" s="717"/>
      <c r="CK7" s="720"/>
      <c r="CL7" s="709" t="s">
        <v>52</v>
      </c>
      <c r="CM7" s="714" t="s">
        <v>61</v>
      </c>
      <c r="CN7" s="707"/>
      <c r="CO7" s="708"/>
      <c r="CP7" s="706" t="s">
        <v>62</v>
      </c>
      <c r="CQ7" s="707"/>
      <c r="CR7" s="707"/>
      <c r="CS7" s="707"/>
      <c r="CT7" s="707"/>
      <c r="CU7" s="707"/>
      <c r="CV7" s="708"/>
      <c r="CW7" s="721" t="s">
        <v>52</v>
      </c>
      <c r="CX7" s="714" t="s">
        <v>61</v>
      </c>
      <c r="CY7" s="707"/>
      <c r="CZ7" s="708"/>
      <c r="DA7" s="706" t="s">
        <v>62</v>
      </c>
      <c r="DB7" s="707"/>
      <c r="DC7" s="707"/>
      <c r="DD7" s="707"/>
      <c r="DE7" s="707"/>
      <c r="DF7" s="707"/>
      <c r="DG7" s="708"/>
      <c r="DH7" s="721" t="s">
        <v>52</v>
      </c>
      <c r="DI7" s="716" t="s">
        <v>61</v>
      </c>
      <c r="DJ7" s="717"/>
      <c r="DK7" s="720"/>
      <c r="DL7" s="719" t="s">
        <v>62</v>
      </c>
      <c r="DM7" s="717"/>
      <c r="DN7" s="717"/>
      <c r="DO7" s="717"/>
      <c r="DP7" s="717"/>
      <c r="DQ7" s="717"/>
      <c r="DR7" s="720"/>
      <c r="DS7" s="709" t="s">
        <v>52</v>
      </c>
      <c r="DT7" s="714" t="s">
        <v>61</v>
      </c>
      <c r="DU7" s="707"/>
      <c r="DV7" s="715"/>
      <c r="DW7" s="706" t="s">
        <v>62</v>
      </c>
      <c r="DX7" s="707"/>
      <c r="DY7" s="707"/>
      <c r="DZ7" s="707"/>
      <c r="EA7" s="707"/>
      <c r="EB7" s="707"/>
      <c r="EC7" s="708"/>
      <c r="ED7" s="518" t="s">
        <v>52</v>
      </c>
      <c r="EE7" s="714" t="s">
        <v>61</v>
      </c>
      <c r="EF7" s="707"/>
      <c r="EG7" s="715"/>
      <c r="EH7" s="706" t="s">
        <v>62</v>
      </c>
      <c r="EI7" s="707"/>
      <c r="EJ7" s="707"/>
      <c r="EK7" s="707"/>
      <c r="EL7" s="707"/>
      <c r="EM7" s="707"/>
      <c r="EN7" s="708"/>
      <c r="EO7" s="518" t="s">
        <v>52</v>
      </c>
      <c r="EP7" s="714" t="s">
        <v>61</v>
      </c>
      <c r="EQ7" s="707"/>
      <c r="ER7" s="715"/>
      <c r="ES7" s="706" t="s">
        <v>62</v>
      </c>
      <c r="ET7" s="707"/>
      <c r="EU7" s="707"/>
      <c r="EV7" s="707"/>
      <c r="EW7" s="707"/>
      <c r="EX7" s="707"/>
      <c r="EY7" s="708"/>
      <c r="EZ7" s="518" t="s">
        <v>52</v>
      </c>
      <c r="FA7" s="714" t="s">
        <v>61</v>
      </c>
      <c r="FB7" s="707"/>
      <c r="FC7" s="715"/>
      <c r="FD7" s="706" t="s">
        <v>62</v>
      </c>
      <c r="FE7" s="707"/>
      <c r="FF7" s="707"/>
      <c r="FG7" s="707"/>
      <c r="FH7" s="707"/>
      <c r="FI7" s="707"/>
      <c r="FJ7" s="708"/>
      <c r="FK7" s="518" t="s">
        <v>52</v>
      </c>
      <c r="FL7" s="716" t="s">
        <v>61</v>
      </c>
      <c r="FM7" s="717"/>
      <c r="FN7" s="718"/>
      <c r="FO7" s="719" t="s">
        <v>62</v>
      </c>
      <c r="FP7" s="717"/>
      <c r="FQ7" s="717"/>
      <c r="FR7" s="717"/>
      <c r="FS7" s="717"/>
      <c r="FT7" s="717"/>
      <c r="FU7" s="720"/>
      <c r="FV7" s="701" t="s">
        <v>52</v>
      </c>
      <c r="FW7" s="714" t="s">
        <v>61</v>
      </c>
      <c r="FX7" s="707"/>
      <c r="FY7" s="715"/>
      <c r="FZ7" s="706" t="s">
        <v>62</v>
      </c>
      <c r="GA7" s="707"/>
      <c r="GB7" s="707"/>
      <c r="GC7" s="707"/>
      <c r="GD7" s="707"/>
      <c r="GE7" s="707"/>
      <c r="GF7" s="708"/>
      <c r="GG7" s="518" t="s">
        <v>52</v>
      </c>
      <c r="GH7" s="516" t="s">
        <v>61</v>
      </c>
      <c r="GI7" s="517"/>
      <c r="GJ7" s="517"/>
      <c r="GK7" s="712" t="s">
        <v>62</v>
      </c>
      <c r="GL7" s="517"/>
      <c r="GM7" s="517"/>
      <c r="GN7" s="517"/>
      <c r="GO7" s="517"/>
      <c r="GP7" s="517"/>
      <c r="GQ7" s="711"/>
      <c r="GR7" s="722" t="s">
        <v>52</v>
      </c>
      <c r="GS7" s="516" t="s">
        <v>61</v>
      </c>
      <c r="GT7" s="517"/>
      <c r="GU7" s="711"/>
      <c r="GV7" s="712" t="s">
        <v>62</v>
      </c>
      <c r="GW7" s="517"/>
      <c r="GX7" s="517"/>
      <c r="GY7" s="517"/>
      <c r="GZ7" s="517"/>
      <c r="HA7" s="517"/>
      <c r="HB7" s="711"/>
      <c r="HC7" s="722" t="s">
        <v>52</v>
      </c>
      <c r="HD7" s="714" t="s">
        <v>61</v>
      </c>
      <c r="HE7" s="707"/>
      <c r="HF7" s="715"/>
      <c r="HG7" s="706" t="s">
        <v>62</v>
      </c>
      <c r="HH7" s="707"/>
      <c r="HI7" s="707"/>
      <c r="HJ7" s="707"/>
      <c r="HK7" s="707"/>
      <c r="HL7" s="707"/>
      <c r="HM7" s="708"/>
      <c r="HN7" s="518" t="s">
        <v>52</v>
      </c>
      <c r="HO7" s="714" t="s">
        <v>61</v>
      </c>
      <c r="HP7" s="707"/>
      <c r="HQ7" s="715"/>
      <c r="HR7" s="706" t="s">
        <v>62</v>
      </c>
      <c r="HS7" s="707"/>
      <c r="HT7" s="707"/>
      <c r="HU7" s="707"/>
      <c r="HV7" s="707"/>
      <c r="HW7" s="707"/>
      <c r="HX7" s="708"/>
      <c r="HY7" s="518" t="s">
        <v>52</v>
      </c>
      <c r="HZ7" s="573" t="s">
        <v>61</v>
      </c>
      <c r="IA7" s="574"/>
      <c r="IB7" s="575"/>
      <c r="IC7" s="609" t="s">
        <v>62</v>
      </c>
      <c r="ID7" s="574"/>
      <c r="IE7" s="574"/>
      <c r="IF7" s="574"/>
      <c r="IG7" s="574"/>
      <c r="IH7" s="574"/>
      <c r="II7" s="610"/>
      <c r="IJ7" s="577" t="s">
        <v>52</v>
      </c>
      <c r="IK7" s="590" t="s">
        <v>61</v>
      </c>
      <c r="IL7" s="583"/>
      <c r="IM7" s="584"/>
      <c r="IN7" s="612" t="s">
        <v>62</v>
      </c>
      <c r="IO7" s="583"/>
      <c r="IP7" s="583"/>
      <c r="IQ7" s="583"/>
      <c r="IR7" s="583"/>
      <c r="IS7" s="583"/>
      <c r="IT7" s="613"/>
      <c r="IU7" s="596" t="s">
        <v>52</v>
      </c>
      <c r="IV7" s="590" t="s">
        <v>61</v>
      </c>
      <c r="IW7" s="583"/>
      <c r="IX7" s="613"/>
      <c r="IY7" s="612" t="s">
        <v>62</v>
      </c>
      <c r="IZ7" s="583"/>
      <c r="JA7" s="583"/>
      <c r="JB7" s="583"/>
      <c r="JC7" s="583"/>
      <c r="JD7" s="583"/>
      <c r="JE7" s="613"/>
      <c r="JF7" s="596" t="s">
        <v>52</v>
      </c>
      <c r="JG7" s="590" t="s">
        <v>61</v>
      </c>
      <c r="JH7" s="583"/>
      <c r="JI7" s="584"/>
      <c r="JJ7" s="612" t="s">
        <v>62</v>
      </c>
      <c r="JK7" s="583"/>
      <c r="JL7" s="583"/>
      <c r="JM7" s="583"/>
      <c r="JN7" s="583"/>
      <c r="JO7" s="583"/>
      <c r="JP7" s="613"/>
      <c r="JQ7" s="607" t="s">
        <v>52</v>
      </c>
      <c r="JR7" s="590" t="s">
        <v>61</v>
      </c>
      <c r="JS7" s="583"/>
      <c r="JT7" s="584"/>
      <c r="JU7" s="612" t="s">
        <v>62</v>
      </c>
      <c r="JV7" s="583"/>
      <c r="JW7" s="583"/>
      <c r="JX7" s="583"/>
      <c r="JY7" s="583"/>
      <c r="JZ7" s="583"/>
      <c r="KA7" s="613"/>
      <c r="KB7" s="607" t="s">
        <v>52</v>
      </c>
      <c r="KC7" s="590" t="s">
        <v>61</v>
      </c>
      <c r="KD7" s="583"/>
      <c r="KE7" s="584"/>
      <c r="KF7" s="612" t="s">
        <v>62</v>
      </c>
      <c r="KG7" s="583"/>
      <c r="KH7" s="583"/>
      <c r="KI7" s="583"/>
      <c r="KJ7" s="583"/>
      <c r="KK7" s="583"/>
      <c r="KL7" s="613"/>
      <c r="KM7" s="607" t="s">
        <v>52</v>
      </c>
      <c r="KN7" s="590" t="s">
        <v>61</v>
      </c>
      <c r="KO7" s="583"/>
      <c r="KP7" s="584"/>
      <c r="KQ7" s="612" t="s">
        <v>62</v>
      </c>
      <c r="KR7" s="583"/>
      <c r="KS7" s="583"/>
      <c r="KT7" s="583"/>
      <c r="KU7" s="583"/>
      <c r="KV7" s="583"/>
      <c r="KW7" s="613"/>
      <c r="KX7" s="607" t="s">
        <v>52</v>
      </c>
      <c r="KY7" s="590" t="s">
        <v>61</v>
      </c>
      <c r="KZ7" s="583"/>
      <c r="LA7" s="584"/>
      <c r="LB7" s="612" t="s">
        <v>62</v>
      </c>
      <c r="LC7" s="583"/>
      <c r="LD7" s="583"/>
      <c r="LE7" s="583"/>
      <c r="LF7" s="583"/>
      <c r="LG7" s="583"/>
      <c r="LH7" s="613"/>
      <c r="LI7" s="607" t="s">
        <v>52</v>
      </c>
      <c r="LJ7" s="590" t="s">
        <v>61</v>
      </c>
      <c r="LK7" s="583"/>
      <c r="LL7" s="584"/>
      <c r="LM7" s="612" t="s">
        <v>62</v>
      </c>
      <c r="LN7" s="583"/>
      <c r="LO7" s="583"/>
      <c r="LP7" s="583"/>
      <c r="LQ7" s="583"/>
      <c r="LR7" s="583"/>
      <c r="LS7" s="613"/>
      <c r="LT7" s="607" t="s">
        <v>52</v>
      </c>
      <c r="LU7" s="590" t="s">
        <v>61</v>
      </c>
      <c r="LV7" s="583"/>
      <c r="LW7" s="584"/>
      <c r="LX7" s="612" t="s">
        <v>62</v>
      </c>
      <c r="LY7" s="583"/>
      <c r="LZ7" s="583"/>
      <c r="MA7" s="583"/>
      <c r="MB7" s="583"/>
      <c r="MC7" s="583"/>
      <c r="MD7" s="613"/>
      <c r="ME7" s="607" t="s">
        <v>52</v>
      </c>
      <c r="MF7" s="573" t="s">
        <v>61</v>
      </c>
      <c r="MG7" s="574"/>
      <c r="MH7" s="575"/>
      <c r="MI7" s="609" t="s">
        <v>62</v>
      </c>
      <c r="MJ7" s="574"/>
      <c r="MK7" s="574"/>
      <c r="ML7" s="574"/>
      <c r="MM7" s="574"/>
      <c r="MN7" s="574"/>
      <c r="MO7" s="610"/>
      <c r="MP7" s="611" t="s">
        <v>52</v>
      </c>
      <c r="MQ7" s="590" t="s">
        <v>61</v>
      </c>
      <c r="MR7" s="583"/>
      <c r="MS7" s="584"/>
      <c r="MT7" s="612" t="s">
        <v>62</v>
      </c>
      <c r="MU7" s="583"/>
      <c r="MV7" s="583"/>
      <c r="MW7" s="583"/>
      <c r="MX7" s="583"/>
      <c r="MY7" s="583"/>
      <c r="MZ7" s="613"/>
      <c r="NA7" s="607" t="s">
        <v>52</v>
      </c>
      <c r="NB7" s="590" t="s">
        <v>61</v>
      </c>
      <c r="NC7" s="583"/>
      <c r="ND7" s="584"/>
      <c r="NE7" s="612" t="s">
        <v>62</v>
      </c>
      <c r="NF7" s="583"/>
      <c r="NG7" s="583"/>
      <c r="NH7" s="583"/>
      <c r="NI7" s="583"/>
      <c r="NJ7" s="583"/>
      <c r="NK7" s="613"/>
      <c r="NL7" s="607" t="s">
        <v>52</v>
      </c>
      <c r="NM7" s="590" t="s">
        <v>61</v>
      </c>
      <c r="NN7" s="583"/>
      <c r="NO7" s="584"/>
      <c r="NP7" s="612" t="s">
        <v>62</v>
      </c>
      <c r="NQ7" s="583"/>
      <c r="NR7" s="583"/>
      <c r="NS7" s="583"/>
      <c r="NT7" s="583"/>
      <c r="NU7" s="583"/>
      <c r="NV7" s="613"/>
      <c r="NW7" s="607" t="s">
        <v>52</v>
      </c>
      <c r="NX7" s="590" t="s">
        <v>61</v>
      </c>
      <c r="NY7" s="583"/>
      <c r="NZ7" s="584"/>
      <c r="OA7" s="612" t="s">
        <v>62</v>
      </c>
      <c r="OB7" s="583"/>
      <c r="OC7" s="583"/>
      <c r="OD7" s="583"/>
      <c r="OE7" s="583"/>
      <c r="OF7" s="583"/>
      <c r="OG7" s="613"/>
      <c r="OH7" s="607" t="s">
        <v>52</v>
      </c>
      <c r="OI7" s="573" t="s">
        <v>61</v>
      </c>
      <c r="OJ7" s="574"/>
      <c r="OK7" s="575"/>
      <c r="OL7" s="609" t="s">
        <v>62</v>
      </c>
      <c r="OM7" s="574"/>
      <c r="ON7" s="574"/>
      <c r="OO7" s="574"/>
      <c r="OP7" s="574"/>
      <c r="OQ7" s="574"/>
      <c r="OR7" s="610"/>
      <c r="OS7" s="611" t="s">
        <v>52</v>
      </c>
    </row>
    <row r="8" spans="1:409" ht="28.5" customHeight="1" thickBot="1" x14ac:dyDescent="0.25">
      <c r="B8" s="679"/>
      <c r="C8" s="326" t="s">
        <v>43</v>
      </c>
      <c r="D8" s="47" t="s">
        <v>44</v>
      </c>
      <c r="E8" s="327" t="s">
        <v>45</v>
      </c>
      <c r="F8" s="52" t="s">
        <v>83</v>
      </c>
      <c r="G8" s="47" t="s">
        <v>47</v>
      </c>
      <c r="H8" s="47" t="s">
        <v>48</v>
      </c>
      <c r="I8" s="47" t="s">
        <v>49</v>
      </c>
      <c r="J8" s="47" t="s">
        <v>50</v>
      </c>
      <c r="K8" s="47" t="s">
        <v>51</v>
      </c>
      <c r="L8" s="48" t="s">
        <v>45</v>
      </c>
      <c r="M8" s="703"/>
      <c r="N8" s="51" t="s">
        <v>43</v>
      </c>
      <c r="O8" s="47" t="s">
        <v>44</v>
      </c>
      <c r="P8" s="48" t="s">
        <v>45</v>
      </c>
      <c r="Q8" s="52" t="s">
        <v>83</v>
      </c>
      <c r="R8" s="47" t="s">
        <v>47</v>
      </c>
      <c r="S8" s="47" t="s">
        <v>48</v>
      </c>
      <c r="T8" s="47" t="s">
        <v>49</v>
      </c>
      <c r="U8" s="47" t="s">
        <v>50</v>
      </c>
      <c r="V8" s="47" t="s">
        <v>51</v>
      </c>
      <c r="W8" s="48" t="s">
        <v>45</v>
      </c>
      <c r="X8" s="710"/>
      <c r="Y8" s="51" t="s">
        <v>43</v>
      </c>
      <c r="Z8" s="47" t="s">
        <v>44</v>
      </c>
      <c r="AA8" s="48" t="s">
        <v>45</v>
      </c>
      <c r="AB8" s="52" t="s">
        <v>83</v>
      </c>
      <c r="AC8" s="47" t="s">
        <v>47</v>
      </c>
      <c r="AD8" s="47" t="s">
        <v>48</v>
      </c>
      <c r="AE8" s="47" t="s">
        <v>49</v>
      </c>
      <c r="AF8" s="47" t="s">
        <v>50</v>
      </c>
      <c r="AG8" s="47" t="s">
        <v>51</v>
      </c>
      <c r="AH8" s="48" t="s">
        <v>45</v>
      </c>
      <c r="AI8" s="713"/>
      <c r="AJ8" s="51" t="s">
        <v>43</v>
      </c>
      <c r="AK8" s="47" t="s">
        <v>44</v>
      </c>
      <c r="AL8" s="327" t="s">
        <v>45</v>
      </c>
      <c r="AM8" s="52" t="s">
        <v>83</v>
      </c>
      <c r="AN8" s="47" t="s">
        <v>47</v>
      </c>
      <c r="AO8" s="47" t="s">
        <v>48</v>
      </c>
      <c r="AP8" s="47" t="s">
        <v>49</v>
      </c>
      <c r="AQ8" s="47" t="s">
        <v>50</v>
      </c>
      <c r="AR8" s="47" t="s">
        <v>51</v>
      </c>
      <c r="AS8" s="48" t="s">
        <v>45</v>
      </c>
      <c r="AT8" s="713"/>
      <c r="AU8" s="51" t="s">
        <v>43</v>
      </c>
      <c r="AV8" s="47" t="s">
        <v>44</v>
      </c>
      <c r="AW8" s="327" t="s">
        <v>45</v>
      </c>
      <c r="AX8" s="52" t="s">
        <v>83</v>
      </c>
      <c r="AY8" s="47" t="s">
        <v>47</v>
      </c>
      <c r="AZ8" s="47" t="s">
        <v>48</v>
      </c>
      <c r="BA8" s="47" t="s">
        <v>49</v>
      </c>
      <c r="BB8" s="47" t="s">
        <v>50</v>
      </c>
      <c r="BC8" s="47" t="s">
        <v>51</v>
      </c>
      <c r="BD8" s="48" t="s">
        <v>45</v>
      </c>
      <c r="BE8" s="713"/>
      <c r="BF8" s="328" t="s">
        <v>43</v>
      </c>
      <c r="BG8" s="47" t="s">
        <v>44</v>
      </c>
      <c r="BH8" s="327" t="s">
        <v>45</v>
      </c>
      <c r="BI8" s="52" t="s">
        <v>83</v>
      </c>
      <c r="BJ8" s="47" t="s">
        <v>47</v>
      </c>
      <c r="BK8" s="47" t="s">
        <v>48</v>
      </c>
      <c r="BL8" s="47" t="s">
        <v>49</v>
      </c>
      <c r="BM8" s="47" t="s">
        <v>50</v>
      </c>
      <c r="BN8" s="47" t="s">
        <v>51</v>
      </c>
      <c r="BO8" s="48" t="s">
        <v>45</v>
      </c>
      <c r="BP8" s="713"/>
      <c r="BQ8" s="51" t="s">
        <v>43</v>
      </c>
      <c r="BR8" s="47" t="s">
        <v>44</v>
      </c>
      <c r="BS8" s="327" t="s">
        <v>45</v>
      </c>
      <c r="BT8" s="52" t="s">
        <v>83</v>
      </c>
      <c r="BU8" s="47" t="s">
        <v>47</v>
      </c>
      <c r="BV8" s="47" t="s">
        <v>48</v>
      </c>
      <c r="BW8" s="47" t="s">
        <v>49</v>
      </c>
      <c r="BX8" s="47" t="s">
        <v>50</v>
      </c>
      <c r="BY8" s="47" t="s">
        <v>51</v>
      </c>
      <c r="BZ8" s="48" t="s">
        <v>45</v>
      </c>
      <c r="CA8" s="713"/>
      <c r="CB8" s="51" t="s">
        <v>43</v>
      </c>
      <c r="CC8" s="47" t="s">
        <v>44</v>
      </c>
      <c r="CD8" s="327" t="s">
        <v>45</v>
      </c>
      <c r="CE8" s="52" t="s">
        <v>83</v>
      </c>
      <c r="CF8" s="47" t="s">
        <v>47</v>
      </c>
      <c r="CG8" s="47" t="s">
        <v>48</v>
      </c>
      <c r="CH8" s="47" t="s">
        <v>49</v>
      </c>
      <c r="CI8" s="47" t="s">
        <v>50</v>
      </c>
      <c r="CJ8" s="47" t="s">
        <v>51</v>
      </c>
      <c r="CK8" s="48" t="s">
        <v>45</v>
      </c>
      <c r="CL8" s="710"/>
      <c r="CM8" s="51" t="s">
        <v>43</v>
      </c>
      <c r="CN8" s="47" t="s">
        <v>44</v>
      </c>
      <c r="CO8" s="48" t="s">
        <v>45</v>
      </c>
      <c r="CP8" s="52" t="s">
        <v>83</v>
      </c>
      <c r="CQ8" s="47" t="s">
        <v>47</v>
      </c>
      <c r="CR8" s="47" t="s">
        <v>48</v>
      </c>
      <c r="CS8" s="47" t="s">
        <v>49</v>
      </c>
      <c r="CT8" s="47" t="s">
        <v>50</v>
      </c>
      <c r="CU8" s="47" t="s">
        <v>51</v>
      </c>
      <c r="CV8" s="48" t="s">
        <v>45</v>
      </c>
      <c r="CW8" s="710"/>
      <c r="CX8" s="51" t="s">
        <v>43</v>
      </c>
      <c r="CY8" s="47" t="s">
        <v>44</v>
      </c>
      <c r="CZ8" s="48" t="s">
        <v>45</v>
      </c>
      <c r="DA8" s="52" t="s">
        <v>83</v>
      </c>
      <c r="DB8" s="47" t="s">
        <v>47</v>
      </c>
      <c r="DC8" s="47" t="s">
        <v>48</v>
      </c>
      <c r="DD8" s="47" t="s">
        <v>49</v>
      </c>
      <c r="DE8" s="47" t="s">
        <v>50</v>
      </c>
      <c r="DF8" s="47" t="s">
        <v>51</v>
      </c>
      <c r="DG8" s="48" t="s">
        <v>45</v>
      </c>
      <c r="DH8" s="710"/>
      <c r="DI8" s="51" t="s">
        <v>43</v>
      </c>
      <c r="DJ8" s="47" t="s">
        <v>44</v>
      </c>
      <c r="DK8" s="48" t="s">
        <v>45</v>
      </c>
      <c r="DL8" s="52" t="s">
        <v>83</v>
      </c>
      <c r="DM8" s="47" t="s">
        <v>47</v>
      </c>
      <c r="DN8" s="47" t="s">
        <v>48</v>
      </c>
      <c r="DO8" s="47" t="s">
        <v>49</v>
      </c>
      <c r="DP8" s="47" t="s">
        <v>50</v>
      </c>
      <c r="DQ8" s="47" t="s">
        <v>51</v>
      </c>
      <c r="DR8" s="48" t="s">
        <v>45</v>
      </c>
      <c r="DS8" s="710"/>
      <c r="DT8" s="51" t="s">
        <v>43</v>
      </c>
      <c r="DU8" s="47" t="s">
        <v>44</v>
      </c>
      <c r="DV8" s="327" t="s">
        <v>45</v>
      </c>
      <c r="DW8" s="52" t="s">
        <v>83</v>
      </c>
      <c r="DX8" s="47" t="s">
        <v>47</v>
      </c>
      <c r="DY8" s="47" t="s">
        <v>48</v>
      </c>
      <c r="DZ8" s="47" t="s">
        <v>49</v>
      </c>
      <c r="EA8" s="47" t="s">
        <v>50</v>
      </c>
      <c r="EB8" s="47" t="s">
        <v>51</v>
      </c>
      <c r="EC8" s="48" t="s">
        <v>45</v>
      </c>
      <c r="ED8" s="713"/>
      <c r="EE8" s="51" t="s">
        <v>43</v>
      </c>
      <c r="EF8" s="47" t="s">
        <v>44</v>
      </c>
      <c r="EG8" s="327" t="s">
        <v>45</v>
      </c>
      <c r="EH8" s="52" t="s">
        <v>83</v>
      </c>
      <c r="EI8" s="47" t="s">
        <v>47</v>
      </c>
      <c r="EJ8" s="47" t="s">
        <v>48</v>
      </c>
      <c r="EK8" s="47" t="s">
        <v>49</v>
      </c>
      <c r="EL8" s="47" t="s">
        <v>50</v>
      </c>
      <c r="EM8" s="47" t="s">
        <v>51</v>
      </c>
      <c r="EN8" s="48" t="s">
        <v>45</v>
      </c>
      <c r="EO8" s="713"/>
      <c r="EP8" s="51" t="s">
        <v>43</v>
      </c>
      <c r="EQ8" s="47" t="s">
        <v>44</v>
      </c>
      <c r="ER8" s="327" t="s">
        <v>45</v>
      </c>
      <c r="ES8" s="52" t="s">
        <v>83</v>
      </c>
      <c r="ET8" s="47" t="s">
        <v>47</v>
      </c>
      <c r="EU8" s="47" t="s">
        <v>48</v>
      </c>
      <c r="EV8" s="47" t="s">
        <v>49</v>
      </c>
      <c r="EW8" s="47" t="s">
        <v>50</v>
      </c>
      <c r="EX8" s="47" t="s">
        <v>51</v>
      </c>
      <c r="EY8" s="48" t="s">
        <v>45</v>
      </c>
      <c r="EZ8" s="713"/>
      <c r="FA8" s="51" t="s">
        <v>43</v>
      </c>
      <c r="FB8" s="47" t="s">
        <v>44</v>
      </c>
      <c r="FC8" s="327" t="s">
        <v>45</v>
      </c>
      <c r="FD8" s="52" t="s">
        <v>83</v>
      </c>
      <c r="FE8" s="47" t="s">
        <v>47</v>
      </c>
      <c r="FF8" s="47" t="s">
        <v>48</v>
      </c>
      <c r="FG8" s="47" t="s">
        <v>49</v>
      </c>
      <c r="FH8" s="47" t="s">
        <v>50</v>
      </c>
      <c r="FI8" s="47" t="s">
        <v>51</v>
      </c>
      <c r="FJ8" s="48" t="s">
        <v>45</v>
      </c>
      <c r="FK8" s="713"/>
      <c r="FL8" s="51" t="s">
        <v>43</v>
      </c>
      <c r="FM8" s="47" t="s">
        <v>44</v>
      </c>
      <c r="FN8" s="327" t="s">
        <v>45</v>
      </c>
      <c r="FO8" s="52" t="s">
        <v>83</v>
      </c>
      <c r="FP8" s="47" t="s">
        <v>47</v>
      </c>
      <c r="FQ8" s="47" t="s">
        <v>48</v>
      </c>
      <c r="FR8" s="47" t="s">
        <v>49</v>
      </c>
      <c r="FS8" s="47" t="s">
        <v>50</v>
      </c>
      <c r="FT8" s="47" t="s">
        <v>51</v>
      </c>
      <c r="FU8" s="48" t="s">
        <v>45</v>
      </c>
      <c r="FV8" s="724"/>
      <c r="FW8" s="51" t="s">
        <v>43</v>
      </c>
      <c r="FX8" s="47" t="s">
        <v>44</v>
      </c>
      <c r="FY8" s="327" t="s">
        <v>45</v>
      </c>
      <c r="FZ8" s="52" t="s">
        <v>83</v>
      </c>
      <c r="GA8" s="47" t="s">
        <v>47</v>
      </c>
      <c r="GB8" s="47" t="s">
        <v>48</v>
      </c>
      <c r="GC8" s="47" t="s">
        <v>49</v>
      </c>
      <c r="GD8" s="47" t="s">
        <v>50</v>
      </c>
      <c r="GE8" s="47" t="s">
        <v>51</v>
      </c>
      <c r="GF8" s="48" t="s">
        <v>45</v>
      </c>
      <c r="GG8" s="713"/>
      <c r="GH8" s="51" t="s">
        <v>43</v>
      </c>
      <c r="GI8" s="47" t="s">
        <v>44</v>
      </c>
      <c r="GJ8" s="327" t="s">
        <v>45</v>
      </c>
      <c r="GK8" s="52" t="s">
        <v>83</v>
      </c>
      <c r="GL8" s="47" t="s">
        <v>47</v>
      </c>
      <c r="GM8" s="47" t="s">
        <v>48</v>
      </c>
      <c r="GN8" s="47" t="s">
        <v>49</v>
      </c>
      <c r="GO8" s="47" t="s">
        <v>50</v>
      </c>
      <c r="GP8" s="47" t="s">
        <v>51</v>
      </c>
      <c r="GQ8" s="48" t="s">
        <v>45</v>
      </c>
      <c r="GR8" s="723"/>
      <c r="GS8" s="51" t="s">
        <v>43</v>
      </c>
      <c r="GT8" s="47" t="s">
        <v>44</v>
      </c>
      <c r="GU8" s="327" t="s">
        <v>45</v>
      </c>
      <c r="GV8" s="52" t="s">
        <v>83</v>
      </c>
      <c r="GW8" s="47" t="s">
        <v>47</v>
      </c>
      <c r="GX8" s="47" t="s">
        <v>48</v>
      </c>
      <c r="GY8" s="47" t="s">
        <v>49</v>
      </c>
      <c r="GZ8" s="47" t="s">
        <v>50</v>
      </c>
      <c r="HA8" s="47" t="s">
        <v>51</v>
      </c>
      <c r="HB8" s="48" t="s">
        <v>45</v>
      </c>
      <c r="HC8" s="723"/>
      <c r="HD8" s="51" t="s">
        <v>43</v>
      </c>
      <c r="HE8" s="47" t="s">
        <v>44</v>
      </c>
      <c r="HF8" s="327" t="s">
        <v>45</v>
      </c>
      <c r="HG8" s="52" t="s">
        <v>83</v>
      </c>
      <c r="HH8" s="47" t="s">
        <v>47</v>
      </c>
      <c r="HI8" s="47" t="s">
        <v>48</v>
      </c>
      <c r="HJ8" s="47" t="s">
        <v>49</v>
      </c>
      <c r="HK8" s="47" t="s">
        <v>50</v>
      </c>
      <c r="HL8" s="47" t="s">
        <v>51</v>
      </c>
      <c r="HM8" s="48" t="s">
        <v>45</v>
      </c>
      <c r="HN8" s="713"/>
      <c r="HO8" s="51" t="s">
        <v>43</v>
      </c>
      <c r="HP8" s="47" t="s">
        <v>44</v>
      </c>
      <c r="HQ8" s="327" t="s">
        <v>45</v>
      </c>
      <c r="HR8" s="52" t="s">
        <v>83</v>
      </c>
      <c r="HS8" s="47" t="s">
        <v>47</v>
      </c>
      <c r="HT8" s="47" t="s">
        <v>48</v>
      </c>
      <c r="HU8" s="47" t="s">
        <v>49</v>
      </c>
      <c r="HV8" s="47" t="s">
        <v>50</v>
      </c>
      <c r="HW8" s="47" t="s">
        <v>51</v>
      </c>
      <c r="HX8" s="48" t="s">
        <v>45</v>
      </c>
      <c r="HY8" s="713"/>
      <c r="HZ8" s="369" t="s">
        <v>43</v>
      </c>
      <c r="IA8" s="370" t="s">
        <v>44</v>
      </c>
      <c r="IB8" s="41" t="s">
        <v>45</v>
      </c>
      <c r="IC8" s="42" t="s">
        <v>83</v>
      </c>
      <c r="ID8" s="370" t="s">
        <v>47</v>
      </c>
      <c r="IE8" s="370" t="s">
        <v>48</v>
      </c>
      <c r="IF8" s="370" t="s">
        <v>49</v>
      </c>
      <c r="IG8" s="370" t="s">
        <v>50</v>
      </c>
      <c r="IH8" s="370" t="s">
        <v>51</v>
      </c>
      <c r="II8" s="17" t="s">
        <v>45</v>
      </c>
      <c r="IJ8" s="649"/>
      <c r="IK8" s="369" t="s">
        <v>43</v>
      </c>
      <c r="IL8" s="370" t="s">
        <v>44</v>
      </c>
      <c r="IM8" s="41" t="s">
        <v>45</v>
      </c>
      <c r="IN8" s="42" t="s">
        <v>83</v>
      </c>
      <c r="IO8" s="59" t="s">
        <v>47</v>
      </c>
      <c r="IP8" s="59" t="s">
        <v>48</v>
      </c>
      <c r="IQ8" s="59" t="s">
        <v>49</v>
      </c>
      <c r="IR8" s="59" t="s">
        <v>50</v>
      </c>
      <c r="IS8" s="59" t="s">
        <v>51</v>
      </c>
      <c r="IT8" s="64" t="s">
        <v>45</v>
      </c>
      <c r="IU8" s="648"/>
      <c r="IV8" s="61" t="s">
        <v>43</v>
      </c>
      <c r="IW8" s="59" t="s">
        <v>44</v>
      </c>
      <c r="IX8" s="64" t="s">
        <v>45</v>
      </c>
      <c r="IY8" s="33" t="s">
        <v>83</v>
      </c>
      <c r="IZ8" s="59" t="s">
        <v>47</v>
      </c>
      <c r="JA8" s="59" t="s">
        <v>48</v>
      </c>
      <c r="JB8" s="59" t="s">
        <v>49</v>
      </c>
      <c r="JC8" s="59" t="s">
        <v>50</v>
      </c>
      <c r="JD8" s="59" t="s">
        <v>51</v>
      </c>
      <c r="JE8" s="64" t="s">
        <v>45</v>
      </c>
      <c r="JF8" s="648"/>
      <c r="JG8" s="61" t="s">
        <v>43</v>
      </c>
      <c r="JH8" s="59" t="s">
        <v>44</v>
      </c>
      <c r="JI8" s="60" t="s">
        <v>45</v>
      </c>
      <c r="JJ8" s="33" t="s">
        <v>83</v>
      </c>
      <c r="JK8" s="59" t="s">
        <v>47</v>
      </c>
      <c r="JL8" s="59" t="s">
        <v>48</v>
      </c>
      <c r="JM8" s="59" t="s">
        <v>49</v>
      </c>
      <c r="JN8" s="59" t="s">
        <v>50</v>
      </c>
      <c r="JO8" s="59" t="s">
        <v>51</v>
      </c>
      <c r="JP8" s="64" t="s">
        <v>45</v>
      </c>
      <c r="JQ8" s="608"/>
      <c r="JR8" s="61" t="s">
        <v>43</v>
      </c>
      <c r="JS8" s="59" t="s">
        <v>44</v>
      </c>
      <c r="JT8" s="60" t="s">
        <v>45</v>
      </c>
      <c r="JU8" s="33" t="s">
        <v>83</v>
      </c>
      <c r="JV8" s="59" t="s">
        <v>47</v>
      </c>
      <c r="JW8" s="59" t="s">
        <v>48</v>
      </c>
      <c r="JX8" s="59" t="s">
        <v>49</v>
      </c>
      <c r="JY8" s="59" t="s">
        <v>50</v>
      </c>
      <c r="JZ8" s="59" t="s">
        <v>51</v>
      </c>
      <c r="KA8" s="64" t="s">
        <v>45</v>
      </c>
      <c r="KB8" s="608"/>
      <c r="KC8" s="61" t="s">
        <v>43</v>
      </c>
      <c r="KD8" s="59" t="s">
        <v>44</v>
      </c>
      <c r="KE8" s="60" t="s">
        <v>45</v>
      </c>
      <c r="KF8" s="33" t="s">
        <v>83</v>
      </c>
      <c r="KG8" s="59" t="s">
        <v>47</v>
      </c>
      <c r="KH8" s="59" t="s">
        <v>48</v>
      </c>
      <c r="KI8" s="59" t="s">
        <v>49</v>
      </c>
      <c r="KJ8" s="59" t="s">
        <v>50</v>
      </c>
      <c r="KK8" s="59" t="s">
        <v>51</v>
      </c>
      <c r="KL8" s="64" t="s">
        <v>45</v>
      </c>
      <c r="KM8" s="608"/>
      <c r="KN8" s="61" t="s">
        <v>43</v>
      </c>
      <c r="KO8" s="59" t="s">
        <v>44</v>
      </c>
      <c r="KP8" s="60" t="s">
        <v>45</v>
      </c>
      <c r="KQ8" s="42" t="s">
        <v>83</v>
      </c>
      <c r="KR8" s="59" t="s">
        <v>47</v>
      </c>
      <c r="KS8" s="59" t="s">
        <v>48</v>
      </c>
      <c r="KT8" s="59" t="s">
        <v>49</v>
      </c>
      <c r="KU8" s="59" t="s">
        <v>50</v>
      </c>
      <c r="KV8" s="59" t="s">
        <v>51</v>
      </c>
      <c r="KW8" s="64" t="s">
        <v>45</v>
      </c>
      <c r="KX8" s="608"/>
      <c r="KY8" s="61" t="s">
        <v>43</v>
      </c>
      <c r="KZ8" s="59" t="s">
        <v>44</v>
      </c>
      <c r="LA8" s="60" t="s">
        <v>45</v>
      </c>
      <c r="LB8" s="42" t="s">
        <v>83</v>
      </c>
      <c r="LC8" s="59" t="s">
        <v>47</v>
      </c>
      <c r="LD8" s="59" t="s">
        <v>48</v>
      </c>
      <c r="LE8" s="59" t="s">
        <v>49</v>
      </c>
      <c r="LF8" s="59" t="s">
        <v>50</v>
      </c>
      <c r="LG8" s="59" t="s">
        <v>51</v>
      </c>
      <c r="LH8" s="64" t="s">
        <v>45</v>
      </c>
      <c r="LI8" s="608"/>
      <c r="LJ8" s="61" t="s">
        <v>43</v>
      </c>
      <c r="LK8" s="59" t="s">
        <v>44</v>
      </c>
      <c r="LL8" s="60" t="s">
        <v>45</v>
      </c>
      <c r="LM8" s="42" t="s">
        <v>83</v>
      </c>
      <c r="LN8" s="59" t="s">
        <v>47</v>
      </c>
      <c r="LO8" s="59" t="s">
        <v>48</v>
      </c>
      <c r="LP8" s="59" t="s">
        <v>49</v>
      </c>
      <c r="LQ8" s="59" t="s">
        <v>50</v>
      </c>
      <c r="LR8" s="59" t="s">
        <v>51</v>
      </c>
      <c r="LS8" s="64" t="s">
        <v>45</v>
      </c>
      <c r="LT8" s="608"/>
      <c r="LU8" s="61" t="s">
        <v>43</v>
      </c>
      <c r="LV8" s="59" t="s">
        <v>44</v>
      </c>
      <c r="LW8" s="60" t="s">
        <v>45</v>
      </c>
      <c r="LX8" s="42" t="s">
        <v>83</v>
      </c>
      <c r="LY8" s="59" t="s">
        <v>47</v>
      </c>
      <c r="LZ8" s="59" t="s">
        <v>48</v>
      </c>
      <c r="MA8" s="59" t="s">
        <v>49</v>
      </c>
      <c r="MB8" s="59" t="s">
        <v>50</v>
      </c>
      <c r="MC8" s="59" t="s">
        <v>51</v>
      </c>
      <c r="MD8" s="64" t="s">
        <v>45</v>
      </c>
      <c r="ME8" s="608"/>
      <c r="MF8" s="61" t="s">
        <v>43</v>
      </c>
      <c r="MG8" s="59" t="s">
        <v>44</v>
      </c>
      <c r="MH8" s="60" t="s">
        <v>45</v>
      </c>
      <c r="MI8" s="42" t="s">
        <v>83</v>
      </c>
      <c r="MJ8" s="59" t="s">
        <v>47</v>
      </c>
      <c r="MK8" s="59" t="s">
        <v>48</v>
      </c>
      <c r="ML8" s="59" t="s">
        <v>49</v>
      </c>
      <c r="MM8" s="59" t="s">
        <v>50</v>
      </c>
      <c r="MN8" s="59" t="s">
        <v>51</v>
      </c>
      <c r="MO8" s="64" t="s">
        <v>45</v>
      </c>
      <c r="MP8" s="608"/>
      <c r="MQ8" s="61" t="s">
        <v>43</v>
      </c>
      <c r="MR8" s="59" t="s">
        <v>44</v>
      </c>
      <c r="MS8" s="60" t="s">
        <v>45</v>
      </c>
      <c r="MT8" s="42" t="s">
        <v>83</v>
      </c>
      <c r="MU8" s="59" t="s">
        <v>47</v>
      </c>
      <c r="MV8" s="59" t="s">
        <v>48</v>
      </c>
      <c r="MW8" s="59" t="s">
        <v>49</v>
      </c>
      <c r="MX8" s="59" t="s">
        <v>50</v>
      </c>
      <c r="MY8" s="59" t="s">
        <v>51</v>
      </c>
      <c r="MZ8" s="64" t="s">
        <v>45</v>
      </c>
      <c r="NA8" s="608"/>
      <c r="NB8" s="61" t="s">
        <v>43</v>
      </c>
      <c r="NC8" s="59" t="s">
        <v>44</v>
      </c>
      <c r="ND8" s="60" t="s">
        <v>45</v>
      </c>
      <c r="NE8" s="42" t="s">
        <v>83</v>
      </c>
      <c r="NF8" s="59" t="s">
        <v>47</v>
      </c>
      <c r="NG8" s="59" t="s">
        <v>48</v>
      </c>
      <c r="NH8" s="59" t="s">
        <v>49</v>
      </c>
      <c r="NI8" s="59" t="s">
        <v>50</v>
      </c>
      <c r="NJ8" s="59" t="s">
        <v>51</v>
      </c>
      <c r="NK8" s="64" t="s">
        <v>45</v>
      </c>
      <c r="NL8" s="608"/>
      <c r="NM8" s="61" t="s">
        <v>43</v>
      </c>
      <c r="NN8" s="59" t="s">
        <v>44</v>
      </c>
      <c r="NO8" s="60" t="s">
        <v>45</v>
      </c>
      <c r="NP8" s="42" t="s">
        <v>83</v>
      </c>
      <c r="NQ8" s="59" t="s">
        <v>47</v>
      </c>
      <c r="NR8" s="59" t="s">
        <v>48</v>
      </c>
      <c r="NS8" s="59" t="s">
        <v>49</v>
      </c>
      <c r="NT8" s="59" t="s">
        <v>50</v>
      </c>
      <c r="NU8" s="59" t="s">
        <v>51</v>
      </c>
      <c r="NV8" s="64" t="s">
        <v>45</v>
      </c>
      <c r="NW8" s="608"/>
      <c r="NX8" s="61" t="s">
        <v>43</v>
      </c>
      <c r="NY8" s="59" t="s">
        <v>44</v>
      </c>
      <c r="NZ8" s="60" t="s">
        <v>45</v>
      </c>
      <c r="OA8" s="42" t="s">
        <v>83</v>
      </c>
      <c r="OB8" s="59" t="s">
        <v>47</v>
      </c>
      <c r="OC8" s="59" t="s">
        <v>48</v>
      </c>
      <c r="OD8" s="59" t="s">
        <v>49</v>
      </c>
      <c r="OE8" s="59" t="s">
        <v>50</v>
      </c>
      <c r="OF8" s="59" t="s">
        <v>51</v>
      </c>
      <c r="OG8" s="64" t="s">
        <v>45</v>
      </c>
      <c r="OH8" s="608"/>
      <c r="OI8" s="61" t="s">
        <v>43</v>
      </c>
      <c r="OJ8" s="59" t="s">
        <v>44</v>
      </c>
      <c r="OK8" s="60" t="s">
        <v>45</v>
      </c>
      <c r="OL8" s="33" t="s">
        <v>83</v>
      </c>
      <c r="OM8" s="59" t="s">
        <v>47</v>
      </c>
      <c r="ON8" s="59" t="s">
        <v>48</v>
      </c>
      <c r="OO8" s="59" t="s">
        <v>49</v>
      </c>
      <c r="OP8" s="59" t="s">
        <v>50</v>
      </c>
      <c r="OQ8" s="59" t="s">
        <v>51</v>
      </c>
      <c r="OR8" s="64" t="s">
        <v>45</v>
      </c>
      <c r="OS8" s="608"/>
    </row>
    <row r="9" spans="1:409" s="474" customFormat="1" ht="20.25" customHeight="1" x14ac:dyDescent="0.2">
      <c r="A9" s="44"/>
      <c r="B9" s="468" t="s">
        <v>4</v>
      </c>
      <c r="C9" s="388">
        <v>25173211</v>
      </c>
      <c r="D9" s="389">
        <v>41144231</v>
      </c>
      <c r="E9" s="390">
        <v>66317442</v>
      </c>
      <c r="F9" s="391">
        <v>0</v>
      </c>
      <c r="G9" s="389">
        <v>251128775</v>
      </c>
      <c r="H9" s="389">
        <v>335208072</v>
      </c>
      <c r="I9" s="389">
        <v>279513372</v>
      </c>
      <c r="J9" s="389">
        <v>310703996</v>
      </c>
      <c r="K9" s="389">
        <v>233531272</v>
      </c>
      <c r="L9" s="392">
        <v>1410085487</v>
      </c>
      <c r="M9" s="393">
        <v>1476402929</v>
      </c>
      <c r="N9" s="388">
        <v>6904711</v>
      </c>
      <c r="O9" s="389">
        <v>13883781</v>
      </c>
      <c r="P9" s="394">
        <v>20788492</v>
      </c>
      <c r="Q9" s="388">
        <v>0</v>
      </c>
      <c r="R9" s="389">
        <v>77501739</v>
      </c>
      <c r="S9" s="389">
        <v>114280123</v>
      </c>
      <c r="T9" s="389">
        <v>91044195</v>
      </c>
      <c r="U9" s="389">
        <v>108507431</v>
      </c>
      <c r="V9" s="389">
        <v>111529884</v>
      </c>
      <c r="W9" s="394">
        <v>502863372</v>
      </c>
      <c r="X9" s="393">
        <v>523651864</v>
      </c>
      <c r="Y9" s="388">
        <v>0</v>
      </c>
      <c r="Z9" s="389">
        <v>0</v>
      </c>
      <c r="AA9" s="394">
        <v>0</v>
      </c>
      <c r="AB9" s="395">
        <v>0</v>
      </c>
      <c r="AC9" s="396">
        <v>32853112</v>
      </c>
      <c r="AD9" s="396">
        <v>49736133</v>
      </c>
      <c r="AE9" s="396">
        <v>43993385</v>
      </c>
      <c r="AF9" s="396">
        <v>55586081</v>
      </c>
      <c r="AG9" s="396">
        <v>61130187</v>
      </c>
      <c r="AH9" s="394">
        <v>243298898</v>
      </c>
      <c r="AI9" s="393">
        <v>243298898</v>
      </c>
      <c r="AJ9" s="397">
        <v>0</v>
      </c>
      <c r="AK9" s="396">
        <v>120969</v>
      </c>
      <c r="AL9" s="394">
        <v>120969</v>
      </c>
      <c r="AM9" s="395">
        <v>0</v>
      </c>
      <c r="AN9" s="396">
        <v>351017</v>
      </c>
      <c r="AO9" s="392">
        <v>1343927</v>
      </c>
      <c r="AP9" s="396">
        <v>2571825</v>
      </c>
      <c r="AQ9" s="396">
        <v>7260393</v>
      </c>
      <c r="AR9" s="396">
        <v>12470859</v>
      </c>
      <c r="AS9" s="394">
        <v>23998021</v>
      </c>
      <c r="AT9" s="393">
        <v>24118990</v>
      </c>
      <c r="AU9" s="397">
        <v>3332507</v>
      </c>
      <c r="AV9" s="396">
        <v>9155005</v>
      </c>
      <c r="AW9" s="394">
        <v>12487512</v>
      </c>
      <c r="AX9" s="395">
        <v>0</v>
      </c>
      <c r="AY9" s="396">
        <v>28027086</v>
      </c>
      <c r="AZ9" s="396">
        <v>41800810</v>
      </c>
      <c r="BA9" s="396">
        <v>26389537</v>
      </c>
      <c r="BB9" s="396">
        <v>25616922</v>
      </c>
      <c r="BC9" s="396">
        <v>24184560</v>
      </c>
      <c r="BD9" s="394">
        <v>146018915</v>
      </c>
      <c r="BE9" s="398">
        <v>158506427</v>
      </c>
      <c r="BF9" s="397">
        <v>345785</v>
      </c>
      <c r="BG9" s="392">
        <v>1492877</v>
      </c>
      <c r="BH9" s="399">
        <v>1838662</v>
      </c>
      <c r="BI9" s="395">
        <v>0</v>
      </c>
      <c r="BJ9" s="396">
        <v>2779765</v>
      </c>
      <c r="BK9" s="396">
        <v>4670625</v>
      </c>
      <c r="BL9" s="396">
        <v>3163040</v>
      </c>
      <c r="BM9" s="396">
        <v>3165516</v>
      </c>
      <c r="BN9" s="396">
        <v>1324644</v>
      </c>
      <c r="BO9" s="394">
        <v>15103590</v>
      </c>
      <c r="BP9" s="393">
        <v>16942252</v>
      </c>
      <c r="BQ9" s="397">
        <v>3226419</v>
      </c>
      <c r="BR9" s="396">
        <v>3114930</v>
      </c>
      <c r="BS9" s="394">
        <v>6341349</v>
      </c>
      <c r="BT9" s="395">
        <v>0</v>
      </c>
      <c r="BU9" s="396">
        <v>13490759</v>
      </c>
      <c r="BV9" s="396">
        <v>16728628</v>
      </c>
      <c r="BW9" s="396">
        <v>14926408</v>
      </c>
      <c r="BX9" s="396">
        <v>16878519</v>
      </c>
      <c r="BY9" s="396">
        <v>12419634</v>
      </c>
      <c r="BZ9" s="394">
        <v>74443948</v>
      </c>
      <c r="CA9" s="393">
        <v>80785297</v>
      </c>
      <c r="CB9" s="397">
        <v>2084918</v>
      </c>
      <c r="CC9" s="396">
        <v>4968722</v>
      </c>
      <c r="CD9" s="394">
        <v>7053640</v>
      </c>
      <c r="CE9" s="395">
        <v>0</v>
      </c>
      <c r="CF9" s="396">
        <v>68604515</v>
      </c>
      <c r="CG9" s="396">
        <v>81487607</v>
      </c>
      <c r="CH9" s="400">
        <v>55346068</v>
      </c>
      <c r="CI9" s="396">
        <v>40759234</v>
      </c>
      <c r="CJ9" s="396">
        <v>17585348</v>
      </c>
      <c r="CK9" s="394">
        <v>263782772</v>
      </c>
      <c r="CL9" s="393">
        <v>270836412</v>
      </c>
      <c r="CM9" s="388">
        <v>0</v>
      </c>
      <c r="CN9" s="389">
        <v>0</v>
      </c>
      <c r="CO9" s="394">
        <v>0</v>
      </c>
      <c r="CP9" s="395">
        <v>0</v>
      </c>
      <c r="CQ9" s="396">
        <v>55791944</v>
      </c>
      <c r="CR9" s="396">
        <v>60163088</v>
      </c>
      <c r="CS9" s="396">
        <v>38341747</v>
      </c>
      <c r="CT9" s="396">
        <v>27427901</v>
      </c>
      <c r="CU9" s="396">
        <v>12453178</v>
      </c>
      <c r="CV9" s="401">
        <v>194177858</v>
      </c>
      <c r="CW9" s="393">
        <v>194177858</v>
      </c>
      <c r="CX9" s="397">
        <v>2084918</v>
      </c>
      <c r="CY9" s="396">
        <v>4968722</v>
      </c>
      <c r="CZ9" s="394">
        <v>7053640</v>
      </c>
      <c r="DA9" s="395">
        <v>0</v>
      </c>
      <c r="DB9" s="396">
        <v>12812571</v>
      </c>
      <c r="DC9" s="396">
        <v>21324519</v>
      </c>
      <c r="DD9" s="396">
        <v>17004321</v>
      </c>
      <c r="DE9" s="396">
        <v>13331333</v>
      </c>
      <c r="DF9" s="396">
        <v>5132170</v>
      </c>
      <c r="DG9" s="394">
        <v>69604914</v>
      </c>
      <c r="DH9" s="393">
        <v>76658554</v>
      </c>
      <c r="DI9" s="397">
        <v>160585</v>
      </c>
      <c r="DJ9" s="396">
        <v>614090</v>
      </c>
      <c r="DK9" s="399">
        <v>774675</v>
      </c>
      <c r="DL9" s="395">
        <v>0</v>
      </c>
      <c r="DM9" s="396">
        <v>7591043</v>
      </c>
      <c r="DN9" s="396">
        <v>12732194</v>
      </c>
      <c r="DO9" s="396">
        <v>18509601</v>
      </c>
      <c r="DP9" s="396">
        <v>21103105</v>
      </c>
      <c r="DQ9" s="396">
        <v>11444737</v>
      </c>
      <c r="DR9" s="402">
        <v>71380680</v>
      </c>
      <c r="DS9" s="393">
        <v>72155355</v>
      </c>
      <c r="DT9" s="397">
        <v>126052</v>
      </c>
      <c r="DU9" s="396">
        <v>518033</v>
      </c>
      <c r="DV9" s="394">
        <v>644085</v>
      </c>
      <c r="DW9" s="395">
        <v>0</v>
      </c>
      <c r="DX9" s="396">
        <v>6461324</v>
      </c>
      <c r="DY9" s="396">
        <v>10478167</v>
      </c>
      <c r="DZ9" s="396">
        <v>15980007</v>
      </c>
      <c r="EA9" s="396">
        <v>17399027</v>
      </c>
      <c r="EB9" s="396">
        <v>9448575</v>
      </c>
      <c r="EC9" s="394">
        <v>59767100</v>
      </c>
      <c r="ED9" s="393">
        <v>60411185</v>
      </c>
      <c r="EE9" s="397">
        <v>34533</v>
      </c>
      <c r="EF9" s="392">
        <v>96057</v>
      </c>
      <c r="EG9" s="394">
        <v>130590</v>
      </c>
      <c r="EH9" s="398">
        <v>0</v>
      </c>
      <c r="EI9" s="396">
        <v>1129719</v>
      </c>
      <c r="EJ9" s="396">
        <v>2254027</v>
      </c>
      <c r="EK9" s="396">
        <v>2529594</v>
      </c>
      <c r="EL9" s="396">
        <v>3704078</v>
      </c>
      <c r="EM9" s="400">
        <v>1996162</v>
      </c>
      <c r="EN9" s="392">
        <v>11613580</v>
      </c>
      <c r="EO9" s="393">
        <v>11744170</v>
      </c>
      <c r="EP9" s="397">
        <v>0</v>
      </c>
      <c r="EQ9" s="396">
        <v>0</v>
      </c>
      <c r="ER9" s="392">
        <v>0</v>
      </c>
      <c r="ES9" s="395">
        <v>0</v>
      </c>
      <c r="ET9" s="396">
        <v>0</v>
      </c>
      <c r="EU9" s="396">
        <v>0</v>
      </c>
      <c r="EV9" s="396">
        <v>0</v>
      </c>
      <c r="EW9" s="396">
        <v>0</v>
      </c>
      <c r="EX9" s="396">
        <v>0</v>
      </c>
      <c r="EY9" s="401">
        <v>0</v>
      </c>
      <c r="EZ9" s="393">
        <v>0</v>
      </c>
      <c r="FA9" s="397">
        <v>0</v>
      </c>
      <c r="FB9" s="396">
        <v>0</v>
      </c>
      <c r="FC9" s="392">
        <v>0</v>
      </c>
      <c r="FD9" s="403"/>
      <c r="FE9" s="396">
        <v>0</v>
      </c>
      <c r="FF9" s="396">
        <v>0</v>
      </c>
      <c r="FG9" s="396">
        <v>0</v>
      </c>
      <c r="FH9" s="396">
        <v>0</v>
      </c>
      <c r="FI9" s="396">
        <v>0</v>
      </c>
      <c r="FJ9" s="401">
        <v>0</v>
      </c>
      <c r="FK9" s="393">
        <v>0</v>
      </c>
      <c r="FL9" s="397">
        <v>5247109</v>
      </c>
      <c r="FM9" s="396">
        <v>8337734</v>
      </c>
      <c r="FN9" s="394">
        <v>13584843</v>
      </c>
      <c r="FO9" s="395">
        <v>0</v>
      </c>
      <c r="FP9" s="396">
        <v>12404076</v>
      </c>
      <c r="FQ9" s="396">
        <v>29986204</v>
      </c>
      <c r="FR9" s="396">
        <v>21692282</v>
      </c>
      <c r="FS9" s="396">
        <v>21386073</v>
      </c>
      <c r="FT9" s="396">
        <v>15831018</v>
      </c>
      <c r="FU9" s="394">
        <v>101299653</v>
      </c>
      <c r="FV9" s="393">
        <v>114884496</v>
      </c>
      <c r="FW9" s="397">
        <v>2330699</v>
      </c>
      <c r="FX9" s="396">
        <v>5143465</v>
      </c>
      <c r="FY9" s="392">
        <v>7474164</v>
      </c>
      <c r="FZ9" s="398">
        <v>0</v>
      </c>
      <c r="GA9" s="396">
        <v>8942344</v>
      </c>
      <c r="GB9" s="404">
        <v>26785357</v>
      </c>
      <c r="GC9" s="396">
        <v>19651699</v>
      </c>
      <c r="GD9" s="404">
        <v>19305158</v>
      </c>
      <c r="GE9" s="396">
        <v>14716660</v>
      </c>
      <c r="GF9" s="401">
        <v>89401218</v>
      </c>
      <c r="GG9" s="405">
        <v>96875382</v>
      </c>
      <c r="GH9" s="406">
        <v>332924</v>
      </c>
      <c r="GI9" s="396">
        <v>413037</v>
      </c>
      <c r="GJ9" s="404">
        <v>745961</v>
      </c>
      <c r="GK9" s="391">
        <v>0</v>
      </c>
      <c r="GL9" s="396">
        <v>740393</v>
      </c>
      <c r="GM9" s="392">
        <v>1092593</v>
      </c>
      <c r="GN9" s="396">
        <v>666707</v>
      </c>
      <c r="GO9" s="392">
        <v>964765</v>
      </c>
      <c r="GP9" s="396">
        <v>229355</v>
      </c>
      <c r="GQ9" s="402">
        <v>3693813</v>
      </c>
      <c r="GR9" s="393">
        <v>4439774</v>
      </c>
      <c r="GS9" s="392">
        <v>2583486</v>
      </c>
      <c r="GT9" s="396">
        <v>2781232</v>
      </c>
      <c r="GU9" s="394">
        <v>5364718</v>
      </c>
      <c r="GV9" s="392">
        <v>0</v>
      </c>
      <c r="GW9" s="396">
        <v>2721339</v>
      </c>
      <c r="GX9" s="392">
        <v>2108254</v>
      </c>
      <c r="GY9" s="396">
        <v>1373876</v>
      </c>
      <c r="GZ9" s="392">
        <v>1116150</v>
      </c>
      <c r="HA9" s="396">
        <v>885003</v>
      </c>
      <c r="HB9" s="392">
        <v>8204622</v>
      </c>
      <c r="HC9" s="393">
        <v>13569340</v>
      </c>
      <c r="HD9" s="392">
        <v>10775888</v>
      </c>
      <c r="HE9" s="396">
        <v>13339904</v>
      </c>
      <c r="HF9" s="392">
        <v>24115792</v>
      </c>
      <c r="HG9" s="398">
        <v>0</v>
      </c>
      <c r="HH9" s="396">
        <v>85027402</v>
      </c>
      <c r="HI9" s="404">
        <v>96721944</v>
      </c>
      <c r="HJ9" s="396">
        <v>92921226</v>
      </c>
      <c r="HK9" s="404">
        <v>118948153</v>
      </c>
      <c r="HL9" s="396">
        <v>77140285</v>
      </c>
      <c r="HM9" s="401">
        <v>470759010</v>
      </c>
      <c r="HN9" s="392">
        <v>494874802</v>
      </c>
      <c r="HO9" s="469"/>
      <c r="HP9" s="470"/>
      <c r="HQ9" s="471"/>
      <c r="HR9" s="472"/>
      <c r="HS9" s="470"/>
      <c r="HT9" s="472"/>
      <c r="HU9" s="470"/>
      <c r="HV9" s="472"/>
      <c r="HW9" s="470"/>
      <c r="HX9" s="472"/>
      <c r="HY9" s="473"/>
      <c r="HZ9" s="407">
        <v>593725</v>
      </c>
      <c r="IA9" s="408">
        <v>648348</v>
      </c>
      <c r="IB9" s="409">
        <v>1242073</v>
      </c>
      <c r="IC9" s="410">
        <v>0</v>
      </c>
      <c r="ID9" s="408">
        <v>55678616</v>
      </c>
      <c r="IE9" s="411">
        <v>69024778</v>
      </c>
      <c r="IF9" s="412">
        <v>74510732</v>
      </c>
      <c r="IG9" s="408">
        <v>58105117</v>
      </c>
      <c r="IH9" s="412">
        <v>44802543</v>
      </c>
      <c r="II9" s="413">
        <v>302121786</v>
      </c>
      <c r="IJ9" s="414">
        <v>303363859</v>
      </c>
      <c r="IK9" s="415">
        <v>0</v>
      </c>
      <c r="IL9" s="416">
        <v>0</v>
      </c>
      <c r="IM9" s="417">
        <v>0</v>
      </c>
      <c r="IN9" s="418"/>
      <c r="IO9" s="419">
        <v>1670408</v>
      </c>
      <c r="IP9" s="419">
        <v>2920888</v>
      </c>
      <c r="IQ9" s="419">
        <v>2717296</v>
      </c>
      <c r="IR9" s="419">
        <v>4639643</v>
      </c>
      <c r="IS9" s="419">
        <v>3847278</v>
      </c>
      <c r="IT9" s="420">
        <v>15795513</v>
      </c>
      <c r="IU9" s="421">
        <v>15795513</v>
      </c>
      <c r="IV9" s="422">
        <v>0</v>
      </c>
      <c r="IW9" s="419">
        <v>0</v>
      </c>
      <c r="IX9" s="423">
        <v>0</v>
      </c>
      <c r="IY9" s="424"/>
      <c r="IZ9" s="419">
        <v>71429</v>
      </c>
      <c r="JA9" s="419">
        <v>466080</v>
      </c>
      <c r="JB9" s="419">
        <v>680391</v>
      </c>
      <c r="JC9" s="419">
        <v>1075417</v>
      </c>
      <c r="JD9" s="419">
        <v>1008770</v>
      </c>
      <c r="JE9" s="423">
        <v>3302087</v>
      </c>
      <c r="JF9" s="425">
        <v>3302087</v>
      </c>
      <c r="JG9" s="422">
        <v>0</v>
      </c>
      <c r="JH9" s="419">
        <v>0</v>
      </c>
      <c r="JI9" s="420">
        <v>0</v>
      </c>
      <c r="JJ9" s="426">
        <v>0</v>
      </c>
      <c r="JK9" s="419">
        <v>27596600</v>
      </c>
      <c r="JL9" s="419">
        <v>24894107</v>
      </c>
      <c r="JM9" s="419">
        <v>18028194</v>
      </c>
      <c r="JN9" s="419">
        <v>10655330</v>
      </c>
      <c r="JO9" s="419">
        <v>5061753</v>
      </c>
      <c r="JP9" s="423">
        <v>86235984</v>
      </c>
      <c r="JQ9" s="421">
        <v>86235984</v>
      </c>
      <c r="JR9" s="422">
        <v>68733</v>
      </c>
      <c r="JS9" s="419">
        <v>0</v>
      </c>
      <c r="JT9" s="420">
        <v>68733</v>
      </c>
      <c r="JU9" s="426">
        <v>0</v>
      </c>
      <c r="JV9" s="419">
        <v>2656265</v>
      </c>
      <c r="JW9" s="419">
        <v>5728792</v>
      </c>
      <c r="JX9" s="419">
        <v>5945694</v>
      </c>
      <c r="JY9" s="419">
        <v>2785609</v>
      </c>
      <c r="JZ9" s="419">
        <v>3875377</v>
      </c>
      <c r="KA9" s="423">
        <v>20991737</v>
      </c>
      <c r="KB9" s="421">
        <v>21060470</v>
      </c>
      <c r="KC9" s="427">
        <v>524992</v>
      </c>
      <c r="KD9" s="428">
        <v>648348</v>
      </c>
      <c r="KE9" s="423">
        <v>1173340</v>
      </c>
      <c r="KF9" s="426">
        <v>0</v>
      </c>
      <c r="KG9" s="419">
        <v>7471193</v>
      </c>
      <c r="KH9" s="419">
        <v>7319590</v>
      </c>
      <c r="KI9" s="419">
        <v>11412904</v>
      </c>
      <c r="KJ9" s="419">
        <v>8812191</v>
      </c>
      <c r="KK9" s="419">
        <v>5744546</v>
      </c>
      <c r="KL9" s="423">
        <v>40760424</v>
      </c>
      <c r="KM9" s="429">
        <v>41933764</v>
      </c>
      <c r="KN9" s="415">
        <v>0</v>
      </c>
      <c r="KO9" s="416">
        <v>0</v>
      </c>
      <c r="KP9" s="417">
        <v>0</v>
      </c>
      <c r="KQ9" s="418"/>
      <c r="KR9" s="419">
        <v>14769571</v>
      </c>
      <c r="KS9" s="419">
        <v>24107286</v>
      </c>
      <c r="KT9" s="419">
        <v>28688818</v>
      </c>
      <c r="KU9" s="419">
        <v>19349643</v>
      </c>
      <c r="KV9" s="419">
        <v>13842378</v>
      </c>
      <c r="KW9" s="423">
        <v>100757696</v>
      </c>
      <c r="KX9" s="421">
        <v>100757696</v>
      </c>
      <c r="KY9" s="422">
        <v>0</v>
      </c>
      <c r="KZ9" s="419">
        <v>0</v>
      </c>
      <c r="LA9" s="423">
        <v>0</v>
      </c>
      <c r="LB9" s="430"/>
      <c r="LC9" s="419">
        <v>409278</v>
      </c>
      <c r="LD9" s="419">
        <v>1243844</v>
      </c>
      <c r="LE9" s="419">
        <v>1324965</v>
      </c>
      <c r="LF9" s="419">
        <v>1141088</v>
      </c>
      <c r="LG9" s="419">
        <v>1129596</v>
      </c>
      <c r="LH9" s="423">
        <v>5248771</v>
      </c>
      <c r="LI9" s="425">
        <v>5248771</v>
      </c>
      <c r="LJ9" s="422">
        <v>0</v>
      </c>
      <c r="LK9" s="419">
        <v>0</v>
      </c>
      <c r="LL9" s="423">
        <v>0</v>
      </c>
      <c r="LM9" s="430"/>
      <c r="LN9" s="419">
        <v>191314</v>
      </c>
      <c r="LO9" s="419">
        <v>339734</v>
      </c>
      <c r="LP9" s="419">
        <v>2399705</v>
      </c>
      <c r="LQ9" s="419">
        <v>4033173</v>
      </c>
      <c r="LR9" s="419">
        <v>2046340</v>
      </c>
      <c r="LS9" s="423">
        <v>9010266</v>
      </c>
      <c r="LT9" s="421">
        <v>9010266</v>
      </c>
      <c r="LU9" s="422">
        <v>0</v>
      </c>
      <c r="LV9" s="419">
        <v>0</v>
      </c>
      <c r="LW9" s="423">
        <v>0</v>
      </c>
      <c r="LX9" s="430"/>
      <c r="LY9" s="419">
        <v>842558</v>
      </c>
      <c r="LZ9" s="419">
        <v>2004457</v>
      </c>
      <c r="MA9" s="419">
        <v>3312765</v>
      </c>
      <c r="MB9" s="419">
        <v>5613023</v>
      </c>
      <c r="MC9" s="419">
        <v>8246505</v>
      </c>
      <c r="MD9" s="423">
        <v>20019308</v>
      </c>
      <c r="ME9" s="425">
        <v>20019308</v>
      </c>
      <c r="MF9" s="422">
        <v>0</v>
      </c>
      <c r="MG9" s="419">
        <v>0</v>
      </c>
      <c r="MH9" s="423">
        <v>0</v>
      </c>
      <c r="MI9" s="430"/>
      <c r="MJ9" s="419">
        <v>11602789</v>
      </c>
      <c r="MK9" s="419">
        <v>38248005</v>
      </c>
      <c r="ML9" s="419">
        <v>98957803</v>
      </c>
      <c r="MM9" s="419">
        <v>161875308</v>
      </c>
      <c r="MN9" s="419">
        <v>111513406</v>
      </c>
      <c r="MO9" s="423">
        <v>422197311</v>
      </c>
      <c r="MP9" s="429">
        <v>422197311</v>
      </c>
      <c r="MQ9" s="422">
        <v>0</v>
      </c>
      <c r="MR9" s="419">
        <v>0</v>
      </c>
      <c r="MS9" s="423">
        <v>0</v>
      </c>
      <c r="MT9" s="430"/>
      <c r="MU9" s="419">
        <v>551670</v>
      </c>
      <c r="MV9" s="419">
        <v>6130839</v>
      </c>
      <c r="MW9" s="419">
        <v>48098159</v>
      </c>
      <c r="MX9" s="419">
        <v>94514726</v>
      </c>
      <c r="MY9" s="419">
        <v>65813375</v>
      </c>
      <c r="MZ9" s="423">
        <v>215108769</v>
      </c>
      <c r="NA9" s="429">
        <v>215108769</v>
      </c>
      <c r="NB9" s="422">
        <v>0</v>
      </c>
      <c r="NC9" s="419">
        <v>0</v>
      </c>
      <c r="ND9" s="423">
        <v>0</v>
      </c>
      <c r="NE9" s="430"/>
      <c r="NF9" s="419">
        <v>11051119</v>
      </c>
      <c r="NG9" s="419">
        <v>31556299</v>
      </c>
      <c r="NH9" s="419">
        <v>50797958</v>
      </c>
      <c r="NI9" s="419">
        <v>60568856</v>
      </c>
      <c r="NJ9" s="419">
        <v>34306663</v>
      </c>
      <c r="NK9" s="423">
        <v>188280895</v>
      </c>
      <c r="NL9" s="421">
        <v>188280895</v>
      </c>
      <c r="NM9" s="422">
        <v>0</v>
      </c>
      <c r="NN9" s="419">
        <v>0</v>
      </c>
      <c r="NO9" s="423">
        <v>0</v>
      </c>
      <c r="NP9" s="430"/>
      <c r="NQ9" s="419">
        <v>0</v>
      </c>
      <c r="NR9" s="419">
        <v>143803</v>
      </c>
      <c r="NS9" s="419">
        <v>0</v>
      </c>
      <c r="NT9" s="419">
        <v>3488954</v>
      </c>
      <c r="NU9" s="419">
        <v>4907520</v>
      </c>
      <c r="NV9" s="423">
        <v>8540277</v>
      </c>
      <c r="NW9" s="425">
        <v>8540277</v>
      </c>
      <c r="NX9" s="422">
        <v>0</v>
      </c>
      <c r="NY9" s="419">
        <v>0</v>
      </c>
      <c r="NZ9" s="423">
        <v>0</v>
      </c>
      <c r="OA9" s="430"/>
      <c r="OB9" s="419">
        <v>0</v>
      </c>
      <c r="OC9" s="419">
        <v>417064</v>
      </c>
      <c r="OD9" s="419">
        <v>61686</v>
      </c>
      <c r="OE9" s="419">
        <v>3302772</v>
      </c>
      <c r="OF9" s="419">
        <v>6485848</v>
      </c>
      <c r="OG9" s="423">
        <v>10267370</v>
      </c>
      <c r="OH9" s="425">
        <v>10267370</v>
      </c>
      <c r="OI9" s="422">
        <v>25766936</v>
      </c>
      <c r="OJ9" s="419">
        <v>41792579</v>
      </c>
      <c r="OK9" s="420">
        <v>67559515</v>
      </c>
      <c r="OL9" s="426">
        <v>0</v>
      </c>
      <c r="OM9" s="419">
        <v>318410180</v>
      </c>
      <c r="ON9" s="419">
        <v>442480855</v>
      </c>
      <c r="OO9" s="419">
        <v>452981907</v>
      </c>
      <c r="OP9" s="419">
        <v>530684421</v>
      </c>
      <c r="OQ9" s="419">
        <v>389847221</v>
      </c>
      <c r="OR9" s="423">
        <v>2134404584</v>
      </c>
      <c r="OS9" s="429">
        <v>2201964099</v>
      </c>
    </row>
    <row r="10" spans="1:409" s="474" customFormat="1" ht="20.25" customHeight="1" x14ac:dyDescent="0.2">
      <c r="A10" s="44"/>
      <c r="B10" s="475" t="s">
        <v>5</v>
      </c>
      <c r="C10" s="433">
        <v>10900131</v>
      </c>
      <c r="D10" s="434">
        <v>21044198</v>
      </c>
      <c r="E10" s="435">
        <v>31944329</v>
      </c>
      <c r="F10" s="436">
        <v>0</v>
      </c>
      <c r="G10" s="434">
        <v>96937015</v>
      </c>
      <c r="H10" s="434">
        <v>169378803</v>
      </c>
      <c r="I10" s="434">
        <v>128645385</v>
      </c>
      <c r="J10" s="434">
        <v>133837502</v>
      </c>
      <c r="K10" s="434">
        <v>99670060</v>
      </c>
      <c r="L10" s="436">
        <v>628468765</v>
      </c>
      <c r="M10" s="437">
        <v>660413094</v>
      </c>
      <c r="N10" s="433">
        <v>3069037</v>
      </c>
      <c r="O10" s="434">
        <v>7490240</v>
      </c>
      <c r="P10" s="435">
        <v>10559277</v>
      </c>
      <c r="Q10" s="433">
        <v>0</v>
      </c>
      <c r="R10" s="434">
        <v>30368657</v>
      </c>
      <c r="S10" s="434">
        <v>60609883</v>
      </c>
      <c r="T10" s="434">
        <v>39571003</v>
      </c>
      <c r="U10" s="434">
        <v>46836488</v>
      </c>
      <c r="V10" s="434">
        <v>45972635</v>
      </c>
      <c r="W10" s="435">
        <v>223358666</v>
      </c>
      <c r="X10" s="437">
        <v>233917943</v>
      </c>
      <c r="Y10" s="433">
        <v>0</v>
      </c>
      <c r="Z10" s="434">
        <v>0</v>
      </c>
      <c r="AA10" s="435">
        <v>0</v>
      </c>
      <c r="AB10" s="433">
        <v>0</v>
      </c>
      <c r="AC10" s="434">
        <v>12467358</v>
      </c>
      <c r="AD10" s="434">
        <v>25157258</v>
      </c>
      <c r="AE10" s="434">
        <v>17544911</v>
      </c>
      <c r="AF10" s="434">
        <v>22262627</v>
      </c>
      <c r="AG10" s="434">
        <v>23721776</v>
      </c>
      <c r="AH10" s="435">
        <v>101153930</v>
      </c>
      <c r="AI10" s="437">
        <v>101153930</v>
      </c>
      <c r="AJ10" s="433">
        <v>0</v>
      </c>
      <c r="AK10" s="434">
        <v>56923</v>
      </c>
      <c r="AL10" s="435">
        <v>56923</v>
      </c>
      <c r="AM10" s="433">
        <v>0</v>
      </c>
      <c r="AN10" s="434">
        <v>12197</v>
      </c>
      <c r="AO10" s="434">
        <v>685239</v>
      </c>
      <c r="AP10" s="434">
        <v>1161488</v>
      </c>
      <c r="AQ10" s="434">
        <v>3324185</v>
      </c>
      <c r="AR10" s="434">
        <v>5080191</v>
      </c>
      <c r="AS10" s="435">
        <v>10263300</v>
      </c>
      <c r="AT10" s="437">
        <v>10320223</v>
      </c>
      <c r="AU10" s="433">
        <v>1573769</v>
      </c>
      <c r="AV10" s="434">
        <v>4945081</v>
      </c>
      <c r="AW10" s="435">
        <v>6518850</v>
      </c>
      <c r="AX10" s="433">
        <v>0</v>
      </c>
      <c r="AY10" s="434">
        <v>11382063</v>
      </c>
      <c r="AZ10" s="434">
        <v>24078696</v>
      </c>
      <c r="BA10" s="434">
        <v>12828623</v>
      </c>
      <c r="BB10" s="434">
        <v>12555964</v>
      </c>
      <c r="BC10" s="434">
        <v>11394387</v>
      </c>
      <c r="BD10" s="435">
        <v>72239733</v>
      </c>
      <c r="BE10" s="437">
        <v>78758583</v>
      </c>
      <c r="BF10" s="433">
        <v>158268</v>
      </c>
      <c r="BG10" s="434">
        <v>866280</v>
      </c>
      <c r="BH10" s="438">
        <v>1024548</v>
      </c>
      <c r="BI10" s="439">
        <v>0</v>
      </c>
      <c r="BJ10" s="434">
        <v>873227</v>
      </c>
      <c r="BK10" s="434">
        <v>2276265</v>
      </c>
      <c r="BL10" s="434">
        <v>1301995</v>
      </c>
      <c r="BM10" s="434">
        <v>1376486</v>
      </c>
      <c r="BN10" s="434">
        <v>482934</v>
      </c>
      <c r="BO10" s="435">
        <v>6310907</v>
      </c>
      <c r="BP10" s="437">
        <v>7335455</v>
      </c>
      <c r="BQ10" s="433">
        <v>1337000</v>
      </c>
      <c r="BR10" s="434">
        <v>1621956</v>
      </c>
      <c r="BS10" s="435">
        <v>2958956</v>
      </c>
      <c r="BT10" s="433">
        <v>0</v>
      </c>
      <c r="BU10" s="434">
        <v>5633812</v>
      </c>
      <c r="BV10" s="434">
        <v>8412425</v>
      </c>
      <c r="BW10" s="434">
        <v>6733986</v>
      </c>
      <c r="BX10" s="434">
        <v>7317226</v>
      </c>
      <c r="BY10" s="434">
        <v>5293347</v>
      </c>
      <c r="BZ10" s="435">
        <v>33390796</v>
      </c>
      <c r="CA10" s="437">
        <v>36349752</v>
      </c>
      <c r="CB10" s="433">
        <v>1098836</v>
      </c>
      <c r="CC10" s="434">
        <v>2439085</v>
      </c>
      <c r="CD10" s="435">
        <v>3537921</v>
      </c>
      <c r="CE10" s="433">
        <v>0</v>
      </c>
      <c r="CF10" s="434">
        <v>23509929</v>
      </c>
      <c r="CG10" s="434">
        <v>37260168</v>
      </c>
      <c r="CH10" s="434">
        <v>24674819</v>
      </c>
      <c r="CI10" s="434">
        <v>16203669</v>
      </c>
      <c r="CJ10" s="434">
        <v>7655453</v>
      </c>
      <c r="CK10" s="435">
        <v>109304038</v>
      </c>
      <c r="CL10" s="437">
        <v>112841959</v>
      </c>
      <c r="CM10" s="433">
        <v>0</v>
      </c>
      <c r="CN10" s="434">
        <v>0</v>
      </c>
      <c r="CO10" s="435">
        <v>0</v>
      </c>
      <c r="CP10" s="439">
        <v>0</v>
      </c>
      <c r="CQ10" s="434">
        <v>19262535</v>
      </c>
      <c r="CR10" s="434">
        <v>26320654</v>
      </c>
      <c r="CS10" s="434">
        <v>16140320</v>
      </c>
      <c r="CT10" s="434">
        <v>10389952</v>
      </c>
      <c r="CU10" s="434">
        <v>4966184</v>
      </c>
      <c r="CV10" s="435">
        <v>77079645</v>
      </c>
      <c r="CW10" s="437">
        <v>77079645</v>
      </c>
      <c r="CX10" s="433">
        <v>1098836</v>
      </c>
      <c r="CY10" s="434">
        <v>2439085</v>
      </c>
      <c r="CZ10" s="435">
        <v>3537921</v>
      </c>
      <c r="DA10" s="433">
        <v>0</v>
      </c>
      <c r="DB10" s="434">
        <v>4247394</v>
      </c>
      <c r="DC10" s="434">
        <v>10939514</v>
      </c>
      <c r="DD10" s="434">
        <v>8534499</v>
      </c>
      <c r="DE10" s="434">
        <v>5813717</v>
      </c>
      <c r="DF10" s="434">
        <v>2689269</v>
      </c>
      <c r="DG10" s="435">
        <v>32224393</v>
      </c>
      <c r="DH10" s="437">
        <v>35762314</v>
      </c>
      <c r="DI10" s="433">
        <v>35619</v>
      </c>
      <c r="DJ10" s="434">
        <v>466212</v>
      </c>
      <c r="DK10" s="438">
        <v>501831</v>
      </c>
      <c r="DL10" s="439">
        <v>0</v>
      </c>
      <c r="DM10" s="434">
        <v>3381336</v>
      </c>
      <c r="DN10" s="434">
        <v>6455786</v>
      </c>
      <c r="DO10" s="434">
        <v>8937885</v>
      </c>
      <c r="DP10" s="434">
        <v>9958499</v>
      </c>
      <c r="DQ10" s="434">
        <v>5056944</v>
      </c>
      <c r="DR10" s="435">
        <v>33790450</v>
      </c>
      <c r="DS10" s="437">
        <v>34292281</v>
      </c>
      <c r="DT10" s="433">
        <v>35619</v>
      </c>
      <c r="DU10" s="434">
        <v>370155</v>
      </c>
      <c r="DV10" s="435">
        <v>405774</v>
      </c>
      <c r="DW10" s="433">
        <v>0</v>
      </c>
      <c r="DX10" s="434">
        <v>2498661</v>
      </c>
      <c r="DY10" s="434">
        <v>5212124</v>
      </c>
      <c r="DZ10" s="434">
        <v>7408960</v>
      </c>
      <c r="EA10" s="434">
        <v>7741413</v>
      </c>
      <c r="EB10" s="434">
        <v>3632359</v>
      </c>
      <c r="EC10" s="435">
        <v>26493517</v>
      </c>
      <c r="ED10" s="437">
        <v>26899291</v>
      </c>
      <c r="EE10" s="433">
        <v>0</v>
      </c>
      <c r="EF10" s="438">
        <v>96057</v>
      </c>
      <c r="EG10" s="435">
        <v>96057</v>
      </c>
      <c r="EH10" s="433">
        <v>0</v>
      </c>
      <c r="EI10" s="434">
        <v>882675</v>
      </c>
      <c r="EJ10" s="434">
        <v>1243662</v>
      </c>
      <c r="EK10" s="434">
        <v>1528925</v>
      </c>
      <c r="EL10" s="434">
        <v>2217086</v>
      </c>
      <c r="EM10" s="434">
        <v>1424585</v>
      </c>
      <c r="EN10" s="438">
        <v>7296933</v>
      </c>
      <c r="EO10" s="437">
        <v>7392990</v>
      </c>
      <c r="EP10" s="433">
        <v>0</v>
      </c>
      <c r="EQ10" s="434">
        <v>0</v>
      </c>
      <c r="ER10" s="438">
        <v>0</v>
      </c>
      <c r="ES10" s="439">
        <v>0</v>
      </c>
      <c r="ET10" s="434">
        <v>0</v>
      </c>
      <c r="EU10" s="434">
        <v>0</v>
      </c>
      <c r="EV10" s="434">
        <v>0</v>
      </c>
      <c r="EW10" s="434">
        <v>0</v>
      </c>
      <c r="EX10" s="434">
        <v>0</v>
      </c>
      <c r="EY10" s="435">
        <v>0</v>
      </c>
      <c r="EZ10" s="437">
        <v>0</v>
      </c>
      <c r="FA10" s="433">
        <v>0</v>
      </c>
      <c r="FB10" s="434">
        <v>0</v>
      </c>
      <c r="FC10" s="438">
        <v>0</v>
      </c>
      <c r="FD10" s="440"/>
      <c r="FE10" s="434">
        <v>0</v>
      </c>
      <c r="FF10" s="434">
        <v>0</v>
      </c>
      <c r="FG10" s="434">
        <v>0</v>
      </c>
      <c r="FH10" s="434">
        <v>0</v>
      </c>
      <c r="FI10" s="434">
        <v>0</v>
      </c>
      <c r="FJ10" s="435">
        <v>0</v>
      </c>
      <c r="FK10" s="437">
        <v>0</v>
      </c>
      <c r="FL10" s="433">
        <v>2270402</v>
      </c>
      <c r="FM10" s="434">
        <v>4163038</v>
      </c>
      <c r="FN10" s="435">
        <v>6433440</v>
      </c>
      <c r="FO10" s="433">
        <v>0</v>
      </c>
      <c r="FP10" s="434">
        <v>3696103</v>
      </c>
      <c r="FQ10" s="434">
        <v>14526453</v>
      </c>
      <c r="FR10" s="434">
        <v>9267369</v>
      </c>
      <c r="FS10" s="434">
        <v>8807376</v>
      </c>
      <c r="FT10" s="434">
        <v>5970657</v>
      </c>
      <c r="FU10" s="435">
        <v>42267958</v>
      </c>
      <c r="FV10" s="437">
        <v>48701398</v>
      </c>
      <c r="FW10" s="441">
        <v>809928</v>
      </c>
      <c r="FX10" s="434">
        <v>2258613</v>
      </c>
      <c r="FY10" s="438">
        <v>3068541</v>
      </c>
      <c r="FZ10" s="439">
        <v>0</v>
      </c>
      <c r="GA10" s="434">
        <v>2678828</v>
      </c>
      <c r="GB10" s="434">
        <v>12585605</v>
      </c>
      <c r="GC10" s="434">
        <v>8368653</v>
      </c>
      <c r="GD10" s="434">
        <v>7926555</v>
      </c>
      <c r="GE10" s="434">
        <v>5786998</v>
      </c>
      <c r="GF10" s="435">
        <v>37346639</v>
      </c>
      <c r="GG10" s="442">
        <v>40415180</v>
      </c>
      <c r="GH10" s="441">
        <v>122198</v>
      </c>
      <c r="GI10" s="434">
        <v>250291</v>
      </c>
      <c r="GJ10" s="438">
        <v>372489</v>
      </c>
      <c r="GK10" s="439">
        <v>0</v>
      </c>
      <c r="GL10" s="434">
        <v>174405</v>
      </c>
      <c r="GM10" s="434">
        <v>546973</v>
      </c>
      <c r="GN10" s="434">
        <v>290416</v>
      </c>
      <c r="GO10" s="434">
        <v>428971</v>
      </c>
      <c r="GP10" s="434">
        <v>43659</v>
      </c>
      <c r="GQ10" s="435">
        <v>1484424</v>
      </c>
      <c r="GR10" s="437">
        <v>1856913</v>
      </c>
      <c r="GS10" s="433">
        <v>1338276</v>
      </c>
      <c r="GT10" s="434">
        <v>1654134</v>
      </c>
      <c r="GU10" s="435">
        <v>2992410</v>
      </c>
      <c r="GV10" s="433">
        <v>0</v>
      </c>
      <c r="GW10" s="434">
        <v>842870</v>
      </c>
      <c r="GX10" s="434">
        <v>1393875</v>
      </c>
      <c r="GY10" s="434">
        <v>608300</v>
      </c>
      <c r="GZ10" s="434">
        <v>451850</v>
      </c>
      <c r="HA10" s="434">
        <v>140000</v>
      </c>
      <c r="HB10" s="438">
        <v>3436895</v>
      </c>
      <c r="HC10" s="437">
        <v>6429305</v>
      </c>
      <c r="HD10" s="433">
        <v>4426237</v>
      </c>
      <c r="HE10" s="434">
        <v>6485623</v>
      </c>
      <c r="HF10" s="438">
        <v>10911860</v>
      </c>
      <c r="HG10" s="439">
        <v>0</v>
      </c>
      <c r="HH10" s="434">
        <v>35980990</v>
      </c>
      <c r="HI10" s="434">
        <v>50526513</v>
      </c>
      <c r="HJ10" s="434">
        <v>46194309</v>
      </c>
      <c r="HK10" s="434">
        <v>52031470</v>
      </c>
      <c r="HL10" s="434">
        <v>35014371</v>
      </c>
      <c r="HM10" s="435">
        <v>219747653</v>
      </c>
      <c r="HN10" s="436">
        <v>230659513</v>
      </c>
      <c r="HO10" s="476"/>
      <c r="HP10" s="477"/>
      <c r="HQ10" s="478"/>
      <c r="HR10" s="479"/>
      <c r="HS10" s="477"/>
      <c r="HT10" s="477"/>
      <c r="HU10" s="477"/>
      <c r="HV10" s="477"/>
      <c r="HW10" s="477"/>
      <c r="HX10" s="480"/>
      <c r="HY10" s="481"/>
      <c r="HZ10" s="443">
        <v>364702</v>
      </c>
      <c r="IA10" s="444">
        <v>197465</v>
      </c>
      <c r="IB10" s="445">
        <v>562167</v>
      </c>
      <c r="IC10" s="446">
        <v>0</v>
      </c>
      <c r="ID10" s="447">
        <v>20714365</v>
      </c>
      <c r="IE10" s="448">
        <v>31778562</v>
      </c>
      <c r="IF10" s="449">
        <v>33596117</v>
      </c>
      <c r="IG10" s="447">
        <v>23480209</v>
      </c>
      <c r="IH10" s="449">
        <v>18504222</v>
      </c>
      <c r="II10" s="450">
        <v>128073475</v>
      </c>
      <c r="IJ10" s="451">
        <v>128635642</v>
      </c>
      <c r="IK10" s="452">
        <v>0</v>
      </c>
      <c r="IL10" s="453">
        <v>0</v>
      </c>
      <c r="IM10" s="454">
        <v>0</v>
      </c>
      <c r="IN10" s="455"/>
      <c r="IO10" s="456">
        <v>565769</v>
      </c>
      <c r="IP10" s="456">
        <v>1684554</v>
      </c>
      <c r="IQ10" s="456">
        <v>1301524</v>
      </c>
      <c r="IR10" s="456">
        <v>1646215</v>
      </c>
      <c r="IS10" s="456">
        <v>1572797</v>
      </c>
      <c r="IT10" s="457">
        <v>6770859</v>
      </c>
      <c r="IU10" s="458">
        <v>6770859</v>
      </c>
      <c r="IV10" s="459">
        <v>0</v>
      </c>
      <c r="IW10" s="456">
        <v>0</v>
      </c>
      <c r="IX10" s="460">
        <v>0</v>
      </c>
      <c r="IY10" s="461"/>
      <c r="IZ10" s="456">
        <v>44748</v>
      </c>
      <c r="JA10" s="456">
        <v>405788</v>
      </c>
      <c r="JB10" s="456">
        <v>545470</v>
      </c>
      <c r="JC10" s="456">
        <v>469276</v>
      </c>
      <c r="JD10" s="456">
        <v>754658</v>
      </c>
      <c r="JE10" s="460">
        <v>2219940</v>
      </c>
      <c r="JF10" s="462">
        <v>2219940</v>
      </c>
      <c r="JG10" s="459">
        <v>0</v>
      </c>
      <c r="JH10" s="456">
        <v>0</v>
      </c>
      <c r="JI10" s="457">
        <v>0</v>
      </c>
      <c r="JJ10" s="463">
        <v>0</v>
      </c>
      <c r="JK10" s="456">
        <v>10381792</v>
      </c>
      <c r="JL10" s="456">
        <v>13341025</v>
      </c>
      <c r="JM10" s="456">
        <v>7482097</v>
      </c>
      <c r="JN10" s="456">
        <v>6337672</v>
      </c>
      <c r="JO10" s="456">
        <v>2657550</v>
      </c>
      <c r="JP10" s="460">
        <v>40200136</v>
      </c>
      <c r="JQ10" s="458">
        <v>40200136</v>
      </c>
      <c r="JR10" s="459">
        <v>68733</v>
      </c>
      <c r="JS10" s="456">
        <v>0</v>
      </c>
      <c r="JT10" s="457">
        <v>68733</v>
      </c>
      <c r="JU10" s="463">
        <v>0</v>
      </c>
      <c r="JV10" s="456">
        <v>1505106</v>
      </c>
      <c r="JW10" s="456">
        <v>3769041</v>
      </c>
      <c r="JX10" s="456">
        <v>3192715</v>
      </c>
      <c r="JY10" s="456">
        <v>1941989</v>
      </c>
      <c r="JZ10" s="456">
        <v>2867536</v>
      </c>
      <c r="KA10" s="460">
        <v>13276387</v>
      </c>
      <c r="KB10" s="458">
        <v>13345120</v>
      </c>
      <c r="KC10" s="464">
        <v>295969</v>
      </c>
      <c r="KD10" s="465">
        <v>197465</v>
      </c>
      <c r="KE10" s="460">
        <v>493434</v>
      </c>
      <c r="KF10" s="463">
        <v>0</v>
      </c>
      <c r="KG10" s="456">
        <v>2789560</v>
      </c>
      <c r="KH10" s="456">
        <v>2640843</v>
      </c>
      <c r="KI10" s="456">
        <v>5939793</v>
      </c>
      <c r="KJ10" s="456">
        <v>4404712</v>
      </c>
      <c r="KK10" s="456">
        <v>2331386</v>
      </c>
      <c r="KL10" s="460">
        <v>18106294</v>
      </c>
      <c r="KM10" s="466">
        <v>18599728</v>
      </c>
      <c r="KN10" s="452">
        <v>0</v>
      </c>
      <c r="KO10" s="453">
        <v>0</v>
      </c>
      <c r="KP10" s="454">
        <v>0</v>
      </c>
      <c r="KQ10" s="455"/>
      <c r="KR10" s="456">
        <v>5375845</v>
      </c>
      <c r="KS10" s="456">
        <v>9354940</v>
      </c>
      <c r="KT10" s="456">
        <v>13486273</v>
      </c>
      <c r="KU10" s="456">
        <v>6861407</v>
      </c>
      <c r="KV10" s="456">
        <v>4392683</v>
      </c>
      <c r="KW10" s="460">
        <v>39471148</v>
      </c>
      <c r="KX10" s="458">
        <v>39471148</v>
      </c>
      <c r="KY10" s="459">
        <v>0</v>
      </c>
      <c r="KZ10" s="456">
        <v>0</v>
      </c>
      <c r="LA10" s="460">
        <v>0</v>
      </c>
      <c r="LB10" s="467"/>
      <c r="LC10" s="456">
        <v>0</v>
      </c>
      <c r="LD10" s="456">
        <v>0</v>
      </c>
      <c r="LE10" s="456">
        <v>0</v>
      </c>
      <c r="LF10" s="456">
        <v>0</v>
      </c>
      <c r="LG10" s="456">
        <v>0</v>
      </c>
      <c r="LH10" s="460">
        <v>0</v>
      </c>
      <c r="LI10" s="462">
        <v>0</v>
      </c>
      <c r="LJ10" s="459">
        <v>0</v>
      </c>
      <c r="LK10" s="456">
        <v>0</v>
      </c>
      <c r="LL10" s="460">
        <v>0</v>
      </c>
      <c r="LM10" s="467"/>
      <c r="LN10" s="456">
        <v>0</v>
      </c>
      <c r="LO10" s="456">
        <v>0</v>
      </c>
      <c r="LP10" s="456">
        <v>234424</v>
      </c>
      <c r="LQ10" s="456">
        <v>243572</v>
      </c>
      <c r="LR10" s="456">
        <v>0</v>
      </c>
      <c r="LS10" s="460">
        <v>477996</v>
      </c>
      <c r="LT10" s="458">
        <v>477996</v>
      </c>
      <c r="LU10" s="459">
        <v>0</v>
      </c>
      <c r="LV10" s="456">
        <v>0</v>
      </c>
      <c r="LW10" s="460">
        <v>0</v>
      </c>
      <c r="LX10" s="467"/>
      <c r="LY10" s="456">
        <v>51545</v>
      </c>
      <c r="LZ10" s="456">
        <v>582371</v>
      </c>
      <c r="MA10" s="456">
        <v>1413821</v>
      </c>
      <c r="MB10" s="456">
        <v>1575366</v>
      </c>
      <c r="MC10" s="456">
        <v>3927612</v>
      </c>
      <c r="MD10" s="460">
        <v>7550715</v>
      </c>
      <c r="ME10" s="462">
        <v>7550715</v>
      </c>
      <c r="MF10" s="459">
        <v>0</v>
      </c>
      <c r="MG10" s="456">
        <v>0</v>
      </c>
      <c r="MH10" s="460">
        <v>0</v>
      </c>
      <c r="MI10" s="467"/>
      <c r="MJ10" s="456">
        <v>5023632</v>
      </c>
      <c r="MK10" s="456">
        <v>21034785</v>
      </c>
      <c r="ML10" s="456">
        <v>48011686</v>
      </c>
      <c r="MM10" s="456">
        <v>74445346</v>
      </c>
      <c r="MN10" s="456">
        <v>58659081</v>
      </c>
      <c r="MO10" s="460">
        <v>207174530</v>
      </c>
      <c r="MP10" s="466">
        <v>207174530</v>
      </c>
      <c r="MQ10" s="459">
        <v>0</v>
      </c>
      <c r="MR10" s="456">
        <v>0</v>
      </c>
      <c r="MS10" s="460">
        <v>0</v>
      </c>
      <c r="MT10" s="467"/>
      <c r="MU10" s="456">
        <v>359147</v>
      </c>
      <c r="MV10" s="456">
        <v>4507393</v>
      </c>
      <c r="MW10" s="456">
        <v>24378402</v>
      </c>
      <c r="MX10" s="456">
        <v>41003189</v>
      </c>
      <c r="MY10" s="456">
        <v>33407720</v>
      </c>
      <c r="MZ10" s="460">
        <v>103655851</v>
      </c>
      <c r="NA10" s="466">
        <v>103655851</v>
      </c>
      <c r="NB10" s="459">
        <v>0</v>
      </c>
      <c r="NC10" s="456">
        <v>0</v>
      </c>
      <c r="ND10" s="460">
        <v>0</v>
      </c>
      <c r="NE10" s="467"/>
      <c r="NF10" s="456">
        <v>4664485</v>
      </c>
      <c r="NG10" s="456">
        <v>16157470</v>
      </c>
      <c r="NH10" s="456">
        <v>23633284</v>
      </c>
      <c r="NI10" s="456">
        <v>31077954</v>
      </c>
      <c r="NJ10" s="456">
        <v>20260034</v>
      </c>
      <c r="NK10" s="460">
        <v>95793227</v>
      </c>
      <c r="NL10" s="458">
        <v>95793227</v>
      </c>
      <c r="NM10" s="459">
        <v>0</v>
      </c>
      <c r="NN10" s="456">
        <v>0</v>
      </c>
      <c r="NO10" s="460">
        <v>0</v>
      </c>
      <c r="NP10" s="467"/>
      <c r="NQ10" s="456">
        <v>0</v>
      </c>
      <c r="NR10" s="456">
        <v>143803</v>
      </c>
      <c r="NS10" s="456">
        <v>0</v>
      </c>
      <c r="NT10" s="456">
        <v>1137556</v>
      </c>
      <c r="NU10" s="456">
        <v>1803678</v>
      </c>
      <c r="NV10" s="460">
        <v>3085037</v>
      </c>
      <c r="NW10" s="462">
        <v>3085037</v>
      </c>
      <c r="NX10" s="459">
        <v>0</v>
      </c>
      <c r="NY10" s="456">
        <v>0</v>
      </c>
      <c r="NZ10" s="460">
        <v>0</v>
      </c>
      <c r="OA10" s="467"/>
      <c r="OB10" s="456">
        <v>0</v>
      </c>
      <c r="OC10" s="456">
        <v>226119</v>
      </c>
      <c r="OD10" s="456">
        <v>0</v>
      </c>
      <c r="OE10" s="456">
        <v>1226647</v>
      </c>
      <c r="OF10" s="456">
        <v>3187649</v>
      </c>
      <c r="OG10" s="460">
        <v>4640415</v>
      </c>
      <c r="OH10" s="462">
        <v>4640415</v>
      </c>
      <c r="OI10" s="459">
        <v>11264833</v>
      </c>
      <c r="OJ10" s="456">
        <v>21241663</v>
      </c>
      <c r="OK10" s="457">
        <v>32506496</v>
      </c>
      <c r="OL10" s="463">
        <v>0</v>
      </c>
      <c r="OM10" s="456">
        <v>122675012</v>
      </c>
      <c r="ON10" s="456">
        <v>222192150</v>
      </c>
      <c r="OO10" s="456">
        <v>210253188</v>
      </c>
      <c r="OP10" s="456">
        <v>231763057</v>
      </c>
      <c r="OQ10" s="456">
        <v>176833363</v>
      </c>
      <c r="OR10" s="460">
        <v>963716770</v>
      </c>
      <c r="OS10" s="466">
        <v>996223266</v>
      </c>
    </row>
    <row r="11" spans="1:409" ht="20.25" customHeight="1" x14ac:dyDescent="0.2">
      <c r="B11" s="126" t="s">
        <v>6</v>
      </c>
      <c r="C11" s="110">
        <v>3337929</v>
      </c>
      <c r="D11" s="114">
        <v>5429480</v>
      </c>
      <c r="E11" s="113">
        <v>8767409</v>
      </c>
      <c r="F11" s="109">
        <v>0</v>
      </c>
      <c r="G11" s="114">
        <v>46524724</v>
      </c>
      <c r="H11" s="114">
        <v>48993420</v>
      </c>
      <c r="I11" s="114">
        <v>43880931</v>
      </c>
      <c r="J11" s="114">
        <v>56071748</v>
      </c>
      <c r="K11" s="114">
        <v>38143444</v>
      </c>
      <c r="L11" s="109">
        <v>233614267</v>
      </c>
      <c r="M11" s="116">
        <v>242381676</v>
      </c>
      <c r="N11" s="110">
        <v>1072404</v>
      </c>
      <c r="O11" s="114">
        <v>2036272</v>
      </c>
      <c r="P11" s="113">
        <v>3108676</v>
      </c>
      <c r="Q11" s="110">
        <v>0</v>
      </c>
      <c r="R11" s="114">
        <v>16089911</v>
      </c>
      <c r="S11" s="114">
        <v>18175301</v>
      </c>
      <c r="T11" s="114">
        <v>14852077</v>
      </c>
      <c r="U11" s="114">
        <v>19566758</v>
      </c>
      <c r="V11" s="114">
        <v>17685259</v>
      </c>
      <c r="W11" s="113">
        <v>86369306</v>
      </c>
      <c r="X11" s="116">
        <v>89477982</v>
      </c>
      <c r="Y11" s="110">
        <v>0</v>
      </c>
      <c r="Z11" s="114">
        <v>0</v>
      </c>
      <c r="AA11" s="113">
        <v>0</v>
      </c>
      <c r="AB11" s="110">
        <v>0</v>
      </c>
      <c r="AC11" s="114">
        <v>6362692</v>
      </c>
      <c r="AD11" s="114">
        <v>8466681</v>
      </c>
      <c r="AE11" s="114">
        <v>6910927</v>
      </c>
      <c r="AF11" s="114">
        <v>10308836</v>
      </c>
      <c r="AG11" s="114">
        <v>9626684</v>
      </c>
      <c r="AH11" s="113">
        <v>41675820</v>
      </c>
      <c r="AI11" s="116">
        <v>41675820</v>
      </c>
      <c r="AJ11" s="110">
        <v>0</v>
      </c>
      <c r="AK11" s="114">
        <v>64046</v>
      </c>
      <c r="AL11" s="113">
        <v>64046</v>
      </c>
      <c r="AM11" s="110">
        <v>0</v>
      </c>
      <c r="AN11" s="114">
        <v>0</v>
      </c>
      <c r="AO11" s="114">
        <v>247830</v>
      </c>
      <c r="AP11" s="114">
        <v>425103</v>
      </c>
      <c r="AQ11" s="114">
        <v>1282992</v>
      </c>
      <c r="AR11" s="114">
        <v>1716222</v>
      </c>
      <c r="AS11" s="113">
        <v>3672147</v>
      </c>
      <c r="AT11" s="116">
        <v>3736193</v>
      </c>
      <c r="AU11" s="110">
        <v>512359</v>
      </c>
      <c r="AV11" s="114">
        <v>1324594</v>
      </c>
      <c r="AW11" s="113">
        <v>1836953</v>
      </c>
      <c r="AX11" s="110">
        <v>0</v>
      </c>
      <c r="AY11" s="114">
        <v>6714793</v>
      </c>
      <c r="AZ11" s="114">
        <v>6094095</v>
      </c>
      <c r="BA11" s="114">
        <v>4402228</v>
      </c>
      <c r="BB11" s="114">
        <v>4435430</v>
      </c>
      <c r="BC11" s="114">
        <v>3841495</v>
      </c>
      <c r="BD11" s="113">
        <v>25488041</v>
      </c>
      <c r="BE11" s="116">
        <v>27324994</v>
      </c>
      <c r="BF11" s="110">
        <v>53448</v>
      </c>
      <c r="BG11" s="114">
        <v>109332</v>
      </c>
      <c r="BH11" s="112">
        <v>162780</v>
      </c>
      <c r="BI11" s="111">
        <v>0</v>
      </c>
      <c r="BJ11" s="114">
        <v>549287</v>
      </c>
      <c r="BK11" s="114">
        <v>533221</v>
      </c>
      <c r="BL11" s="114">
        <v>425322</v>
      </c>
      <c r="BM11" s="114">
        <v>510474</v>
      </c>
      <c r="BN11" s="114">
        <v>122132</v>
      </c>
      <c r="BO11" s="113">
        <v>2140436</v>
      </c>
      <c r="BP11" s="116">
        <v>2303216</v>
      </c>
      <c r="BQ11" s="110">
        <v>506597</v>
      </c>
      <c r="BR11" s="114">
        <v>538300</v>
      </c>
      <c r="BS11" s="113">
        <v>1044897</v>
      </c>
      <c r="BT11" s="110">
        <v>0</v>
      </c>
      <c r="BU11" s="114">
        <v>2463139</v>
      </c>
      <c r="BV11" s="114">
        <v>2833474</v>
      </c>
      <c r="BW11" s="114">
        <v>2688497</v>
      </c>
      <c r="BX11" s="114">
        <v>3029026</v>
      </c>
      <c r="BY11" s="114">
        <v>2378726</v>
      </c>
      <c r="BZ11" s="113">
        <v>13392862</v>
      </c>
      <c r="CA11" s="116">
        <v>14437759</v>
      </c>
      <c r="CB11" s="110">
        <v>131988</v>
      </c>
      <c r="CC11" s="114">
        <v>437017</v>
      </c>
      <c r="CD11" s="113">
        <v>569005</v>
      </c>
      <c r="CE11" s="110">
        <v>0</v>
      </c>
      <c r="CF11" s="114">
        <v>13092694</v>
      </c>
      <c r="CG11" s="114">
        <v>10718363</v>
      </c>
      <c r="CH11" s="114">
        <v>7508161</v>
      </c>
      <c r="CI11" s="114">
        <v>8030138</v>
      </c>
      <c r="CJ11" s="114">
        <v>2761660</v>
      </c>
      <c r="CK11" s="113">
        <v>42111016</v>
      </c>
      <c r="CL11" s="116">
        <v>42680021</v>
      </c>
      <c r="CM11" s="110">
        <v>0</v>
      </c>
      <c r="CN11" s="114">
        <v>0</v>
      </c>
      <c r="CO11" s="113">
        <v>0</v>
      </c>
      <c r="CP11" s="111">
        <v>0</v>
      </c>
      <c r="CQ11" s="114">
        <v>11175239</v>
      </c>
      <c r="CR11" s="114">
        <v>8242836</v>
      </c>
      <c r="CS11" s="114">
        <v>5432730</v>
      </c>
      <c r="CT11" s="114">
        <v>5336792</v>
      </c>
      <c r="CU11" s="114">
        <v>2274430</v>
      </c>
      <c r="CV11" s="113">
        <v>32462027</v>
      </c>
      <c r="CW11" s="116">
        <v>32462027</v>
      </c>
      <c r="CX11" s="110">
        <v>131988</v>
      </c>
      <c r="CY11" s="114">
        <v>437017</v>
      </c>
      <c r="CZ11" s="113">
        <v>569005</v>
      </c>
      <c r="DA11" s="110">
        <v>0</v>
      </c>
      <c r="DB11" s="114">
        <v>1917455</v>
      </c>
      <c r="DC11" s="114">
        <v>2475527</v>
      </c>
      <c r="DD11" s="114">
        <v>2075431</v>
      </c>
      <c r="DE11" s="114">
        <v>2693346</v>
      </c>
      <c r="DF11" s="114">
        <v>487230</v>
      </c>
      <c r="DG11" s="113">
        <v>9648989</v>
      </c>
      <c r="DH11" s="116">
        <v>10217994</v>
      </c>
      <c r="DI11" s="110">
        <v>0</v>
      </c>
      <c r="DJ11" s="114">
        <v>0</v>
      </c>
      <c r="DK11" s="112">
        <v>0</v>
      </c>
      <c r="DL11" s="111">
        <v>0</v>
      </c>
      <c r="DM11" s="114">
        <v>769042</v>
      </c>
      <c r="DN11" s="114">
        <v>1579267</v>
      </c>
      <c r="DO11" s="114">
        <v>2499972</v>
      </c>
      <c r="DP11" s="114">
        <v>2728181</v>
      </c>
      <c r="DQ11" s="114">
        <v>934264</v>
      </c>
      <c r="DR11" s="113">
        <v>8510726</v>
      </c>
      <c r="DS11" s="116">
        <v>8510726</v>
      </c>
      <c r="DT11" s="110">
        <v>0</v>
      </c>
      <c r="DU11" s="114">
        <v>0</v>
      </c>
      <c r="DV11" s="113">
        <v>0</v>
      </c>
      <c r="DW11" s="110">
        <v>0</v>
      </c>
      <c r="DX11" s="114">
        <v>696477</v>
      </c>
      <c r="DY11" s="114">
        <v>1204254</v>
      </c>
      <c r="DZ11" s="114">
        <v>2099399</v>
      </c>
      <c r="EA11" s="114">
        <v>2249259</v>
      </c>
      <c r="EB11" s="114">
        <v>775542</v>
      </c>
      <c r="EC11" s="113">
        <v>7024931</v>
      </c>
      <c r="ED11" s="116">
        <v>7024931</v>
      </c>
      <c r="EE11" s="110">
        <v>0</v>
      </c>
      <c r="EF11" s="112">
        <v>0</v>
      </c>
      <c r="EG11" s="113">
        <v>0</v>
      </c>
      <c r="EH11" s="110">
        <v>0</v>
      </c>
      <c r="EI11" s="114">
        <v>72565</v>
      </c>
      <c r="EJ11" s="114">
        <v>375013</v>
      </c>
      <c r="EK11" s="114">
        <v>400573</v>
      </c>
      <c r="EL11" s="114">
        <v>478922</v>
      </c>
      <c r="EM11" s="114">
        <v>158722</v>
      </c>
      <c r="EN11" s="112">
        <v>1485795</v>
      </c>
      <c r="EO11" s="116">
        <v>1485795</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8"/>
      <c r="FE11" s="114">
        <v>0</v>
      </c>
      <c r="FF11" s="114">
        <v>0</v>
      </c>
      <c r="FG11" s="114">
        <v>0</v>
      </c>
      <c r="FH11" s="114">
        <v>0</v>
      </c>
      <c r="FI11" s="114">
        <v>0</v>
      </c>
      <c r="FJ11" s="113">
        <v>0</v>
      </c>
      <c r="FK11" s="116">
        <v>0</v>
      </c>
      <c r="FL11" s="110">
        <v>435883</v>
      </c>
      <c r="FM11" s="114">
        <v>1193906</v>
      </c>
      <c r="FN11" s="113">
        <v>1629789</v>
      </c>
      <c r="FO11" s="110">
        <v>0</v>
      </c>
      <c r="FP11" s="114">
        <v>2798845</v>
      </c>
      <c r="FQ11" s="114">
        <v>4406142</v>
      </c>
      <c r="FR11" s="114">
        <v>3918696</v>
      </c>
      <c r="FS11" s="114">
        <v>4176263</v>
      </c>
      <c r="FT11" s="114">
        <v>2464070</v>
      </c>
      <c r="FU11" s="113">
        <v>17764016</v>
      </c>
      <c r="FV11" s="116">
        <v>19393805</v>
      </c>
      <c r="FW11" s="115">
        <v>347536</v>
      </c>
      <c r="FX11" s="114">
        <v>714546</v>
      </c>
      <c r="FY11" s="112">
        <v>1062082</v>
      </c>
      <c r="FZ11" s="111">
        <v>0</v>
      </c>
      <c r="GA11" s="114">
        <v>2073512</v>
      </c>
      <c r="GB11" s="114">
        <v>4166610</v>
      </c>
      <c r="GC11" s="114">
        <v>3384470</v>
      </c>
      <c r="GD11" s="114">
        <v>3588711</v>
      </c>
      <c r="GE11" s="114">
        <v>2190307</v>
      </c>
      <c r="GF11" s="113">
        <v>15403610</v>
      </c>
      <c r="GG11" s="319">
        <v>16465692</v>
      </c>
      <c r="GH11" s="115">
        <v>71407</v>
      </c>
      <c r="GI11" s="114">
        <v>91560</v>
      </c>
      <c r="GJ11" s="112">
        <v>162967</v>
      </c>
      <c r="GK11" s="111">
        <v>0</v>
      </c>
      <c r="GL11" s="114">
        <v>128660</v>
      </c>
      <c r="GM11" s="114">
        <v>127532</v>
      </c>
      <c r="GN11" s="114">
        <v>155106</v>
      </c>
      <c r="GO11" s="114">
        <v>115052</v>
      </c>
      <c r="GP11" s="114">
        <v>19250</v>
      </c>
      <c r="GQ11" s="113">
        <v>545600</v>
      </c>
      <c r="GR11" s="116">
        <v>708567</v>
      </c>
      <c r="GS11" s="110">
        <v>16940</v>
      </c>
      <c r="GT11" s="114">
        <v>387800</v>
      </c>
      <c r="GU11" s="113">
        <v>404740</v>
      </c>
      <c r="GV11" s="110">
        <v>0</v>
      </c>
      <c r="GW11" s="114">
        <v>596673</v>
      </c>
      <c r="GX11" s="114">
        <v>112000</v>
      </c>
      <c r="GY11" s="114">
        <v>379120</v>
      </c>
      <c r="GZ11" s="114">
        <v>472500</v>
      </c>
      <c r="HA11" s="114">
        <v>254513</v>
      </c>
      <c r="HB11" s="112">
        <v>1814806</v>
      </c>
      <c r="HC11" s="116">
        <v>2219546</v>
      </c>
      <c r="HD11" s="110">
        <v>1697654</v>
      </c>
      <c r="HE11" s="114">
        <v>1762285</v>
      </c>
      <c r="HF11" s="112">
        <v>3459939</v>
      </c>
      <c r="HG11" s="111">
        <v>0</v>
      </c>
      <c r="HH11" s="114">
        <v>13774232</v>
      </c>
      <c r="HI11" s="114">
        <v>14114347</v>
      </c>
      <c r="HJ11" s="114">
        <v>15102025</v>
      </c>
      <c r="HK11" s="114">
        <v>21570408</v>
      </c>
      <c r="HL11" s="114">
        <v>14298191</v>
      </c>
      <c r="HM11" s="113">
        <v>78859203</v>
      </c>
      <c r="HN11" s="109">
        <v>82319142</v>
      </c>
      <c r="HO11" s="329"/>
      <c r="HP11" s="330"/>
      <c r="HQ11" s="331"/>
      <c r="HR11" s="332"/>
      <c r="HS11" s="330"/>
      <c r="HT11" s="330"/>
      <c r="HU11" s="330"/>
      <c r="HV11" s="330"/>
      <c r="HW11" s="330"/>
      <c r="HX11" s="333"/>
      <c r="HY11" s="334"/>
      <c r="HZ11" s="131">
        <v>37996</v>
      </c>
      <c r="IA11" s="132">
        <v>262018</v>
      </c>
      <c r="IB11" s="133">
        <v>300014</v>
      </c>
      <c r="IC11" s="146">
        <v>0</v>
      </c>
      <c r="ID11" s="132">
        <v>11813653</v>
      </c>
      <c r="IE11" s="147">
        <v>12445706</v>
      </c>
      <c r="IF11" s="133">
        <v>14616466</v>
      </c>
      <c r="IG11" s="132">
        <v>11292058</v>
      </c>
      <c r="IH11" s="133">
        <v>7689853</v>
      </c>
      <c r="II11" s="148">
        <v>57857736</v>
      </c>
      <c r="IJ11" s="139">
        <v>58157750</v>
      </c>
      <c r="IK11" s="232">
        <v>0</v>
      </c>
      <c r="IL11" s="236">
        <v>0</v>
      </c>
      <c r="IM11" s="237">
        <v>0</v>
      </c>
      <c r="IN11" s="140"/>
      <c r="IO11" s="119">
        <v>599280</v>
      </c>
      <c r="IP11" s="119">
        <v>432366</v>
      </c>
      <c r="IQ11" s="119">
        <v>897249</v>
      </c>
      <c r="IR11" s="119">
        <v>1035509</v>
      </c>
      <c r="IS11" s="119">
        <v>1120773</v>
      </c>
      <c r="IT11" s="141">
        <v>4085177</v>
      </c>
      <c r="IU11" s="321">
        <v>4085177</v>
      </c>
      <c r="IV11" s="142">
        <v>0</v>
      </c>
      <c r="IW11" s="119">
        <v>0</v>
      </c>
      <c r="IX11" s="120">
        <v>0</v>
      </c>
      <c r="IY11" s="144"/>
      <c r="IZ11" s="119">
        <v>26681</v>
      </c>
      <c r="JA11" s="119">
        <v>60292</v>
      </c>
      <c r="JB11" s="119">
        <v>111694</v>
      </c>
      <c r="JC11" s="119">
        <v>588577</v>
      </c>
      <c r="JD11" s="119">
        <v>239672</v>
      </c>
      <c r="JE11" s="120">
        <v>1026916</v>
      </c>
      <c r="JF11" s="121">
        <v>1026916</v>
      </c>
      <c r="JG11" s="142">
        <v>0</v>
      </c>
      <c r="JH11" s="119">
        <v>0</v>
      </c>
      <c r="JI11" s="141">
        <v>0</v>
      </c>
      <c r="JJ11" s="118">
        <v>0</v>
      </c>
      <c r="JK11" s="119">
        <v>5476485</v>
      </c>
      <c r="JL11" s="119">
        <v>2754391</v>
      </c>
      <c r="JM11" s="119">
        <v>2810387</v>
      </c>
      <c r="JN11" s="119">
        <v>1200244</v>
      </c>
      <c r="JO11" s="119">
        <v>754011</v>
      </c>
      <c r="JP11" s="120">
        <v>12995518</v>
      </c>
      <c r="JQ11" s="321">
        <v>12995518</v>
      </c>
      <c r="JR11" s="142">
        <v>0</v>
      </c>
      <c r="JS11" s="119">
        <v>0</v>
      </c>
      <c r="JT11" s="141">
        <v>0</v>
      </c>
      <c r="JU11" s="118">
        <v>0</v>
      </c>
      <c r="JV11" s="119">
        <v>447890</v>
      </c>
      <c r="JW11" s="119">
        <v>879995</v>
      </c>
      <c r="JX11" s="119">
        <v>1381690</v>
      </c>
      <c r="JY11" s="119">
        <v>605177</v>
      </c>
      <c r="JZ11" s="119">
        <v>204860</v>
      </c>
      <c r="KA11" s="120">
        <v>3519612</v>
      </c>
      <c r="KB11" s="321">
        <v>3519612</v>
      </c>
      <c r="KC11" s="234">
        <v>37996</v>
      </c>
      <c r="KD11" s="230">
        <v>262018</v>
      </c>
      <c r="KE11" s="120">
        <v>300014</v>
      </c>
      <c r="KF11" s="118">
        <v>0</v>
      </c>
      <c r="KG11" s="119">
        <v>1621332</v>
      </c>
      <c r="KH11" s="119">
        <v>1527221</v>
      </c>
      <c r="KI11" s="119">
        <v>1602635</v>
      </c>
      <c r="KJ11" s="119">
        <v>794849</v>
      </c>
      <c r="KK11" s="119">
        <v>0</v>
      </c>
      <c r="KL11" s="120">
        <v>5546037</v>
      </c>
      <c r="KM11" s="143">
        <v>5846051</v>
      </c>
      <c r="KN11" s="232">
        <v>0</v>
      </c>
      <c r="KO11" s="236">
        <v>0</v>
      </c>
      <c r="KP11" s="237">
        <v>0</v>
      </c>
      <c r="KQ11" s="140"/>
      <c r="KR11" s="119">
        <v>3141738</v>
      </c>
      <c r="KS11" s="119">
        <v>6039250</v>
      </c>
      <c r="KT11" s="119">
        <v>5714443</v>
      </c>
      <c r="KU11" s="119">
        <v>2741096</v>
      </c>
      <c r="KV11" s="119">
        <v>3739936</v>
      </c>
      <c r="KW11" s="120">
        <v>21376463</v>
      </c>
      <c r="KX11" s="321">
        <v>21376463</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191314</v>
      </c>
      <c r="LO11" s="119">
        <v>0</v>
      </c>
      <c r="LP11" s="119">
        <v>1401278</v>
      </c>
      <c r="LQ11" s="119">
        <v>1936546</v>
      </c>
      <c r="LR11" s="119">
        <v>289429</v>
      </c>
      <c r="LS11" s="120">
        <v>3818567</v>
      </c>
      <c r="LT11" s="321">
        <v>3818567</v>
      </c>
      <c r="LU11" s="142">
        <v>0</v>
      </c>
      <c r="LV11" s="119">
        <v>0</v>
      </c>
      <c r="LW11" s="120">
        <v>0</v>
      </c>
      <c r="LX11" s="145"/>
      <c r="LY11" s="119">
        <v>308933</v>
      </c>
      <c r="LZ11" s="119">
        <v>752191</v>
      </c>
      <c r="MA11" s="119">
        <v>697090</v>
      </c>
      <c r="MB11" s="119">
        <v>2390060</v>
      </c>
      <c r="MC11" s="119">
        <v>1341172</v>
      </c>
      <c r="MD11" s="120">
        <v>5489446</v>
      </c>
      <c r="ME11" s="121">
        <v>5489446</v>
      </c>
      <c r="MF11" s="142">
        <v>0</v>
      </c>
      <c r="MG11" s="119">
        <v>0</v>
      </c>
      <c r="MH11" s="120">
        <v>0</v>
      </c>
      <c r="MI11" s="145"/>
      <c r="MJ11" s="119">
        <v>1624077</v>
      </c>
      <c r="MK11" s="119">
        <v>4875386</v>
      </c>
      <c r="ML11" s="119">
        <v>12946909</v>
      </c>
      <c r="MM11" s="119">
        <v>25410652</v>
      </c>
      <c r="MN11" s="119">
        <v>16061775</v>
      </c>
      <c r="MO11" s="120">
        <v>60918799</v>
      </c>
      <c r="MP11" s="143">
        <v>60918799</v>
      </c>
      <c r="MQ11" s="142">
        <v>0</v>
      </c>
      <c r="MR11" s="119">
        <v>0</v>
      </c>
      <c r="MS11" s="120">
        <v>0</v>
      </c>
      <c r="MT11" s="145"/>
      <c r="MU11" s="119">
        <v>0</v>
      </c>
      <c r="MV11" s="119">
        <v>588979</v>
      </c>
      <c r="MW11" s="119">
        <v>6572775</v>
      </c>
      <c r="MX11" s="119">
        <v>11533515</v>
      </c>
      <c r="MY11" s="119">
        <v>8755456</v>
      </c>
      <c r="MZ11" s="120">
        <v>27450725</v>
      </c>
      <c r="NA11" s="143">
        <v>27450725</v>
      </c>
      <c r="NB11" s="142">
        <v>0</v>
      </c>
      <c r="NC11" s="119">
        <v>0</v>
      </c>
      <c r="ND11" s="120">
        <v>0</v>
      </c>
      <c r="NE11" s="145"/>
      <c r="NF11" s="119">
        <v>1624077</v>
      </c>
      <c r="NG11" s="119">
        <v>4286407</v>
      </c>
      <c r="NH11" s="119">
        <v>6374134</v>
      </c>
      <c r="NI11" s="119">
        <v>10914334</v>
      </c>
      <c r="NJ11" s="119">
        <v>4146722</v>
      </c>
      <c r="NK11" s="120">
        <v>27345674</v>
      </c>
      <c r="NL11" s="321">
        <v>27345674</v>
      </c>
      <c r="NM11" s="142">
        <v>0</v>
      </c>
      <c r="NN11" s="119">
        <v>0</v>
      </c>
      <c r="NO11" s="120">
        <v>0</v>
      </c>
      <c r="NP11" s="145"/>
      <c r="NQ11" s="119">
        <v>0</v>
      </c>
      <c r="NR11" s="119">
        <v>0</v>
      </c>
      <c r="NS11" s="119">
        <v>0</v>
      </c>
      <c r="NT11" s="119">
        <v>2351398</v>
      </c>
      <c r="NU11" s="119">
        <v>2831580</v>
      </c>
      <c r="NV11" s="120">
        <v>5182978</v>
      </c>
      <c r="NW11" s="121">
        <v>5182978</v>
      </c>
      <c r="NX11" s="142">
        <v>0</v>
      </c>
      <c r="NY11" s="119">
        <v>0</v>
      </c>
      <c r="NZ11" s="120">
        <v>0</v>
      </c>
      <c r="OA11" s="145"/>
      <c r="OB11" s="119">
        <v>0</v>
      </c>
      <c r="OC11" s="119">
        <v>0</v>
      </c>
      <c r="OD11" s="119">
        <v>0</v>
      </c>
      <c r="OE11" s="119">
        <v>611405</v>
      </c>
      <c r="OF11" s="119">
        <v>328017</v>
      </c>
      <c r="OG11" s="120">
        <v>939422</v>
      </c>
      <c r="OH11" s="121">
        <v>939422</v>
      </c>
      <c r="OI11" s="142">
        <v>3375925</v>
      </c>
      <c r="OJ11" s="119">
        <v>5691498</v>
      </c>
      <c r="OK11" s="141">
        <v>9067423</v>
      </c>
      <c r="OL11" s="118">
        <v>0</v>
      </c>
      <c r="OM11" s="119">
        <v>59962454</v>
      </c>
      <c r="ON11" s="119">
        <v>66314512</v>
      </c>
      <c r="OO11" s="119">
        <v>71444306</v>
      </c>
      <c r="OP11" s="119">
        <v>92774458</v>
      </c>
      <c r="OQ11" s="119">
        <v>61895072</v>
      </c>
      <c r="OR11" s="120">
        <v>352390802</v>
      </c>
      <c r="OS11" s="143">
        <v>361458225</v>
      </c>
    </row>
    <row r="12" spans="1:409" ht="20.25" customHeight="1" x14ac:dyDescent="0.2">
      <c r="B12" s="126" t="s">
        <v>14</v>
      </c>
      <c r="C12" s="110">
        <v>1163582</v>
      </c>
      <c r="D12" s="114">
        <v>3280838</v>
      </c>
      <c r="E12" s="113">
        <v>4444420</v>
      </c>
      <c r="F12" s="109">
        <v>0</v>
      </c>
      <c r="G12" s="114">
        <v>14294725</v>
      </c>
      <c r="H12" s="114">
        <v>16944174</v>
      </c>
      <c r="I12" s="114">
        <v>18300865</v>
      </c>
      <c r="J12" s="114">
        <v>19242201</v>
      </c>
      <c r="K12" s="114">
        <v>16232642</v>
      </c>
      <c r="L12" s="112">
        <v>85014607</v>
      </c>
      <c r="M12" s="116">
        <v>89459027</v>
      </c>
      <c r="N12" s="110">
        <v>280943</v>
      </c>
      <c r="O12" s="114">
        <v>1166516</v>
      </c>
      <c r="P12" s="113">
        <v>1447459</v>
      </c>
      <c r="Q12" s="110">
        <v>0</v>
      </c>
      <c r="R12" s="114">
        <v>3972446</v>
      </c>
      <c r="S12" s="114">
        <v>4838840</v>
      </c>
      <c r="T12" s="114">
        <v>5922741</v>
      </c>
      <c r="U12" s="114">
        <v>6997158</v>
      </c>
      <c r="V12" s="114">
        <v>8461185</v>
      </c>
      <c r="W12" s="113">
        <v>30192370</v>
      </c>
      <c r="X12" s="116">
        <v>31639829</v>
      </c>
      <c r="Y12" s="110">
        <v>0</v>
      </c>
      <c r="Z12" s="114">
        <v>0</v>
      </c>
      <c r="AA12" s="113">
        <v>0</v>
      </c>
      <c r="AB12" s="110">
        <v>0</v>
      </c>
      <c r="AC12" s="114">
        <v>1858368</v>
      </c>
      <c r="AD12" s="114">
        <v>1805108</v>
      </c>
      <c r="AE12" s="114">
        <v>3154687</v>
      </c>
      <c r="AF12" s="114">
        <v>3453194</v>
      </c>
      <c r="AG12" s="114">
        <v>5039241</v>
      </c>
      <c r="AH12" s="113">
        <v>15310598</v>
      </c>
      <c r="AI12" s="116">
        <v>15310598</v>
      </c>
      <c r="AJ12" s="110">
        <v>0</v>
      </c>
      <c r="AK12" s="114">
        <v>0</v>
      </c>
      <c r="AL12" s="113">
        <v>0</v>
      </c>
      <c r="AM12" s="110">
        <v>0</v>
      </c>
      <c r="AN12" s="114">
        <v>0</v>
      </c>
      <c r="AO12" s="114">
        <v>41035</v>
      </c>
      <c r="AP12" s="114">
        <v>61552</v>
      </c>
      <c r="AQ12" s="114">
        <v>546105</v>
      </c>
      <c r="AR12" s="114">
        <v>1141743</v>
      </c>
      <c r="AS12" s="113">
        <v>1790435</v>
      </c>
      <c r="AT12" s="116">
        <v>1790435</v>
      </c>
      <c r="AU12" s="110">
        <v>60338</v>
      </c>
      <c r="AV12" s="114">
        <v>798443</v>
      </c>
      <c r="AW12" s="113">
        <v>858781</v>
      </c>
      <c r="AX12" s="110">
        <v>0</v>
      </c>
      <c r="AY12" s="114">
        <v>942229</v>
      </c>
      <c r="AZ12" s="114">
        <v>2097621</v>
      </c>
      <c r="BA12" s="114">
        <v>1626401</v>
      </c>
      <c r="BB12" s="114">
        <v>1696072</v>
      </c>
      <c r="BC12" s="114">
        <v>1395072</v>
      </c>
      <c r="BD12" s="113">
        <v>7757395</v>
      </c>
      <c r="BE12" s="116">
        <v>8616176</v>
      </c>
      <c r="BF12" s="110">
        <v>0</v>
      </c>
      <c r="BG12" s="114">
        <v>72232</v>
      </c>
      <c r="BH12" s="112">
        <v>72232</v>
      </c>
      <c r="BI12" s="111">
        <v>0</v>
      </c>
      <c r="BJ12" s="114">
        <v>235641</v>
      </c>
      <c r="BK12" s="114">
        <v>120827</v>
      </c>
      <c r="BL12" s="114">
        <v>83595</v>
      </c>
      <c r="BM12" s="114">
        <v>152507</v>
      </c>
      <c r="BN12" s="114">
        <v>25480</v>
      </c>
      <c r="BO12" s="113">
        <v>618050</v>
      </c>
      <c r="BP12" s="116">
        <v>690282</v>
      </c>
      <c r="BQ12" s="110">
        <v>220605</v>
      </c>
      <c r="BR12" s="114">
        <v>295841</v>
      </c>
      <c r="BS12" s="113">
        <v>516446</v>
      </c>
      <c r="BT12" s="110">
        <v>0</v>
      </c>
      <c r="BU12" s="114">
        <v>936208</v>
      </c>
      <c r="BV12" s="114">
        <v>774249</v>
      </c>
      <c r="BW12" s="114">
        <v>996506</v>
      </c>
      <c r="BX12" s="114">
        <v>1149280</v>
      </c>
      <c r="BY12" s="114">
        <v>859649</v>
      </c>
      <c r="BZ12" s="113">
        <v>4715892</v>
      </c>
      <c r="CA12" s="116">
        <v>5232338</v>
      </c>
      <c r="CB12" s="110">
        <v>37193</v>
      </c>
      <c r="CC12" s="114">
        <v>92130</v>
      </c>
      <c r="CD12" s="113">
        <v>129323</v>
      </c>
      <c r="CE12" s="110">
        <v>0</v>
      </c>
      <c r="CF12" s="114">
        <v>4680501</v>
      </c>
      <c r="CG12" s="114">
        <v>4868342</v>
      </c>
      <c r="CH12" s="114">
        <v>4385226</v>
      </c>
      <c r="CI12" s="114">
        <v>2823767</v>
      </c>
      <c r="CJ12" s="114">
        <v>1366799</v>
      </c>
      <c r="CK12" s="113">
        <v>18124635</v>
      </c>
      <c r="CL12" s="116">
        <v>18253958</v>
      </c>
      <c r="CM12" s="110">
        <v>0</v>
      </c>
      <c r="CN12" s="114">
        <v>0</v>
      </c>
      <c r="CO12" s="113">
        <v>0</v>
      </c>
      <c r="CP12" s="111">
        <v>0</v>
      </c>
      <c r="CQ12" s="114">
        <v>4321722</v>
      </c>
      <c r="CR12" s="114">
        <v>4147204</v>
      </c>
      <c r="CS12" s="114">
        <v>3641738</v>
      </c>
      <c r="CT12" s="114">
        <v>2057958</v>
      </c>
      <c r="CU12" s="114">
        <v>1237880</v>
      </c>
      <c r="CV12" s="113">
        <v>15406502</v>
      </c>
      <c r="CW12" s="116">
        <v>15406502</v>
      </c>
      <c r="CX12" s="110">
        <v>37193</v>
      </c>
      <c r="CY12" s="114">
        <v>92130</v>
      </c>
      <c r="CZ12" s="113">
        <v>129323</v>
      </c>
      <c r="DA12" s="110">
        <v>0</v>
      </c>
      <c r="DB12" s="114">
        <v>358779</v>
      </c>
      <c r="DC12" s="114">
        <v>721138</v>
      </c>
      <c r="DD12" s="114">
        <v>743488</v>
      </c>
      <c r="DE12" s="114">
        <v>765809</v>
      </c>
      <c r="DF12" s="114">
        <v>128919</v>
      </c>
      <c r="DG12" s="113">
        <v>2718133</v>
      </c>
      <c r="DH12" s="116">
        <v>2847456</v>
      </c>
      <c r="DI12" s="110">
        <v>47643</v>
      </c>
      <c r="DJ12" s="114">
        <v>5521</v>
      </c>
      <c r="DK12" s="112">
        <v>53164</v>
      </c>
      <c r="DL12" s="111">
        <v>0</v>
      </c>
      <c r="DM12" s="114">
        <v>600045</v>
      </c>
      <c r="DN12" s="114">
        <v>683711</v>
      </c>
      <c r="DO12" s="114">
        <v>1136273</v>
      </c>
      <c r="DP12" s="114">
        <v>1069061</v>
      </c>
      <c r="DQ12" s="114">
        <v>1784176</v>
      </c>
      <c r="DR12" s="113">
        <v>5273266</v>
      </c>
      <c r="DS12" s="116">
        <v>5326430</v>
      </c>
      <c r="DT12" s="110">
        <v>47643</v>
      </c>
      <c r="DU12" s="114">
        <v>5521</v>
      </c>
      <c r="DV12" s="113">
        <v>53164</v>
      </c>
      <c r="DW12" s="110">
        <v>0</v>
      </c>
      <c r="DX12" s="114">
        <v>600045</v>
      </c>
      <c r="DY12" s="114">
        <v>627890</v>
      </c>
      <c r="DZ12" s="114">
        <v>1136273</v>
      </c>
      <c r="EA12" s="114">
        <v>831815</v>
      </c>
      <c r="EB12" s="114">
        <v>1742382</v>
      </c>
      <c r="EC12" s="113">
        <v>4938405</v>
      </c>
      <c r="ED12" s="116">
        <v>4991569</v>
      </c>
      <c r="EE12" s="110">
        <v>0</v>
      </c>
      <c r="EF12" s="112">
        <v>0</v>
      </c>
      <c r="EG12" s="113">
        <v>0</v>
      </c>
      <c r="EH12" s="110">
        <v>0</v>
      </c>
      <c r="EI12" s="114">
        <v>0</v>
      </c>
      <c r="EJ12" s="114">
        <v>55821</v>
      </c>
      <c r="EK12" s="114">
        <v>0</v>
      </c>
      <c r="EL12" s="114">
        <v>237246</v>
      </c>
      <c r="EM12" s="114">
        <v>41794</v>
      </c>
      <c r="EN12" s="112">
        <v>334861</v>
      </c>
      <c r="EO12" s="116">
        <v>334861</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8"/>
      <c r="FE12" s="114">
        <v>0</v>
      </c>
      <c r="FF12" s="114">
        <v>0</v>
      </c>
      <c r="FG12" s="114">
        <v>0</v>
      </c>
      <c r="FH12" s="114">
        <v>0</v>
      </c>
      <c r="FI12" s="114">
        <v>0</v>
      </c>
      <c r="FJ12" s="113">
        <v>0</v>
      </c>
      <c r="FK12" s="116">
        <v>0</v>
      </c>
      <c r="FL12" s="110">
        <v>294672</v>
      </c>
      <c r="FM12" s="114">
        <v>717055</v>
      </c>
      <c r="FN12" s="113">
        <v>1011727</v>
      </c>
      <c r="FO12" s="110">
        <v>0</v>
      </c>
      <c r="FP12" s="114">
        <v>798658</v>
      </c>
      <c r="FQ12" s="114">
        <v>1718363</v>
      </c>
      <c r="FR12" s="114">
        <v>1367309</v>
      </c>
      <c r="FS12" s="114">
        <v>1399061</v>
      </c>
      <c r="FT12" s="114">
        <v>1396010</v>
      </c>
      <c r="FU12" s="113">
        <v>6679401</v>
      </c>
      <c r="FV12" s="116">
        <v>7691128</v>
      </c>
      <c r="FW12" s="115">
        <v>156072</v>
      </c>
      <c r="FX12" s="114">
        <v>431151</v>
      </c>
      <c r="FY12" s="112">
        <v>587223</v>
      </c>
      <c r="FZ12" s="111">
        <v>0</v>
      </c>
      <c r="GA12" s="114">
        <v>544278</v>
      </c>
      <c r="GB12" s="114">
        <v>1504132</v>
      </c>
      <c r="GC12" s="114">
        <v>1258502</v>
      </c>
      <c r="GD12" s="114">
        <v>1313339</v>
      </c>
      <c r="GE12" s="114">
        <v>1302406</v>
      </c>
      <c r="GF12" s="113">
        <v>5922657</v>
      </c>
      <c r="GG12" s="319">
        <v>6509880</v>
      </c>
      <c r="GH12" s="115">
        <v>0</v>
      </c>
      <c r="GI12" s="114">
        <v>15592</v>
      </c>
      <c r="GJ12" s="112">
        <v>15592</v>
      </c>
      <c r="GK12" s="111">
        <v>0</v>
      </c>
      <c r="GL12" s="114">
        <v>114380</v>
      </c>
      <c r="GM12" s="114">
        <v>84143</v>
      </c>
      <c r="GN12" s="114">
        <v>85063</v>
      </c>
      <c r="GO12" s="114">
        <v>85722</v>
      </c>
      <c r="GP12" s="114">
        <v>93604</v>
      </c>
      <c r="GQ12" s="113">
        <v>462912</v>
      </c>
      <c r="GR12" s="116">
        <v>478504</v>
      </c>
      <c r="GS12" s="110">
        <v>138600</v>
      </c>
      <c r="GT12" s="114">
        <v>270312</v>
      </c>
      <c r="GU12" s="113">
        <v>408912</v>
      </c>
      <c r="GV12" s="110">
        <v>0</v>
      </c>
      <c r="GW12" s="114">
        <v>140000</v>
      </c>
      <c r="GX12" s="114">
        <v>130088</v>
      </c>
      <c r="GY12" s="114">
        <v>23744</v>
      </c>
      <c r="GZ12" s="114">
        <v>0</v>
      </c>
      <c r="HA12" s="114">
        <v>0</v>
      </c>
      <c r="HB12" s="112">
        <v>293832</v>
      </c>
      <c r="HC12" s="116">
        <v>702744</v>
      </c>
      <c r="HD12" s="110">
        <v>503131</v>
      </c>
      <c r="HE12" s="114">
        <v>1299616</v>
      </c>
      <c r="HF12" s="112">
        <v>1802747</v>
      </c>
      <c r="HG12" s="111">
        <v>0</v>
      </c>
      <c r="HH12" s="114">
        <v>4243075</v>
      </c>
      <c r="HI12" s="114">
        <v>4834918</v>
      </c>
      <c r="HJ12" s="114">
        <v>5489316</v>
      </c>
      <c r="HK12" s="114">
        <v>6953154</v>
      </c>
      <c r="HL12" s="114">
        <v>3224472</v>
      </c>
      <c r="HM12" s="113">
        <v>24744935</v>
      </c>
      <c r="HN12" s="109">
        <v>26547682</v>
      </c>
      <c r="HO12" s="329"/>
      <c r="HP12" s="330"/>
      <c r="HQ12" s="331"/>
      <c r="HR12" s="332"/>
      <c r="HS12" s="330"/>
      <c r="HT12" s="330"/>
      <c r="HU12" s="330"/>
      <c r="HV12" s="330"/>
      <c r="HW12" s="330"/>
      <c r="HX12" s="333"/>
      <c r="HY12" s="334"/>
      <c r="HZ12" s="131">
        <v>0</v>
      </c>
      <c r="IA12" s="132">
        <v>0</v>
      </c>
      <c r="IB12" s="133">
        <v>0</v>
      </c>
      <c r="IC12" s="134">
        <v>0</v>
      </c>
      <c r="ID12" s="135">
        <v>4801864</v>
      </c>
      <c r="IE12" s="136">
        <v>4976688</v>
      </c>
      <c r="IF12" s="137">
        <v>3939245</v>
      </c>
      <c r="IG12" s="135">
        <v>3230094</v>
      </c>
      <c r="IH12" s="137">
        <v>2483114</v>
      </c>
      <c r="II12" s="138">
        <v>19431005</v>
      </c>
      <c r="IJ12" s="139">
        <v>19431005</v>
      </c>
      <c r="IK12" s="232">
        <v>0</v>
      </c>
      <c r="IL12" s="236">
        <v>0</v>
      </c>
      <c r="IM12" s="237">
        <v>0</v>
      </c>
      <c r="IN12" s="140"/>
      <c r="IO12" s="119">
        <v>0</v>
      </c>
      <c r="IP12" s="119">
        <v>0</v>
      </c>
      <c r="IQ12" s="119">
        <v>169667</v>
      </c>
      <c r="IR12" s="119">
        <v>204936</v>
      </c>
      <c r="IS12" s="119">
        <v>685535</v>
      </c>
      <c r="IT12" s="141">
        <v>1060138</v>
      </c>
      <c r="IU12" s="321">
        <v>1060138</v>
      </c>
      <c r="IV12" s="142">
        <v>0</v>
      </c>
      <c r="IW12" s="119">
        <v>0</v>
      </c>
      <c r="IX12" s="120">
        <v>0</v>
      </c>
      <c r="IY12" s="144"/>
      <c r="IZ12" s="119">
        <v>0</v>
      </c>
      <c r="JA12" s="119">
        <v>0</v>
      </c>
      <c r="JB12" s="119">
        <v>0</v>
      </c>
      <c r="JC12" s="119">
        <v>8839</v>
      </c>
      <c r="JD12" s="119">
        <v>0</v>
      </c>
      <c r="JE12" s="120">
        <v>8839</v>
      </c>
      <c r="JF12" s="121">
        <v>8839</v>
      </c>
      <c r="JG12" s="142">
        <v>0</v>
      </c>
      <c r="JH12" s="119">
        <v>0</v>
      </c>
      <c r="JI12" s="141">
        <v>0</v>
      </c>
      <c r="JJ12" s="118">
        <v>0</v>
      </c>
      <c r="JK12" s="119">
        <v>1694367</v>
      </c>
      <c r="JL12" s="119">
        <v>1663843</v>
      </c>
      <c r="JM12" s="119">
        <v>1446387</v>
      </c>
      <c r="JN12" s="119">
        <v>376331</v>
      </c>
      <c r="JO12" s="119">
        <v>75732</v>
      </c>
      <c r="JP12" s="120">
        <v>5256660</v>
      </c>
      <c r="JQ12" s="321">
        <v>5256660</v>
      </c>
      <c r="JR12" s="142">
        <v>0</v>
      </c>
      <c r="JS12" s="119">
        <v>0</v>
      </c>
      <c r="JT12" s="141">
        <v>0</v>
      </c>
      <c r="JU12" s="118">
        <v>0</v>
      </c>
      <c r="JV12" s="119">
        <v>110660</v>
      </c>
      <c r="JW12" s="119">
        <v>0</v>
      </c>
      <c r="JX12" s="119">
        <v>23109</v>
      </c>
      <c r="JY12" s="119">
        <v>32182</v>
      </c>
      <c r="JZ12" s="119">
        <v>84447</v>
      </c>
      <c r="KA12" s="120">
        <v>250398</v>
      </c>
      <c r="KB12" s="321">
        <v>250398</v>
      </c>
      <c r="KC12" s="234">
        <v>0</v>
      </c>
      <c r="KD12" s="230">
        <v>0</v>
      </c>
      <c r="KE12" s="120">
        <v>0</v>
      </c>
      <c r="KF12" s="118">
        <v>0</v>
      </c>
      <c r="KG12" s="119">
        <v>413376</v>
      </c>
      <c r="KH12" s="119">
        <v>1044630</v>
      </c>
      <c r="KI12" s="119">
        <v>748235</v>
      </c>
      <c r="KJ12" s="119">
        <v>406580</v>
      </c>
      <c r="KK12" s="119">
        <v>736572</v>
      </c>
      <c r="KL12" s="120">
        <v>3349393</v>
      </c>
      <c r="KM12" s="143">
        <v>3349393</v>
      </c>
      <c r="KN12" s="232">
        <v>0</v>
      </c>
      <c r="KO12" s="236">
        <v>0</v>
      </c>
      <c r="KP12" s="237">
        <v>0</v>
      </c>
      <c r="KQ12" s="140"/>
      <c r="KR12" s="119">
        <v>2463443</v>
      </c>
      <c r="KS12" s="119">
        <v>1909681</v>
      </c>
      <c r="KT12" s="119">
        <v>1551847</v>
      </c>
      <c r="KU12" s="119">
        <v>1938378</v>
      </c>
      <c r="KV12" s="119">
        <v>900828</v>
      </c>
      <c r="KW12" s="120">
        <v>8764177</v>
      </c>
      <c r="KX12" s="321">
        <v>8764177</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182059</v>
      </c>
      <c r="LP12" s="119">
        <v>0</v>
      </c>
      <c r="LQ12" s="119">
        <v>0</v>
      </c>
      <c r="LR12" s="119">
        <v>0</v>
      </c>
      <c r="LS12" s="120">
        <v>182059</v>
      </c>
      <c r="LT12" s="321">
        <v>182059</v>
      </c>
      <c r="LU12" s="142">
        <v>0</v>
      </c>
      <c r="LV12" s="119">
        <v>0</v>
      </c>
      <c r="LW12" s="120">
        <v>0</v>
      </c>
      <c r="LX12" s="145"/>
      <c r="LY12" s="119">
        <v>120018</v>
      </c>
      <c r="LZ12" s="119">
        <v>176475</v>
      </c>
      <c r="MA12" s="119">
        <v>0</v>
      </c>
      <c r="MB12" s="119">
        <v>262848</v>
      </c>
      <c r="MC12" s="119">
        <v>0</v>
      </c>
      <c r="MD12" s="120">
        <v>559341</v>
      </c>
      <c r="ME12" s="121">
        <v>559341</v>
      </c>
      <c r="MF12" s="142">
        <v>0</v>
      </c>
      <c r="MG12" s="119">
        <v>0</v>
      </c>
      <c r="MH12" s="120">
        <v>0</v>
      </c>
      <c r="MI12" s="145"/>
      <c r="MJ12" s="119">
        <v>622376</v>
      </c>
      <c r="MK12" s="119">
        <v>2561285</v>
      </c>
      <c r="ML12" s="119">
        <v>5568952</v>
      </c>
      <c r="MM12" s="119">
        <v>10218322</v>
      </c>
      <c r="MN12" s="119">
        <v>5339940</v>
      </c>
      <c r="MO12" s="120">
        <v>24310875</v>
      </c>
      <c r="MP12" s="143">
        <v>24310875</v>
      </c>
      <c r="MQ12" s="142">
        <v>0</v>
      </c>
      <c r="MR12" s="119">
        <v>0</v>
      </c>
      <c r="MS12" s="120">
        <v>0</v>
      </c>
      <c r="MT12" s="145"/>
      <c r="MU12" s="119">
        <v>0</v>
      </c>
      <c r="MV12" s="119">
        <v>0</v>
      </c>
      <c r="MW12" s="119">
        <v>3610376</v>
      </c>
      <c r="MX12" s="119">
        <v>8013668</v>
      </c>
      <c r="MY12" s="119">
        <v>4449459</v>
      </c>
      <c r="MZ12" s="120">
        <v>16073503</v>
      </c>
      <c r="NA12" s="143">
        <v>16073503</v>
      </c>
      <c r="NB12" s="142">
        <v>0</v>
      </c>
      <c r="NC12" s="119">
        <v>0</v>
      </c>
      <c r="ND12" s="120">
        <v>0</v>
      </c>
      <c r="NE12" s="145"/>
      <c r="NF12" s="119">
        <v>622376</v>
      </c>
      <c r="NG12" s="119">
        <v>2561285</v>
      </c>
      <c r="NH12" s="119">
        <v>1958576</v>
      </c>
      <c r="NI12" s="119">
        <v>1879161</v>
      </c>
      <c r="NJ12" s="119">
        <v>189016</v>
      </c>
      <c r="NK12" s="120">
        <v>7210414</v>
      </c>
      <c r="NL12" s="321">
        <v>7210414</v>
      </c>
      <c r="NM12" s="142">
        <v>0</v>
      </c>
      <c r="NN12" s="119">
        <v>0</v>
      </c>
      <c r="NO12" s="120">
        <v>0</v>
      </c>
      <c r="NP12" s="145"/>
      <c r="NQ12" s="119">
        <v>0</v>
      </c>
      <c r="NR12" s="119">
        <v>0</v>
      </c>
      <c r="NS12" s="119">
        <v>0</v>
      </c>
      <c r="NT12" s="119">
        <v>0</v>
      </c>
      <c r="NU12" s="119">
        <v>0</v>
      </c>
      <c r="NV12" s="120">
        <v>0</v>
      </c>
      <c r="NW12" s="121">
        <v>0</v>
      </c>
      <c r="NX12" s="142">
        <v>0</v>
      </c>
      <c r="NY12" s="119">
        <v>0</v>
      </c>
      <c r="NZ12" s="120">
        <v>0</v>
      </c>
      <c r="OA12" s="145"/>
      <c r="OB12" s="119">
        <v>0</v>
      </c>
      <c r="OC12" s="119">
        <v>0</v>
      </c>
      <c r="OD12" s="119">
        <v>0</v>
      </c>
      <c r="OE12" s="119">
        <v>325493</v>
      </c>
      <c r="OF12" s="119">
        <v>701465</v>
      </c>
      <c r="OG12" s="120">
        <v>1026958</v>
      </c>
      <c r="OH12" s="121">
        <v>1026958</v>
      </c>
      <c r="OI12" s="142">
        <v>1163582</v>
      </c>
      <c r="OJ12" s="119">
        <v>3280838</v>
      </c>
      <c r="OK12" s="141">
        <v>4444420</v>
      </c>
      <c r="OL12" s="118">
        <v>0</v>
      </c>
      <c r="OM12" s="119">
        <v>19718965</v>
      </c>
      <c r="ON12" s="119">
        <v>24482147</v>
      </c>
      <c r="OO12" s="119">
        <v>27809062</v>
      </c>
      <c r="OP12" s="119">
        <v>32690617</v>
      </c>
      <c r="OQ12" s="119">
        <v>24055696</v>
      </c>
      <c r="OR12" s="120">
        <v>128756487</v>
      </c>
      <c r="OS12" s="143">
        <v>133200907</v>
      </c>
    </row>
    <row r="13" spans="1:409" ht="20.25" customHeight="1" x14ac:dyDescent="0.2">
      <c r="B13" s="126" t="s">
        <v>7</v>
      </c>
      <c r="C13" s="110">
        <v>1114380</v>
      </c>
      <c r="D13" s="114">
        <v>632670</v>
      </c>
      <c r="E13" s="113">
        <v>1747050</v>
      </c>
      <c r="F13" s="109">
        <v>0</v>
      </c>
      <c r="G13" s="114">
        <v>12203032</v>
      </c>
      <c r="H13" s="114">
        <v>11576694</v>
      </c>
      <c r="I13" s="114">
        <v>8053967</v>
      </c>
      <c r="J13" s="114">
        <v>7911510</v>
      </c>
      <c r="K13" s="114">
        <v>7594144</v>
      </c>
      <c r="L13" s="109">
        <v>47339347</v>
      </c>
      <c r="M13" s="116">
        <v>49086397</v>
      </c>
      <c r="N13" s="110">
        <v>160608</v>
      </c>
      <c r="O13" s="114">
        <v>115060</v>
      </c>
      <c r="P13" s="113">
        <v>275668</v>
      </c>
      <c r="Q13" s="110">
        <v>0</v>
      </c>
      <c r="R13" s="114">
        <v>2948119</v>
      </c>
      <c r="S13" s="114">
        <v>3950294</v>
      </c>
      <c r="T13" s="114">
        <v>2479626</v>
      </c>
      <c r="U13" s="114">
        <v>2642689</v>
      </c>
      <c r="V13" s="114">
        <v>4193589</v>
      </c>
      <c r="W13" s="113">
        <v>16214317</v>
      </c>
      <c r="X13" s="116">
        <v>16489985</v>
      </c>
      <c r="Y13" s="110">
        <v>0</v>
      </c>
      <c r="Z13" s="114">
        <v>0</v>
      </c>
      <c r="AA13" s="113">
        <v>0</v>
      </c>
      <c r="AB13" s="110">
        <v>0</v>
      </c>
      <c r="AC13" s="114">
        <v>1235672</v>
      </c>
      <c r="AD13" s="114">
        <v>1883215</v>
      </c>
      <c r="AE13" s="114">
        <v>1314047</v>
      </c>
      <c r="AF13" s="114">
        <v>1588883</v>
      </c>
      <c r="AG13" s="114">
        <v>2579479</v>
      </c>
      <c r="AH13" s="113">
        <v>8601296</v>
      </c>
      <c r="AI13" s="116">
        <v>8601296</v>
      </c>
      <c r="AJ13" s="110">
        <v>0</v>
      </c>
      <c r="AK13" s="114">
        <v>0</v>
      </c>
      <c r="AL13" s="113">
        <v>0</v>
      </c>
      <c r="AM13" s="110">
        <v>0</v>
      </c>
      <c r="AN13" s="114">
        <v>93218</v>
      </c>
      <c r="AO13" s="114">
        <v>41898</v>
      </c>
      <c r="AP13" s="114">
        <v>20252</v>
      </c>
      <c r="AQ13" s="114">
        <v>81010</v>
      </c>
      <c r="AR13" s="114">
        <v>392007</v>
      </c>
      <c r="AS13" s="113">
        <v>628385</v>
      </c>
      <c r="AT13" s="116">
        <v>628385</v>
      </c>
      <c r="AU13" s="110">
        <v>0</v>
      </c>
      <c r="AV13" s="114">
        <v>52368</v>
      </c>
      <c r="AW13" s="113">
        <v>52368</v>
      </c>
      <c r="AX13" s="110">
        <v>0</v>
      </c>
      <c r="AY13" s="114">
        <v>973023</v>
      </c>
      <c r="AZ13" s="114">
        <v>1238250</v>
      </c>
      <c r="BA13" s="114">
        <v>519984</v>
      </c>
      <c r="BB13" s="114">
        <v>470239</v>
      </c>
      <c r="BC13" s="114">
        <v>905423</v>
      </c>
      <c r="BD13" s="113">
        <v>4106919</v>
      </c>
      <c r="BE13" s="116">
        <v>4159287</v>
      </c>
      <c r="BF13" s="110">
        <v>0</v>
      </c>
      <c r="BG13" s="114">
        <v>0</v>
      </c>
      <c r="BH13" s="112">
        <v>0</v>
      </c>
      <c r="BI13" s="111">
        <v>0</v>
      </c>
      <c r="BJ13" s="114">
        <v>71646</v>
      </c>
      <c r="BK13" s="114">
        <v>216249</v>
      </c>
      <c r="BL13" s="114">
        <v>159437</v>
      </c>
      <c r="BM13" s="114">
        <v>100610</v>
      </c>
      <c r="BN13" s="114">
        <v>54411</v>
      </c>
      <c r="BO13" s="113">
        <v>602353</v>
      </c>
      <c r="BP13" s="116">
        <v>602353</v>
      </c>
      <c r="BQ13" s="110">
        <v>160608</v>
      </c>
      <c r="BR13" s="114">
        <v>62692</v>
      </c>
      <c r="BS13" s="113">
        <v>223300</v>
      </c>
      <c r="BT13" s="110">
        <v>0</v>
      </c>
      <c r="BU13" s="114">
        <v>574560</v>
      </c>
      <c r="BV13" s="114">
        <v>570682</v>
      </c>
      <c r="BW13" s="114">
        <v>465906</v>
      </c>
      <c r="BX13" s="114">
        <v>401947</v>
      </c>
      <c r="BY13" s="114">
        <v>262269</v>
      </c>
      <c r="BZ13" s="113">
        <v>2275364</v>
      </c>
      <c r="CA13" s="116">
        <v>2498664</v>
      </c>
      <c r="CB13" s="110">
        <v>57003</v>
      </c>
      <c r="CC13" s="114">
        <v>68487</v>
      </c>
      <c r="CD13" s="113">
        <v>125490</v>
      </c>
      <c r="CE13" s="110">
        <v>0</v>
      </c>
      <c r="CF13" s="114">
        <v>3610738</v>
      </c>
      <c r="CG13" s="114">
        <v>2285232</v>
      </c>
      <c r="CH13" s="114">
        <v>1142601</v>
      </c>
      <c r="CI13" s="114">
        <v>581891</v>
      </c>
      <c r="CJ13" s="114">
        <v>738679</v>
      </c>
      <c r="CK13" s="113">
        <v>8359141</v>
      </c>
      <c r="CL13" s="116">
        <v>8484631</v>
      </c>
      <c r="CM13" s="110">
        <v>0</v>
      </c>
      <c r="CN13" s="114">
        <v>0</v>
      </c>
      <c r="CO13" s="113">
        <v>0</v>
      </c>
      <c r="CP13" s="111">
        <v>0</v>
      </c>
      <c r="CQ13" s="114">
        <v>2366832</v>
      </c>
      <c r="CR13" s="114">
        <v>1691680</v>
      </c>
      <c r="CS13" s="114">
        <v>462370</v>
      </c>
      <c r="CT13" s="114">
        <v>527280</v>
      </c>
      <c r="CU13" s="114">
        <v>578626</v>
      </c>
      <c r="CV13" s="113">
        <v>5626788</v>
      </c>
      <c r="CW13" s="116">
        <v>5626788</v>
      </c>
      <c r="CX13" s="110">
        <v>57003</v>
      </c>
      <c r="CY13" s="114">
        <v>68487</v>
      </c>
      <c r="CZ13" s="113">
        <v>125490</v>
      </c>
      <c r="DA13" s="110">
        <v>0</v>
      </c>
      <c r="DB13" s="114">
        <v>1243906</v>
      </c>
      <c r="DC13" s="114">
        <v>593552</v>
      </c>
      <c r="DD13" s="114">
        <v>680231</v>
      </c>
      <c r="DE13" s="114">
        <v>54611</v>
      </c>
      <c r="DF13" s="114">
        <v>160053</v>
      </c>
      <c r="DG13" s="113">
        <v>2732353</v>
      </c>
      <c r="DH13" s="116">
        <v>2857843</v>
      </c>
      <c r="DI13" s="110">
        <v>0</v>
      </c>
      <c r="DJ13" s="114">
        <v>0</v>
      </c>
      <c r="DK13" s="112">
        <v>0</v>
      </c>
      <c r="DL13" s="111">
        <v>0</v>
      </c>
      <c r="DM13" s="114">
        <v>239698</v>
      </c>
      <c r="DN13" s="114">
        <v>437658</v>
      </c>
      <c r="DO13" s="114">
        <v>807800</v>
      </c>
      <c r="DP13" s="114">
        <v>822844</v>
      </c>
      <c r="DQ13" s="114">
        <v>216530</v>
      </c>
      <c r="DR13" s="113">
        <v>2524530</v>
      </c>
      <c r="DS13" s="116">
        <v>2524530</v>
      </c>
      <c r="DT13" s="110">
        <v>0</v>
      </c>
      <c r="DU13" s="114">
        <v>0</v>
      </c>
      <c r="DV13" s="113">
        <v>0</v>
      </c>
      <c r="DW13" s="110">
        <v>0</v>
      </c>
      <c r="DX13" s="114">
        <v>239698</v>
      </c>
      <c r="DY13" s="114">
        <v>397167</v>
      </c>
      <c r="DZ13" s="114">
        <v>807800</v>
      </c>
      <c r="EA13" s="114">
        <v>822844</v>
      </c>
      <c r="EB13" s="114">
        <v>150623</v>
      </c>
      <c r="EC13" s="113">
        <v>2418132</v>
      </c>
      <c r="ED13" s="116">
        <v>2418132</v>
      </c>
      <c r="EE13" s="110">
        <v>0</v>
      </c>
      <c r="EF13" s="112">
        <v>0</v>
      </c>
      <c r="EG13" s="113">
        <v>0</v>
      </c>
      <c r="EH13" s="110">
        <v>0</v>
      </c>
      <c r="EI13" s="114">
        <v>0</v>
      </c>
      <c r="EJ13" s="114">
        <v>40491</v>
      </c>
      <c r="EK13" s="114">
        <v>0</v>
      </c>
      <c r="EL13" s="114">
        <v>0</v>
      </c>
      <c r="EM13" s="114">
        <v>65907</v>
      </c>
      <c r="EN13" s="112">
        <v>106398</v>
      </c>
      <c r="EO13" s="116">
        <v>106398</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8"/>
      <c r="FE13" s="114">
        <v>0</v>
      </c>
      <c r="FF13" s="114">
        <v>0</v>
      </c>
      <c r="FG13" s="114">
        <v>0</v>
      </c>
      <c r="FH13" s="114">
        <v>0</v>
      </c>
      <c r="FI13" s="114">
        <v>0</v>
      </c>
      <c r="FJ13" s="113">
        <v>0</v>
      </c>
      <c r="FK13" s="116">
        <v>0</v>
      </c>
      <c r="FL13" s="110">
        <v>361438</v>
      </c>
      <c r="FM13" s="114">
        <v>75404</v>
      </c>
      <c r="FN13" s="113">
        <v>436842</v>
      </c>
      <c r="FO13" s="110">
        <v>0</v>
      </c>
      <c r="FP13" s="114">
        <v>853268</v>
      </c>
      <c r="FQ13" s="114">
        <v>1116885</v>
      </c>
      <c r="FR13" s="114">
        <v>561568</v>
      </c>
      <c r="FS13" s="114">
        <v>283654</v>
      </c>
      <c r="FT13" s="114">
        <v>451465</v>
      </c>
      <c r="FU13" s="113">
        <v>3266840</v>
      </c>
      <c r="FV13" s="116">
        <v>3703682</v>
      </c>
      <c r="FW13" s="115">
        <v>53410</v>
      </c>
      <c r="FX13" s="114">
        <v>75404</v>
      </c>
      <c r="FY13" s="112">
        <v>128814</v>
      </c>
      <c r="FZ13" s="111">
        <v>0</v>
      </c>
      <c r="GA13" s="114">
        <v>429800</v>
      </c>
      <c r="GB13" s="114">
        <v>1100561</v>
      </c>
      <c r="GC13" s="114">
        <v>480424</v>
      </c>
      <c r="GD13" s="114">
        <v>283654</v>
      </c>
      <c r="GE13" s="114">
        <v>413273</v>
      </c>
      <c r="GF13" s="113">
        <v>2707712</v>
      </c>
      <c r="GG13" s="319">
        <v>2836526</v>
      </c>
      <c r="GH13" s="115">
        <v>28028</v>
      </c>
      <c r="GI13" s="114">
        <v>0</v>
      </c>
      <c r="GJ13" s="112">
        <v>28028</v>
      </c>
      <c r="GK13" s="111">
        <v>0</v>
      </c>
      <c r="GL13" s="114">
        <v>64718</v>
      </c>
      <c r="GM13" s="114">
        <v>16324</v>
      </c>
      <c r="GN13" s="114">
        <v>16324</v>
      </c>
      <c r="GO13" s="114">
        <v>0</v>
      </c>
      <c r="GP13" s="114">
        <v>38192</v>
      </c>
      <c r="GQ13" s="113">
        <v>135558</v>
      </c>
      <c r="GR13" s="116">
        <v>163586</v>
      </c>
      <c r="GS13" s="110">
        <v>280000</v>
      </c>
      <c r="GT13" s="114">
        <v>0</v>
      </c>
      <c r="GU13" s="113">
        <v>280000</v>
      </c>
      <c r="GV13" s="110">
        <v>0</v>
      </c>
      <c r="GW13" s="114">
        <v>358750</v>
      </c>
      <c r="GX13" s="114">
        <v>0</v>
      </c>
      <c r="GY13" s="114">
        <v>64820</v>
      </c>
      <c r="GZ13" s="114">
        <v>0</v>
      </c>
      <c r="HA13" s="114">
        <v>0</v>
      </c>
      <c r="HB13" s="112">
        <v>423570</v>
      </c>
      <c r="HC13" s="116">
        <v>703570</v>
      </c>
      <c r="HD13" s="110">
        <v>535331</v>
      </c>
      <c r="HE13" s="114">
        <v>373719</v>
      </c>
      <c r="HF13" s="112">
        <v>909050</v>
      </c>
      <c r="HG13" s="111">
        <v>0</v>
      </c>
      <c r="HH13" s="114">
        <v>4551209</v>
      </c>
      <c r="HI13" s="114">
        <v>3786625</v>
      </c>
      <c r="HJ13" s="114">
        <v>3062372</v>
      </c>
      <c r="HK13" s="114">
        <v>3580432</v>
      </c>
      <c r="HL13" s="114">
        <v>1993881</v>
      </c>
      <c r="HM13" s="113">
        <v>16974519</v>
      </c>
      <c r="HN13" s="109">
        <v>17883569</v>
      </c>
      <c r="HO13" s="329"/>
      <c r="HP13" s="330"/>
      <c r="HQ13" s="331"/>
      <c r="HR13" s="332"/>
      <c r="HS13" s="330"/>
      <c r="HT13" s="330"/>
      <c r="HU13" s="330"/>
      <c r="HV13" s="330"/>
      <c r="HW13" s="330"/>
      <c r="HX13" s="333"/>
      <c r="HY13" s="334"/>
      <c r="HZ13" s="131">
        <v>0</v>
      </c>
      <c r="IA13" s="132">
        <v>0</v>
      </c>
      <c r="IB13" s="133">
        <v>0</v>
      </c>
      <c r="IC13" s="146">
        <v>0</v>
      </c>
      <c r="ID13" s="132">
        <v>1348237</v>
      </c>
      <c r="IE13" s="147">
        <v>1479401</v>
      </c>
      <c r="IF13" s="133">
        <v>3119129</v>
      </c>
      <c r="IG13" s="132">
        <v>1114992</v>
      </c>
      <c r="IH13" s="133">
        <v>662235</v>
      </c>
      <c r="II13" s="148">
        <v>7723994</v>
      </c>
      <c r="IJ13" s="139">
        <v>7723994</v>
      </c>
      <c r="IK13" s="232">
        <v>0</v>
      </c>
      <c r="IL13" s="236">
        <v>0</v>
      </c>
      <c r="IM13" s="237">
        <v>0</v>
      </c>
      <c r="IN13" s="140"/>
      <c r="IO13" s="119">
        <v>0</v>
      </c>
      <c r="IP13" s="119">
        <v>0</v>
      </c>
      <c r="IQ13" s="119">
        <v>174050</v>
      </c>
      <c r="IR13" s="119">
        <v>0</v>
      </c>
      <c r="IS13" s="119">
        <v>0</v>
      </c>
      <c r="IT13" s="141">
        <v>174050</v>
      </c>
      <c r="IU13" s="321">
        <v>17405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548705</v>
      </c>
      <c r="JL13" s="119">
        <v>488757</v>
      </c>
      <c r="JM13" s="119">
        <v>619476</v>
      </c>
      <c r="JN13" s="119">
        <v>452598</v>
      </c>
      <c r="JO13" s="119">
        <v>129131</v>
      </c>
      <c r="JP13" s="120">
        <v>2238667</v>
      </c>
      <c r="JQ13" s="321">
        <v>2238667</v>
      </c>
      <c r="JR13" s="142">
        <v>0</v>
      </c>
      <c r="JS13" s="119">
        <v>0</v>
      </c>
      <c r="JT13" s="141">
        <v>0</v>
      </c>
      <c r="JU13" s="118">
        <v>0</v>
      </c>
      <c r="JV13" s="119">
        <v>191292</v>
      </c>
      <c r="JW13" s="119">
        <v>319745</v>
      </c>
      <c r="JX13" s="119">
        <v>606240</v>
      </c>
      <c r="JY13" s="119">
        <v>206261</v>
      </c>
      <c r="JZ13" s="119">
        <v>0</v>
      </c>
      <c r="KA13" s="120">
        <v>1323538</v>
      </c>
      <c r="KB13" s="321">
        <v>1323538</v>
      </c>
      <c r="KC13" s="234">
        <v>0</v>
      </c>
      <c r="KD13" s="230">
        <v>0</v>
      </c>
      <c r="KE13" s="120">
        <v>0</v>
      </c>
      <c r="KF13" s="118">
        <v>0</v>
      </c>
      <c r="KG13" s="119">
        <v>0</v>
      </c>
      <c r="KH13" s="119">
        <v>274794</v>
      </c>
      <c r="KI13" s="119">
        <v>181345</v>
      </c>
      <c r="KJ13" s="119">
        <v>0</v>
      </c>
      <c r="KK13" s="119">
        <v>0</v>
      </c>
      <c r="KL13" s="120">
        <v>456139</v>
      </c>
      <c r="KM13" s="143">
        <v>456139</v>
      </c>
      <c r="KN13" s="232">
        <v>0</v>
      </c>
      <c r="KO13" s="236">
        <v>0</v>
      </c>
      <c r="KP13" s="237">
        <v>0</v>
      </c>
      <c r="KQ13" s="140"/>
      <c r="KR13" s="119">
        <v>608240</v>
      </c>
      <c r="KS13" s="119">
        <v>396105</v>
      </c>
      <c r="KT13" s="119">
        <v>1538018</v>
      </c>
      <c r="KU13" s="119">
        <v>456133</v>
      </c>
      <c r="KV13" s="119">
        <v>222455</v>
      </c>
      <c r="KW13" s="120">
        <v>3220951</v>
      </c>
      <c r="KX13" s="321">
        <v>3220951</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1">
        <v>0</v>
      </c>
      <c r="LU13" s="142">
        <v>0</v>
      </c>
      <c r="LV13" s="119">
        <v>0</v>
      </c>
      <c r="LW13" s="120">
        <v>0</v>
      </c>
      <c r="LX13" s="145"/>
      <c r="LY13" s="119">
        <v>0</v>
      </c>
      <c r="LZ13" s="119">
        <v>0</v>
      </c>
      <c r="MA13" s="119">
        <v>0</v>
      </c>
      <c r="MB13" s="119">
        <v>0</v>
      </c>
      <c r="MC13" s="119">
        <v>310649</v>
      </c>
      <c r="MD13" s="120">
        <v>310649</v>
      </c>
      <c r="ME13" s="121">
        <v>310649</v>
      </c>
      <c r="MF13" s="142">
        <v>0</v>
      </c>
      <c r="MG13" s="119">
        <v>0</v>
      </c>
      <c r="MH13" s="120">
        <v>0</v>
      </c>
      <c r="MI13" s="145"/>
      <c r="MJ13" s="119">
        <v>255483</v>
      </c>
      <c r="MK13" s="119">
        <v>1596756</v>
      </c>
      <c r="ML13" s="119">
        <v>1194702</v>
      </c>
      <c r="MM13" s="119">
        <v>4922620</v>
      </c>
      <c r="MN13" s="119">
        <v>2907254</v>
      </c>
      <c r="MO13" s="120">
        <v>10876815</v>
      </c>
      <c r="MP13" s="143">
        <v>10876815</v>
      </c>
      <c r="MQ13" s="142">
        <v>0</v>
      </c>
      <c r="MR13" s="119">
        <v>0</v>
      </c>
      <c r="MS13" s="120">
        <v>0</v>
      </c>
      <c r="MT13" s="145"/>
      <c r="MU13" s="119">
        <v>0</v>
      </c>
      <c r="MV13" s="119">
        <v>197947</v>
      </c>
      <c r="MW13" s="119">
        <v>207562</v>
      </c>
      <c r="MX13" s="119">
        <v>4168431</v>
      </c>
      <c r="MY13" s="119">
        <v>2334003</v>
      </c>
      <c r="MZ13" s="120">
        <v>6907943</v>
      </c>
      <c r="NA13" s="143">
        <v>6907943</v>
      </c>
      <c r="NB13" s="142">
        <v>0</v>
      </c>
      <c r="NC13" s="119">
        <v>0</v>
      </c>
      <c r="ND13" s="120">
        <v>0</v>
      </c>
      <c r="NE13" s="145"/>
      <c r="NF13" s="119">
        <v>255483</v>
      </c>
      <c r="NG13" s="119">
        <v>1398809</v>
      </c>
      <c r="NH13" s="119">
        <v>987140</v>
      </c>
      <c r="NI13" s="119">
        <v>754189</v>
      </c>
      <c r="NJ13" s="119">
        <v>573251</v>
      </c>
      <c r="NK13" s="120">
        <v>3968872</v>
      </c>
      <c r="NL13" s="321">
        <v>3968872</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1114380</v>
      </c>
      <c r="OJ13" s="119">
        <v>632670</v>
      </c>
      <c r="OK13" s="141">
        <v>1747050</v>
      </c>
      <c r="OL13" s="118">
        <v>0</v>
      </c>
      <c r="OM13" s="119">
        <v>13806752</v>
      </c>
      <c r="ON13" s="119">
        <v>14652851</v>
      </c>
      <c r="OO13" s="119">
        <v>12367798</v>
      </c>
      <c r="OP13" s="119">
        <v>13949122</v>
      </c>
      <c r="OQ13" s="119">
        <v>11163633</v>
      </c>
      <c r="OR13" s="120">
        <v>65940156</v>
      </c>
      <c r="OS13" s="143">
        <v>67687206</v>
      </c>
    </row>
    <row r="14" spans="1:409" ht="20.25" customHeight="1" x14ac:dyDescent="0.2">
      <c r="B14" s="126" t="s">
        <v>8</v>
      </c>
      <c r="C14" s="110">
        <v>502225</v>
      </c>
      <c r="D14" s="114">
        <v>325035</v>
      </c>
      <c r="E14" s="113">
        <v>827260</v>
      </c>
      <c r="F14" s="109">
        <v>0</v>
      </c>
      <c r="G14" s="114">
        <v>4640254</v>
      </c>
      <c r="H14" s="114">
        <v>6578059</v>
      </c>
      <c r="I14" s="114">
        <v>4087434</v>
      </c>
      <c r="J14" s="114">
        <v>5752770</v>
      </c>
      <c r="K14" s="114">
        <v>4234268</v>
      </c>
      <c r="L14" s="109">
        <v>25292785</v>
      </c>
      <c r="M14" s="116">
        <v>26120045</v>
      </c>
      <c r="N14" s="110">
        <v>67947</v>
      </c>
      <c r="O14" s="114">
        <v>162865</v>
      </c>
      <c r="P14" s="113">
        <v>230812</v>
      </c>
      <c r="Q14" s="110">
        <v>0</v>
      </c>
      <c r="R14" s="114">
        <v>1030154</v>
      </c>
      <c r="S14" s="114">
        <v>2139987</v>
      </c>
      <c r="T14" s="114">
        <v>1086336</v>
      </c>
      <c r="U14" s="114">
        <v>2136523</v>
      </c>
      <c r="V14" s="114">
        <v>2099098</v>
      </c>
      <c r="W14" s="113">
        <v>8492098</v>
      </c>
      <c r="X14" s="116">
        <v>8722910</v>
      </c>
      <c r="Y14" s="110">
        <v>0</v>
      </c>
      <c r="Z14" s="114">
        <v>0</v>
      </c>
      <c r="AA14" s="113">
        <v>0</v>
      </c>
      <c r="AB14" s="110">
        <v>0</v>
      </c>
      <c r="AC14" s="114">
        <v>644665</v>
      </c>
      <c r="AD14" s="114">
        <v>1239123</v>
      </c>
      <c r="AE14" s="114">
        <v>665108</v>
      </c>
      <c r="AF14" s="114">
        <v>850000</v>
      </c>
      <c r="AG14" s="114">
        <v>1439567</v>
      </c>
      <c r="AH14" s="113">
        <v>4838463</v>
      </c>
      <c r="AI14" s="116">
        <v>4838463</v>
      </c>
      <c r="AJ14" s="110">
        <v>0</v>
      </c>
      <c r="AK14" s="114">
        <v>0</v>
      </c>
      <c r="AL14" s="113">
        <v>0</v>
      </c>
      <c r="AM14" s="110">
        <v>0</v>
      </c>
      <c r="AN14" s="114">
        <v>0</v>
      </c>
      <c r="AO14" s="114">
        <v>0</v>
      </c>
      <c r="AP14" s="114">
        <v>0</v>
      </c>
      <c r="AQ14" s="114">
        <v>368143</v>
      </c>
      <c r="AR14" s="114">
        <v>133252</v>
      </c>
      <c r="AS14" s="113">
        <v>501395</v>
      </c>
      <c r="AT14" s="116">
        <v>501395</v>
      </c>
      <c r="AU14" s="110">
        <v>10253</v>
      </c>
      <c r="AV14" s="114">
        <v>59379</v>
      </c>
      <c r="AW14" s="113">
        <v>69632</v>
      </c>
      <c r="AX14" s="110">
        <v>0</v>
      </c>
      <c r="AY14" s="114">
        <v>213013</v>
      </c>
      <c r="AZ14" s="114">
        <v>516116</v>
      </c>
      <c r="BA14" s="114">
        <v>69325</v>
      </c>
      <c r="BB14" s="114">
        <v>437469</v>
      </c>
      <c r="BC14" s="114">
        <v>256298</v>
      </c>
      <c r="BD14" s="113">
        <v>1492221</v>
      </c>
      <c r="BE14" s="116">
        <v>1561853</v>
      </c>
      <c r="BF14" s="110">
        <v>0</v>
      </c>
      <c r="BG14" s="114">
        <v>86742</v>
      </c>
      <c r="BH14" s="112">
        <v>86742</v>
      </c>
      <c r="BI14" s="111">
        <v>0</v>
      </c>
      <c r="BJ14" s="114">
        <v>55387</v>
      </c>
      <c r="BK14" s="114">
        <v>140091</v>
      </c>
      <c r="BL14" s="114">
        <v>214381</v>
      </c>
      <c r="BM14" s="114">
        <v>143756</v>
      </c>
      <c r="BN14" s="114">
        <v>65623</v>
      </c>
      <c r="BO14" s="113">
        <v>619238</v>
      </c>
      <c r="BP14" s="116">
        <v>705980</v>
      </c>
      <c r="BQ14" s="110">
        <v>57694</v>
      </c>
      <c r="BR14" s="114">
        <v>16744</v>
      </c>
      <c r="BS14" s="113">
        <v>74438</v>
      </c>
      <c r="BT14" s="110">
        <v>0</v>
      </c>
      <c r="BU14" s="114">
        <v>117089</v>
      </c>
      <c r="BV14" s="114">
        <v>244657</v>
      </c>
      <c r="BW14" s="114">
        <v>137522</v>
      </c>
      <c r="BX14" s="114">
        <v>337155</v>
      </c>
      <c r="BY14" s="114">
        <v>204358</v>
      </c>
      <c r="BZ14" s="113">
        <v>1040781</v>
      </c>
      <c r="CA14" s="116">
        <v>1115219</v>
      </c>
      <c r="CB14" s="110">
        <v>17805</v>
      </c>
      <c r="CC14" s="114">
        <v>98477</v>
      </c>
      <c r="CD14" s="113">
        <v>116282</v>
      </c>
      <c r="CE14" s="110">
        <v>0</v>
      </c>
      <c r="CF14" s="114">
        <v>1723562</v>
      </c>
      <c r="CG14" s="114">
        <v>2035701</v>
      </c>
      <c r="CH14" s="114">
        <v>1077582</v>
      </c>
      <c r="CI14" s="114">
        <v>1414540</v>
      </c>
      <c r="CJ14" s="114">
        <v>340237</v>
      </c>
      <c r="CK14" s="113">
        <v>6591622</v>
      </c>
      <c r="CL14" s="116">
        <v>6707904</v>
      </c>
      <c r="CM14" s="110">
        <v>0</v>
      </c>
      <c r="CN14" s="114">
        <v>0</v>
      </c>
      <c r="CO14" s="113">
        <v>0</v>
      </c>
      <c r="CP14" s="111">
        <v>0</v>
      </c>
      <c r="CQ14" s="114">
        <v>1110501</v>
      </c>
      <c r="CR14" s="114">
        <v>1667906</v>
      </c>
      <c r="CS14" s="114">
        <v>707407</v>
      </c>
      <c r="CT14" s="114">
        <v>892845</v>
      </c>
      <c r="CU14" s="114">
        <v>205491</v>
      </c>
      <c r="CV14" s="113">
        <v>4584150</v>
      </c>
      <c r="CW14" s="116">
        <v>4584150</v>
      </c>
      <c r="CX14" s="110">
        <v>17805</v>
      </c>
      <c r="CY14" s="114">
        <v>98477</v>
      </c>
      <c r="CZ14" s="113">
        <v>116282</v>
      </c>
      <c r="DA14" s="110">
        <v>0</v>
      </c>
      <c r="DB14" s="114">
        <v>613061</v>
      </c>
      <c r="DC14" s="114">
        <v>367795</v>
      </c>
      <c r="DD14" s="114">
        <v>370175</v>
      </c>
      <c r="DE14" s="114">
        <v>521695</v>
      </c>
      <c r="DF14" s="114">
        <v>134746</v>
      </c>
      <c r="DG14" s="113">
        <v>2007472</v>
      </c>
      <c r="DH14" s="116">
        <v>2123754</v>
      </c>
      <c r="DI14" s="110">
        <v>0</v>
      </c>
      <c r="DJ14" s="114">
        <v>0</v>
      </c>
      <c r="DK14" s="112">
        <v>0</v>
      </c>
      <c r="DL14" s="111">
        <v>0</v>
      </c>
      <c r="DM14" s="114">
        <v>321760</v>
      </c>
      <c r="DN14" s="114">
        <v>217883</v>
      </c>
      <c r="DO14" s="114">
        <v>243903</v>
      </c>
      <c r="DP14" s="114">
        <v>323988</v>
      </c>
      <c r="DQ14" s="114">
        <v>0</v>
      </c>
      <c r="DR14" s="113">
        <v>1107534</v>
      </c>
      <c r="DS14" s="116">
        <v>1107534</v>
      </c>
      <c r="DT14" s="110">
        <v>0</v>
      </c>
      <c r="DU14" s="114">
        <v>0</v>
      </c>
      <c r="DV14" s="113">
        <v>0</v>
      </c>
      <c r="DW14" s="110">
        <v>0</v>
      </c>
      <c r="DX14" s="114">
        <v>321760</v>
      </c>
      <c r="DY14" s="114">
        <v>217883</v>
      </c>
      <c r="DZ14" s="114">
        <v>243903</v>
      </c>
      <c r="EA14" s="114">
        <v>323988</v>
      </c>
      <c r="EB14" s="114">
        <v>0</v>
      </c>
      <c r="EC14" s="113">
        <v>1107534</v>
      </c>
      <c r="ED14" s="116">
        <v>1107534</v>
      </c>
      <c r="EE14" s="110">
        <v>0</v>
      </c>
      <c r="EF14" s="112">
        <v>0</v>
      </c>
      <c r="EG14" s="113">
        <v>0</v>
      </c>
      <c r="EH14" s="110">
        <v>0</v>
      </c>
      <c r="EI14" s="114">
        <v>0</v>
      </c>
      <c r="EJ14" s="114">
        <v>0</v>
      </c>
      <c r="EK14" s="114">
        <v>0</v>
      </c>
      <c r="EL14" s="114">
        <v>0</v>
      </c>
      <c r="EM14" s="114">
        <v>0</v>
      </c>
      <c r="EN14" s="112">
        <v>0</v>
      </c>
      <c r="EO14" s="116">
        <v>0</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8"/>
      <c r="FE14" s="114">
        <v>0</v>
      </c>
      <c r="FF14" s="114">
        <v>0</v>
      </c>
      <c r="FG14" s="114">
        <v>0</v>
      </c>
      <c r="FH14" s="114">
        <v>0</v>
      </c>
      <c r="FI14" s="114">
        <v>0</v>
      </c>
      <c r="FJ14" s="113">
        <v>0</v>
      </c>
      <c r="FK14" s="116">
        <v>0</v>
      </c>
      <c r="FL14" s="110">
        <v>127358</v>
      </c>
      <c r="FM14" s="114">
        <v>63693</v>
      </c>
      <c r="FN14" s="113">
        <v>191051</v>
      </c>
      <c r="FO14" s="110">
        <v>0</v>
      </c>
      <c r="FP14" s="114">
        <v>363769</v>
      </c>
      <c r="FQ14" s="114">
        <v>498540</v>
      </c>
      <c r="FR14" s="114">
        <v>294399</v>
      </c>
      <c r="FS14" s="114">
        <v>545139</v>
      </c>
      <c r="FT14" s="114">
        <v>232477</v>
      </c>
      <c r="FU14" s="113">
        <v>1934324</v>
      </c>
      <c r="FV14" s="116">
        <v>2125375</v>
      </c>
      <c r="FW14" s="115">
        <v>46858</v>
      </c>
      <c r="FX14" s="114">
        <v>63693</v>
      </c>
      <c r="FY14" s="112">
        <v>110551</v>
      </c>
      <c r="FZ14" s="111">
        <v>0</v>
      </c>
      <c r="GA14" s="114">
        <v>204365</v>
      </c>
      <c r="GB14" s="114">
        <v>468048</v>
      </c>
      <c r="GC14" s="114">
        <v>281449</v>
      </c>
      <c r="GD14" s="114">
        <v>502943</v>
      </c>
      <c r="GE14" s="114">
        <v>232477</v>
      </c>
      <c r="GF14" s="113">
        <v>1689282</v>
      </c>
      <c r="GG14" s="319">
        <v>1799833</v>
      </c>
      <c r="GH14" s="115">
        <v>0</v>
      </c>
      <c r="GI14" s="114">
        <v>0</v>
      </c>
      <c r="GJ14" s="112">
        <v>0</v>
      </c>
      <c r="GK14" s="111">
        <v>0</v>
      </c>
      <c r="GL14" s="114">
        <v>19404</v>
      </c>
      <c r="GM14" s="114">
        <v>30492</v>
      </c>
      <c r="GN14" s="114">
        <v>12950</v>
      </c>
      <c r="GO14" s="114">
        <v>34496</v>
      </c>
      <c r="GP14" s="114">
        <v>0</v>
      </c>
      <c r="GQ14" s="113">
        <v>97342</v>
      </c>
      <c r="GR14" s="116">
        <v>97342</v>
      </c>
      <c r="GS14" s="110">
        <v>80500</v>
      </c>
      <c r="GT14" s="114">
        <v>0</v>
      </c>
      <c r="GU14" s="113">
        <v>80500</v>
      </c>
      <c r="GV14" s="110">
        <v>0</v>
      </c>
      <c r="GW14" s="114">
        <v>140000</v>
      </c>
      <c r="GX14" s="114">
        <v>0</v>
      </c>
      <c r="GY14" s="114">
        <v>0</v>
      </c>
      <c r="GZ14" s="114">
        <v>7700</v>
      </c>
      <c r="HA14" s="114">
        <v>0</v>
      </c>
      <c r="HB14" s="112">
        <v>147700</v>
      </c>
      <c r="HC14" s="116">
        <v>228200</v>
      </c>
      <c r="HD14" s="110">
        <v>289115</v>
      </c>
      <c r="HE14" s="114">
        <v>0</v>
      </c>
      <c r="HF14" s="112">
        <v>289115</v>
      </c>
      <c r="HG14" s="111">
        <v>0</v>
      </c>
      <c r="HH14" s="114">
        <v>1201009</v>
      </c>
      <c r="HI14" s="114">
        <v>1685948</v>
      </c>
      <c r="HJ14" s="114">
        <v>1385214</v>
      </c>
      <c r="HK14" s="114">
        <v>1332580</v>
      </c>
      <c r="HL14" s="114">
        <v>1562456</v>
      </c>
      <c r="HM14" s="113">
        <v>7167207</v>
      </c>
      <c r="HN14" s="109">
        <v>7456322</v>
      </c>
      <c r="HO14" s="329"/>
      <c r="HP14" s="330"/>
      <c r="HQ14" s="331"/>
      <c r="HR14" s="332"/>
      <c r="HS14" s="330"/>
      <c r="HT14" s="330"/>
      <c r="HU14" s="330"/>
      <c r="HV14" s="330"/>
      <c r="HW14" s="330"/>
      <c r="HX14" s="333"/>
      <c r="HY14" s="334"/>
      <c r="HZ14" s="131">
        <v>0</v>
      </c>
      <c r="IA14" s="132">
        <v>0</v>
      </c>
      <c r="IB14" s="133">
        <v>0</v>
      </c>
      <c r="IC14" s="134">
        <v>0</v>
      </c>
      <c r="ID14" s="135">
        <v>1277594</v>
      </c>
      <c r="IE14" s="136">
        <v>1487845</v>
      </c>
      <c r="IF14" s="137">
        <v>695437</v>
      </c>
      <c r="IG14" s="135">
        <v>2094386</v>
      </c>
      <c r="IH14" s="137">
        <v>467132</v>
      </c>
      <c r="II14" s="138">
        <v>6022394</v>
      </c>
      <c r="IJ14" s="139">
        <v>6022394</v>
      </c>
      <c r="IK14" s="232">
        <v>0</v>
      </c>
      <c r="IL14" s="236">
        <v>0</v>
      </c>
      <c r="IM14" s="237">
        <v>0</v>
      </c>
      <c r="IN14" s="140"/>
      <c r="IO14" s="119">
        <v>0</v>
      </c>
      <c r="IP14" s="119">
        <v>0</v>
      </c>
      <c r="IQ14" s="119">
        <v>0</v>
      </c>
      <c r="IR14" s="119">
        <v>408443</v>
      </c>
      <c r="IS14" s="119">
        <v>0</v>
      </c>
      <c r="IT14" s="141">
        <v>408443</v>
      </c>
      <c r="IU14" s="321">
        <v>408443</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088982</v>
      </c>
      <c r="JL14" s="119">
        <v>1003747</v>
      </c>
      <c r="JM14" s="119">
        <v>489522</v>
      </c>
      <c r="JN14" s="119">
        <v>204773</v>
      </c>
      <c r="JO14" s="119">
        <v>202586</v>
      </c>
      <c r="JP14" s="120">
        <v>2989610</v>
      </c>
      <c r="JQ14" s="321">
        <v>2989610</v>
      </c>
      <c r="JR14" s="142">
        <v>0</v>
      </c>
      <c r="JS14" s="119">
        <v>0</v>
      </c>
      <c r="JT14" s="141">
        <v>0</v>
      </c>
      <c r="JU14" s="118">
        <v>0</v>
      </c>
      <c r="JV14" s="119">
        <v>0</v>
      </c>
      <c r="JW14" s="119">
        <v>119783</v>
      </c>
      <c r="JX14" s="119">
        <v>0</v>
      </c>
      <c r="JY14" s="119">
        <v>0</v>
      </c>
      <c r="JZ14" s="119">
        <v>0</v>
      </c>
      <c r="KA14" s="120">
        <v>119783</v>
      </c>
      <c r="KB14" s="321">
        <v>119783</v>
      </c>
      <c r="KC14" s="234">
        <v>0</v>
      </c>
      <c r="KD14" s="230">
        <v>0</v>
      </c>
      <c r="KE14" s="120">
        <v>0</v>
      </c>
      <c r="KF14" s="118">
        <v>0</v>
      </c>
      <c r="KG14" s="119">
        <v>188612</v>
      </c>
      <c r="KH14" s="119">
        <v>0</v>
      </c>
      <c r="KI14" s="119">
        <v>205915</v>
      </c>
      <c r="KJ14" s="119">
        <v>0</v>
      </c>
      <c r="KK14" s="119">
        <v>0</v>
      </c>
      <c r="KL14" s="120">
        <v>394527</v>
      </c>
      <c r="KM14" s="143">
        <v>394527</v>
      </c>
      <c r="KN14" s="232">
        <v>0</v>
      </c>
      <c r="KO14" s="236">
        <v>0</v>
      </c>
      <c r="KP14" s="237">
        <v>0</v>
      </c>
      <c r="KQ14" s="140"/>
      <c r="KR14" s="119">
        <v>0</v>
      </c>
      <c r="KS14" s="119">
        <v>212990</v>
      </c>
      <c r="KT14" s="119">
        <v>0</v>
      </c>
      <c r="KU14" s="119">
        <v>1044240</v>
      </c>
      <c r="KV14" s="119">
        <v>0</v>
      </c>
      <c r="KW14" s="120">
        <v>1257230</v>
      </c>
      <c r="KX14" s="321">
        <v>1257230</v>
      </c>
      <c r="KY14" s="142">
        <v>0</v>
      </c>
      <c r="KZ14" s="119">
        <v>0</v>
      </c>
      <c r="LA14" s="120">
        <v>0</v>
      </c>
      <c r="LB14" s="145"/>
      <c r="LC14" s="119">
        <v>0</v>
      </c>
      <c r="LD14" s="119">
        <v>151325</v>
      </c>
      <c r="LE14" s="119">
        <v>0</v>
      </c>
      <c r="LF14" s="119">
        <v>189501</v>
      </c>
      <c r="LG14" s="119">
        <v>0</v>
      </c>
      <c r="LH14" s="120">
        <v>340826</v>
      </c>
      <c r="LI14" s="121">
        <v>340826</v>
      </c>
      <c r="LJ14" s="142">
        <v>0</v>
      </c>
      <c r="LK14" s="119">
        <v>0</v>
      </c>
      <c r="LL14" s="120">
        <v>0</v>
      </c>
      <c r="LM14" s="145"/>
      <c r="LN14" s="119">
        <v>0</v>
      </c>
      <c r="LO14" s="119">
        <v>0</v>
      </c>
      <c r="LP14" s="119">
        <v>0</v>
      </c>
      <c r="LQ14" s="119">
        <v>247429</v>
      </c>
      <c r="LR14" s="119">
        <v>264546</v>
      </c>
      <c r="LS14" s="120">
        <v>511975</v>
      </c>
      <c r="LT14" s="321">
        <v>511975</v>
      </c>
      <c r="LU14" s="142">
        <v>0</v>
      </c>
      <c r="LV14" s="119">
        <v>0</v>
      </c>
      <c r="LW14" s="120">
        <v>0</v>
      </c>
      <c r="LX14" s="145"/>
      <c r="LY14" s="119">
        <v>0</v>
      </c>
      <c r="LZ14" s="119">
        <v>0</v>
      </c>
      <c r="MA14" s="119">
        <v>0</v>
      </c>
      <c r="MB14" s="119">
        <v>0</v>
      </c>
      <c r="MC14" s="119">
        <v>0</v>
      </c>
      <c r="MD14" s="120">
        <v>0</v>
      </c>
      <c r="ME14" s="121">
        <v>0</v>
      </c>
      <c r="MF14" s="142">
        <v>0</v>
      </c>
      <c r="MG14" s="119">
        <v>0</v>
      </c>
      <c r="MH14" s="120">
        <v>0</v>
      </c>
      <c r="MI14" s="145"/>
      <c r="MJ14" s="119">
        <v>-234</v>
      </c>
      <c r="MK14" s="119">
        <v>550159</v>
      </c>
      <c r="ML14" s="119">
        <v>967750</v>
      </c>
      <c r="MM14" s="119">
        <v>3839192</v>
      </c>
      <c r="MN14" s="119">
        <v>1641614</v>
      </c>
      <c r="MO14" s="120">
        <v>6998481</v>
      </c>
      <c r="MP14" s="143">
        <v>6998481</v>
      </c>
      <c r="MQ14" s="142">
        <v>0</v>
      </c>
      <c r="MR14" s="119">
        <v>0</v>
      </c>
      <c r="MS14" s="120">
        <v>0</v>
      </c>
      <c r="MT14" s="145"/>
      <c r="MU14" s="119">
        <v>-234</v>
      </c>
      <c r="MV14" s="119">
        <v>-482</v>
      </c>
      <c r="MW14" s="119">
        <v>86557</v>
      </c>
      <c r="MX14" s="119">
        <v>1818347</v>
      </c>
      <c r="MY14" s="119">
        <v>1435683</v>
      </c>
      <c r="MZ14" s="120">
        <v>3339871</v>
      </c>
      <c r="NA14" s="143">
        <v>3339871</v>
      </c>
      <c r="NB14" s="142">
        <v>0</v>
      </c>
      <c r="NC14" s="119">
        <v>0</v>
      </c>
      <c r="ND14" s="120">
        <v>0</v>
      </c>
      <c r="NE14" s="145"/>
      <c r="NF14" s="119">
        <v>0</v>
      </c>
      <c r="NG14" s="119">
        <v>550641</v>
      </c>
      <c r="NH14" s="119">
        <v>881193</v>
      </c>
      <c r="NI14" s="119">
        <v>2020845</v>
      </c>
      <c r="NJ14" s="119">
        <v>205931</v>
      </c>
      <c r="NK14" s="120">
        <v>3658610</v>
      </c>
      <c r="NL14" s="321">
        <v>3658610</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0</v>
      </c>
      <c r="OF14" s="119">
        <v>0</v>
      </c>
      <c r="OG14" s="120">
        <v>0</v>
      </c>
      <c r="OH14" s="121">
        <v>0</v>
      </c>
      <c r="OI14" s="142">
        <v>502225</v>
      </c>
      <c r="OJ14" s="119">
        <v>325035</v>
      </c>
      <c r="OK14" s="141">
        <v>827260</v>
      </c>
      <c r="OL14" s="118">
        <v>0</v>
      </c>
      <c r="OM14" s="119">
        <v>5917614</v>
      </c>
      <c r="ON14" s="119">
        <v>8616063</v>
      </c>
      <c r="OO14" s="119">
        <v>5750621</v>
      </c>
      <c r="OP14" s="119">
        <v>11686348</v>
      </c>
      <c r="OQ14" s="119">
        <v>6343014</v>
      </c>
      <c r="OR14" s="120">
        <v>38313660</v>
      </c>
      <c r="OS14" s="143">
        <v>39140920</v>
      </c>
    </row>
    <row r="15" spans="1:409" ht="20.25" customHeight="1" x14ac:dyDescent="0.2">
      <c r="B15" s="126" t="s">
        <v>9</v>
      </c>
      <c r="C15" s="110">
        <v>1585070</v>
      </c>
      <c r="D15" s="114">
        <v>1411777</v>
      </c>
      <c r="E15" s="113">
        <v>2996847</v>
      </c>
      <c r="F15" s="111">
        <v>0</v>
      </c>
      <c r="G15" s="114">
        <v>12224131</v>
      </c>
      <c r="H15" s="114">
        <v>11438550</v>
      </c>
      <c r="I15" s="114">
        <v>11159201</v>
      </c>
      <c r="J15" s="114">
        <v>14579971</v>
      </c>
      <c r="K15" s="114">
        <v>12195041</v>
      </c>
      <c r="L15" s="109">
        <v>61596894</v>
      </c>
      <c r="M15" s="116">
        <v>64593741</v>
      </c>
      <c r="N15" s="110">
        <v>415315</v>
      </c>
      <c r="O15" s="114">
        <v>360286</v>
      </c>
      <c r="P15" s="113">
        <v>775601</v>
      </c>
      <c r="Q15" s="110">
        <v>0</v>
      </c>
      <c r="R15" s="114">
        <v>4513051</v>
      </c>
      <c r="S15" s="114">
        <v>3676584</v>
      </c>
      <c r="T15" s="114">
        <v>4750991</v>
      </c>
      <c r="U15" s="114">
        <v>5698716</v>
      </c>
      <c r="V15" s="114">
        <v>6856472</v>
      </c>
      <c r="W15" s="113">
        <v>25495814</v>
      </c>
      <c r="X15" s="116">
        <v>26271415</v>
      </c>
      <c r="Y15" s="110">
        <v>0</v>
      </c>
      <c r="Z15" s="114">
        <v>0</v>
      </c>
      <c r="AA15" s="113">
        <v>0</v>
      </c>
      <c r="AB15" s="110">
        <v>0</v>
      </c>
      <c r="AC15" s="114">
        <v>1865283</v>
      </c>
      <c r="AD15" s="114">
        <v>1599443</v>
      </c>
      <c r="AE15" s="114">
        <v>2446308</v>
      </c>
      <c r="AF15" s="114">
        <v>3243354</v>
      </c>
      <c r="AG15" s="114">
        <v>4390694</v>
      </c>
      <c r="AH15" s="113">
        <v>13545082</v>
      </c>
      <c r="AI15" s="116">
        <v>13545082</v>
      </c>
      <c r="AJ15" s="110">
        <v>0</v>
      </c>
      <c r="AK15" s="114">
        <v>0</v>
      </c>
      <c r="AL15" s="113">
        <v>0</v>
      </c>
      <c r="AM15" s="110">
        <v>0</v>
      </c>
      <c r="AN15" s="114">
        <v>175839</v>
      </c>
      <c r="AO15" s="114">
        <v>0</v>
      </c>
      <c r="AP15" s="114">
        <v>172301</v>
      </c>
      <c r="AQ15" s="114">
        <v>252645</v>
      </c>
      <c r="AR15" s="114">
        <v>839749</v>
      </c>
      <c r="AS15" s="113">
        <v>1440534</v>
      </c>
      <c r="AT15" s="116">
        <v>1440534</v>
      </c>
      <c r="AU15" s="110">
        <v>244781</v>
      </c>
      <c r="AV15" s="114">
        <v>212998</v>
      </c>
      <c r="AW15" s="113">
        <v>457779</v>
      </c>
      <c r="AX15" s="110">
        <v>0</v>
      </c>
      <c r="AY15" s="114">
        <v>1747384</v>
      </c>
      <c r="AZ15" s="114">
        <v>1113534</v>
      </c>
      <c r="BA15" s="114">
        <v>1203197</v>
      </c>
      <c r="BB15" s="114">
        <v>1269646</v>
      </c>
      <c r="BC15" s="114">
        <v>957219</v>
      </c>
      <c r="BD15" s="113">
        <v>6290980</v>
      </c>
      <c r="BE15" s="116">
        <v>6748759</v>
      </c>
      <c r="BF15" s="110">
        <v>0</v>
      </c>
      <c r="BG15" s="114">
        <v>57856</v>
      </c>
      <c r="BH15" s="112">
        <v>57856</v>
      </c>
      <c r="BI15" s="111">
        <v>0</v>
      </c>
      <c r="BJ15" s="114">
        <v>213244</v>
      </c>
      <c r="BK15" s="114">
        <v>257125</v>
      </c>
      <c r="BL15" s="114">
        <v>232440</v>
      </c>
      <c r="BM15" s="114">
        <v>161363</v>
      </c>
      <c r="BN15" s="114">
        <v>139134</v>
      </c>
      <c r="BO15" s="113">
        <v>1003306</v>
      </c>
      <c r="BP15" s="116">
        <v>1061162</v>
      </c>
      <c r="BQ15" s="110">
        <v>170534</v>
      </c>
      <c r="BR15" s="114">
        <v>89432</v>
      </c>
      <c r="BS15" s="113">
        <v>259966</v>
      </c>
      <c r="BT15" s="110">
        <v>0</v>
      </c>
      <c r="BU15" s="114">
        <v>511301</v>
      </c>
      <c r="BV15" s="114">
        <v>706482</v>
      </c>
      <c r="BW15" s="114">
        <v>696745</v>
      </c>
      <c r="BX15" s="114">
        <v>771708</v>
      </c>
      <c r="BY15" s="114">
        <v>529676</v>
      </c>
      <c r="BZ15" s="113">
        <v>3215912</v>
      </c>
      <c r="CA15" s="116">
        <v>3475878</v>
      </c>
      <c r="CB15" s="110">
        <v>71834</v>
      </c>
      <c r="CC15" s="114">
        <v>261637</v>
      </c>
      <c r="CD15" s="113">
        <v>333471</v>
      </c>
      <c r="CE15" s="110">
        <v>0</v>
      </c>
      <c r="CF15" s="114">
        <v>2186710</v>
      </c>
      <c r="CG15" s="114">
        <v>2313181</v>
      </c>
      <c r="CH15" s="114">
        <v>1447058</v>
      </c>
      <c r="CI15" s="114">
        <v>1194322</v>
      </c>
      <c r="CJ15" s="114">
        <v>512255</v>
      </c>
      <c r="CK15" s="113">
        <v>7653526</v>
      </c>
      <c r="CL15" s="116">
        <v>7986997</v>
      </c>
      <c r="CM15" s="110">
        <v>0</v>
      </c>
      <c r="CN15" s="114">
        <v>0</v>
      </c>
      <c r="CO15" s="113">
        <v>0</v>
      </c>
      <c r="CP15" s="111">
        <v>0</v>
      </c>
      <c r="CQ15" s="114">
        <v>1781729</v>
      </c>
      <c r="CR15" s="114">
        <v>1767275</v>
      </c>
      <c r="CS15" s="114">
        <v>1195535</v>
      </c>
      <c r="CT15" s="114">
        <v>809062</v>
      </c>
      <c r="CU15" s="114">
        <v>447514</v>
      </c>
      <c r="CV15" s="113">
        <v>6001115</v>
      </c>
      <c r="CW15" s="116">
        <v>6001115</v>
      </c>
      <c r="CX15" s="110">
        <v>71834</v>
      </c>
      <c r="CY15" s="114">
        <v>261637</v>
      </c>
      <c r="CZ15" s="113">
        <v>333471</v>
      </c>
      <c r="DA15" s="110">
        <v>0</v>
      </c>
      <c r="DB15" s="114">
        <v>404981</v>
      </c>
      <c r="DC15" s="114">
        <v>545906</v>
      </c>
      <c r="DD15" s="114">
        <v>251523</v>
      </c>
      <c r="DE15" s="114">
        <v>385260</v>
      </c>
      <c r="DF15" s="114">
        <v>64741</v>
      </c>
      <c r="DG15" s="113">
        <v>1652411</v>
      </c>
      <c r="DH15" s="116">
        <v>1985882</v>
      </c>
      <c r="DI15" s="110">
        <v>34533</v>
      </c>
      <c r="DJ15" s="114">
        <v>0</v>
      </c>
      <c r="DK15" s="112">
        <v>34533</v>
      </c>
      <c r="DL15" s="111">
        <v>0</v>
      </c>
      <c r="DM15" s="114">
        <v>236709</v>
      </c>
      <c r="DN15" s="114">
        <v>701126</v>
      </c>
      <c r="DO15" s="114">
        <v>1016416</v>
      </c>
      <c r="DP15" s="114">
        <v>1102809</v>
      </c>
      <c r="DQ15" s="114">
        <v>546341</v>
      </c>
      <c r="DR15" s="113">
        <v>3603401</v>
      </c>
      <c r="DS15" s="116">
        <v>3637934</v>
      </c>
      <c r="DT15" s="110">
        <v>0</v>
      </c>
      <c r="DU15" s="114">
        <v>0</v>
      </c>
      <c r="DV15" s="113">
        <v>0</v>
      </c>
      <c r="DW15" s="110">
        <v>0</v>
      </c>
      <c r="DX15" s="114">
        <v>236709</v>
      </c>
      <c r="DY15" s="114">
        <v>673420</v>
      </c>
      <c r="DZ15" s="114">
        <v>802959</v>
      </c>
      <c r="EA15" s="114">
        <v>1102809</v>
      </c>
      <c r="EB15" s="114">
        <v>413162</v>
      </c>
      <c r="EC15" s="113">
        <v>3229059</v>
      </c>
      <c r="ED15" s="116">
        <v>3229059</v>
      </c>
      <c r="EE15" s="110">
        <v>34533</v>
      </c>
      <c r="EF15" s="112">
        <v>0</v>
      </c>
      <c r="EG15" s="113">
        <v>34533</v>
      </c>
      <c r="EH15" s="110">
        <v>0</v>
      </c>
      <c r="EI15" s="114">
        <v>0</v>
      </c>
      <c r="EJ15" s="114">
        <v>27706</v>
      </c>
      <c r="EK15" s="114">
        <v>213457</v>
      </c>
      <c r="EL15" s="114">
        <v>0</v>
      </c>
      <c r="EM15" s="114">
        <v>133179</v>
      </c>
      <c r="EN15" s="112">
        <v>374342</v>
      </c>
      <c r="EO15" s="116">
        <v>408875</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8"/>
      <c r="FE15" s="114">
        <v>0</v>
      </c>
      <c r="FF15" s="114">
        <v>0</v>
      </c>
      <c r="FG15" s="114">
        <v>0</v>
      </c>
      <c r="FH15" s="114">
        <v>0</v>
      </c>
      <c r="FI15" s="114">
        <v>0</v>
      </c>
      <c r="FJ15" s="113">
        <v>0</v>
      </c>
      <c r="FK15" s="116">
        <v>0</v>
      </c>
      <c r="FL15" s="110">
        <v>394905</v>
      </c>
      <c r="FM15" s="114">
        <v>214184</v>
      </c>
      <c r="FN15" s="113">
        <v>609089</v>
      </c>
      <c r="FO15" s="110">
        <v>0</v>
      </c>
      <c r="FP15" s="114">
        <v>713454</v>
      </c>
      <c r="FQ15" s="114">
        <v>1174733</v>
      </c>
      <c r="FR15" s="114">
        <v>936341</v>
      </c>
      <c r="FS15" s="114">
        <v>1190406</v>
      </c>
      <c r="FT15" s="114">
        <v>713251</v>
      </c>
      <c r="FU15" s="113">
        <v>4728185</v>
      </c>
      <c r="FV15" s="116">
        <v>5337274</v>
      </c>
      <c r="FW15" s="115">
        <v>145810</v>
      </c>
      <c r="FX15" s="114">
        <v>166584</v>
      </c>
      <c r="FY15" s="112">
        <v>312394</v>
      </c>
      <c r="FZ15" s="111">
        <v>0</v>
      </c>
      <c r="GA15" s="114">
        <v>576898</v>
      </c>
      <c r="GB15" s="114">
        <v>1089529</v>
      </c>
      <c r="GC15" s="114">
        <v>917441</v>
      </c>
      <c r="GD15" s="114">
        <v>1134686</v>
      </c>
      <c r="GE15" s="114">
        <v>713251</v>
      </c>
      <c r="GF15" s="113">
        <v>4431805</v>
      </c>
      <c r="GG15" s="319">
        <v>4744199</v>
      </c>
      <c r="GH15" s="115">
        <v>14245</v>
      </c>
      <c r="GI15" s="114">
        <v>0</v>
      </c>
      <c r="GJ15" s="112">
        <v>14245</v>
      </c>
      <c r="GK15" s="111">
        <v>0</v>
      </c>
      <c r="GL15" s="114">
        <v>36806</v>
      </c>
      <c r="GM15" s="114">
        <v>11704</v>
      </c>
      <c r="GN15" s="114">
        <v>18900</v>
      </c>
      <c r="GO15" s="114">
        <v>43120</v>
      </c>
      <c r="GP15" s="114">
        <v>0</v>
      </c>
      <c r="GQ15" s="113">
        <v>110530</v>
      </c>
      <c r="GR15" s="116">
        <v>124775</v>
      </c>
      <c r="GS15" s="110">
        <v>234850</v>
      </c>
      <c r="GT15" s="114">
        <v>47600</v>
      </c>
      <c r="GU15" s="113">
        <v>282450</v>
      </c>
      <c r="GV15" s="110">
        <v>0</v>
      </c>
      <c r="GW15" s="114">
        <v>99750</v>
      </c>
      <c r="GX15" s="114">
        <v>73500</v>
      </c>
      <c r="GY15" s="114">
        <v>0</v>
      </c>
      <c r="GZ15" s="114">
        <v>12600</v>
      </c>
      <c r="HA15" s="114">
        <v>0</v>
      </c>
      <c r="HB15" s="112">
        <v>185850</v>
      </c>
      <c r="HC15" s="116">
        <v>468300</v>
      </c>
      <c r="HD15" s="110">
        <v>668483</v>
      </c>
      <c r="HE15" s="114">
        <v>575670</v>
      </c>
      <c r="HF15" s="112">
        <v>1244153</v>
      </c>
      <c r="HG15" s="111">
        <v>0</v>
      </c>
      <c r="HH15" s="114">
        <v>4574207</v>
      </c>
      <c r="HI15" s="114">
        <v>3572926</v>
      </c>
      <c r="HJ15" s="114">
        <v>3008395</v>
      </c>
      <c r="HK15" s="114">
        <v>5393718</v>
      </c>
      <c r="HL15" s="114">
        <v>3566722</v>
      </c>
      <c r="HM15" s="113">
        <v>20115968</v>
      </c>
      <c r="HN15" s="109">
        <v>21360121</v>
      </c>
      <c r="HO15" s="329"/>
      <c r="HP15" s="330"/>
      <c r="HQ15" s="331"/>
      <c r="HR15" s="332"/>
      <c r="HS15" s="330"/>
      <c r="HT15" s="330"/>
      <c r="HU15" s="330"/>
      <c r="HV15" s="330"/>
      <c r="HW15" s="330"/>
      <c r="HX15" s="333"/>
      <c r="HY15" s="334"/>
      <c r="HZ15" s="128">
        <v>37821</v>
      </c>
      <c r="IA15" s="149">
        <v>0</v>
      </c>
      <c r="IB15" s="129">
        <v>37821</v>
      </c>
      <c r="IC15" s="146">
        <v>0</v>
      </c>
      <c r="ID15" s="132">
        <v>1953307</v>
      </c>
      <c r="IE15" s="147">
        <v>3264705</v>
      </c>
      <c r="IF15" s="133">
        <v>3169483</v>
      </c>
      <c r="IG15" s="132">
        <v>3316676</v>
      </c>
      <c r="IH15" s="133">
        <v>910813</v>
      </c>
      <c r="II15" s="148">
        <v>12614984</v>
      </c>
      <c r="IJ15" s="130">
        <v>12652805</v>
      </c>
      <c r="IK15" s="232">
        <v>0</v>
      </c>
      <c r="IL15" s="236">
        <v>0</v>
      </c>
      <c r="IM15" s="237">
        <v>0</v>
      </c>
      <c r="IN15" s="140"/>
      <c r="IO15" s="119">
        <v>0</v>
      </c>
      <c r="IP15" s="119">
        <v>101846</v>
      </c>
      <c r="IQ15" s="119">
        <v>0</v>
      </c>
      <c r="IR15" s="119">
        <v>614435</v>
      </c>
      <c r="IS15" s="119">
        <v>0</v>
      </c>
      <c r="IT15" s="141">
        <v>716281</v>
      </c>
      <c r="IU15" s="321">
        <v>716281</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289271</v>
      </c>
      <c r="JL15" s="119">
        <v>1390074</v>
      </c>
      <c r="JM15" s="119">
        <v>1159859</v>
      </c>
      <c r="JN15" s="119">
        <v>351371</v>
      </c>
      <c r="JO15" s="119">
        <v>41977</v>
      </c>
      <c r="JP15" s="120">
        <v>4232552</v>
      </c>
      <c r="JQ15" s="321">
        <v>4232552</v>
      </c>
      <c r="JR15" s="142">
        <v>0</v>
      </c>
      <c r="JS15" s="119">
        <v>0</v>
      </c>
      <c r="JT15" s="141">
        <v>0</v>
      </c>
      <c r="JU15" s="118">
        <v>0</v>
      </c>
      <c r="JV15" s="119">
        <v>153717</v>
      </c>
      <c r="JW15" s="119">
        <v>0</v>
      </c>
      <c r="JX15" s="119">
        <v>181420</v>
      </c>
      <c r="JY15" s="119">
        <v>0</v>
      </c>
      <c r="JZ15" s="119">
        <v>112668</v>
      </c>
      <c r="KA15" s="120">
        <v>447805</v>
      </c>
      <c r="KB15" s="321">
        <v>447805</v>
      </c>
      <c r="KC15" s="234">
        <v>37821</v>
      </c>
      <c r="KD15" s="230">
        <v>0</v>
      </c>
      <c r="KE15" s="120">
        <v>37821</v>
      </c>
      <c r="KF15" s="118">
        <v>0</v>
      </c>
      <c r="KG15" s="119">
        <v>510319</v>
      </c>
      <c r="KH15" s="119">
        <v>278312</v>
      </c>
      <c r="KI15" s="119">
        <v>408918</v>
      </c>
      <c r="KJ15" s="119">
        <v>902394</v>
      </c>
      <c r="KK15" s="119">
        <v>243509</v>
      </c>
      <c r="KL15" s="120">
        <v>2343452</v>
      </c>
      <c r="KM15" s="143">
        <v>2381273</v>
      </c>
      <c r="KN15" s="232">
        <v>0</v>
      </c>
      <c r="KO15" s="236">
        <v>0</v>
      </c>
      <c r="KP15" s="237">
        <v>0</v>
      </c>
      <c r="KQ15" s="140"/>
      <c r="KR15" s="119">
        <v>0</v>
      </c>
      <c r="KS15" s="119">
        <v>1016874</v>
      </c>
      <c r="KT15" s="119">
        <v>982433</v>
      </c>
      <c r="KU15" s="119">
        <v>670767</v>
      </c>
      <c r="KV15" s="119">
        <v>232398</v>
      </c>
      <c r="KW15" s="120">
        <v>2902472</v>
      </c>
      <c r="KX15" s="321">
        <v>2902472</v>
      </c>
      <c r="KY15" s="142">
        <v>0</v>
      </c>
      <c r="KZ15" s="119">
        <v>0</v>
      </c>
      <c r="LA15" s="120">
        <v>0</v>
      </c>
      <c r="LB15" s="145"/>
      <c r="LC15" s="119">
        <v>0</v>
      </c>
      <c r="LD15" s="119">
        <v>315844</v>
      </c>
      <c r="LE15" s="119">
        <v>0</v>
      </c>
      <c r="LF15" s="119">
        <v>192155</v>
      </c>
      <c r="LG15" s="119">
        <v>0</v>
      </c>
      <c r="LH15" s="120">
        <v>507999</v>
      </c>
      <c r="LI15" s="121">
        <v>507999</v>
      </c>
      <c r="LJ15" s="142">
        <v>0</v>
      </c>
      <c r="LK15" s="119">
        <v>0</v>
      </c>
      <c r="LL15" s="120">
        <v>0</v>
      </c>
      <c r="LM15" s="145"/>
      <c r="LN15" s="119">
        <v>0</v>
      </c>
      <c r="LO15" s="119">
        <v>0</v>
      </c>
      <c r="LP15" s="119">
        <v>0</v>
      </c>
      <c r="LQ15" s="119">
        <v>0</v>
      </c>
      <c r="LR15" s="119">
        <v>0</v>
      </c>
      <c r="LS15" s="120">
        <v>0</v>
      </c>
      <c r="LT15" s="321">
        <v>0</v>
      </c>
      <c r="LU15" s="142">
        <v>0</v>
      </c>
      <c r="LV15" s="119">
        <v>0</v>
      </c>
      <c r="LW15" s="120">
        <v>0</v>
      </c>
      <c r="LX15" s="145"/>
      <c r="LY15" s="119">
        <v>0</v>
      </c>
      <c r="LZ15" s="119">
        <v>161755</v>
      </c>
      <c r="MA15" s="119">
        <v>436853</v>
      </c>
      <c r="MB15" s="119">
        <v>585554</v>
      </c>
      <c r="MC15" s="119">
        <v>280261</v>
      </c>
      <c r="MD15" s="120">
        <v>1464423</v>
      </c>
      <c r="ME15" s="121">
        <v>1464423</v>
      </c>
      <c r="MF15" s="142">
        <v>0</v>
      </c>
      <c r="MG15" s="119">
        <v>0</v>
      </c>
      <c r="MH15" s="120">
        <v>0</v>
      </c>
      <c r="MI15" s="145"/>
      <c r="MJ15" s="119">
        <v>447434</v>
      </c>
      <c r="MK15" s="119">
        <v>732007</v>
      </c>
      <c r="ML15" s="119">
        <v>3376433</v>
      </c>
      <c r="MM15" s="119">
        <v>5509518</v>
      </c>
      <c r="MN15" s="119">
        <v>5222230</v>
      </c>
      <c r="MO15" s="120">
        <v>15287622</v>
      </c>
      <c r="MP15" s="143">
        <v>15287622</v>
      </c>
      <c r="MQ15" s="142">
        <v>0</v>
      </c>
      <c r="MR15" s="119">
        <v>0</v>
      </c>
      <c r="MS15" s="120">
        <v>0</v>
      </c>
      <c r="MT15" s="145"/>
      <c r="MU15" s="119">
        <v>0</v>
      </c>
      <c r="MV15" s="119">
        <v>0</v>
      </c>
      <c r="MW15" s="119">
        <v>1305259</v>
      </c>
      <c r="MX15" s="119">
        <v>4150391</v>
      </c>
      <c r="MY15" s="119">
        <v>3577402</v>
      </c>
      <c r="MZ15" s="120">
        <v>9033052</v>
      </c>
      <c r="NA15" s="143">
        <v>9033052</v>
      </c>
      <c r="NB15" s="142">
        <v>0</v>
      </c>
      <c r="NC15" s="119">
        <v>0</v>
      </c>
      <c r="ND15" s="120">
        <v>0</v>
      </c>
      <c r="NE15" s="145"/>
      <c r="NF15" s="119">
        <v>447434</v>
      </c>
      <c r="NG15" s="119">
        <v>732007</v>
      </c>
      <c r="NH15" s="119">
        <v>2071174</v>
      </c>
      <c r="NI15" s="119">
        <v>1359127</v>
      </c>
      <c r="NJ15" s="119">
        <v>1644828</v>
      </c>
      <c r="NK15" s="120">
        <v>6254570</v>
      </c>
      <c r="NL15" s="321">
        <v>6254570</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0</v>
      </c>
      <c r="OF15" s="119">
        <v>0</v>
      </c>
      <c r="OG15" s="120">
        <v>0</v>
      </c>
      <c r="OH15" s="121">
        <v>0</v>
      </c>
      <c r="OI15" s="142">
        <v>1622891</v>
      </c>
      <c r="OJ15" s="119">
        <v>1411777</v>
      </c>
      <c r="OK15" s="141">
        <v>3034668</v>
      </c>
      <c r="OL15" s="118">
        <v>0</v>
      </c>
      <c r="OM15" s="119">
        <v>14624872</v>
      </c>
      <c r="ON15" s="119">
        <v>15435262</v>
      </c>
      <c r="OO15" s="119">
        <v>17705117</v>
      </c>
      <c r="OP15" s="119">
        <v>23406165</v>
      </c>
      <c r="OQ15" s="119">
        <v>18328084</v>
      </c>
      <c r="OR15" s="120">
        <v>89499500</v>
      </c>
      <c r="OS15" s="143">
        <v>92534168</v>
      </c>
    </row>
    <row r="16" spans="1:409" ht="20.25" customHeight="1" x14ac:dyDescent="0.2">
      <c r="B16" s="126" t="s">
        <v>10</v>
      </c>
      <c r="C16" s="110">
        <v>1347289</v>
      </c>
      <c r="D16" s="114">
        <v>2078958</v>
      </c>
      <c r="E16" s="113">
        <v>3426247</v>
      </c>
      <c r="F16" s="172">
        <v>0</v>
      </c>
      <c r="G16" s="114">
        <v>17237452</v>
      </c>
      <c r="H16" s="114">
        <v>14107981</v>
      </c>
      <c r="I16" s="114">
        <v>13996656</v>
      </c>
      <c r="J16" s="114">
        <v>14576098</v>
      </c>
      <c r="K16" s="114">
        <v>12090730</v>
      </c>
      <c r="L16" s="109">
        <v>72008917</v>
      </c>
      <c r="M16" s="116">
        <v>75435164</v>
      </c>
      <c r="N16" s="110">
        <v>432467</v>
      </c>
      <c r="O16" s="114">
        <v>806267</v>
      </c>
      <c r="P16" s="113">
        <v>1238734</v>
      </c>
      <c r="Q16" s="110">
        <v>0</v>
      </c>
      <c r="R16" s="114">
        <v>5900571</v>
      </c>
      <c r="S16" s="114">
        <v>4537480</v>
      </c>
      <c r="T16" s="114">
        <v>4661022</v>
      </c>
      <c r="U16" s="114">
        <v>6336985</v>
      </c>
      <c r="V16" s="114">
        <v>6466172</v>
      </c>
      <c r="W16" s="113">
        <v>27902230</v>
      </c>
      <c r="X16" s="116">
        <v>29140964</v>
      </c>
      <c r="Y16" s="110">
        <v>0</v>
      </c>
      <c r="Z16" s="114">
        <v>0</v>
      </c>
      <c r="AA16" s="113">
        <v>0</v>
      </c>
      <c r="AB16" s="110">
        <v>0</v>
      </c>
      <c r="AC16" s="114">
        <v>3031768</v>
      </c>
      <c r="AD16" s="114">
        <v>2512549</v>
      </c>
      <c r="AE16" s="114">
        <v>2906784</v>
      </c>
      <c r="AF16" s="114">
        <v>4090930</v>
      </c>
      <c r="AG16" s="114">
        <v>3816052</v>
      </c>
      <c r="AH16" s="113">
        <v>16358083</v>
      </c>
      <c r="AI16" s="116">
        <v>16358083</v>
      </c>
      <c r="AJ16" s="110">
        <v>0</v>
      </c>
      <c r="AK16" s="114">
        <v>0</v>
      </c>
      <c r="AL16" s="113">
        <v>0</v>
      </c>
      <c r="AM16" s="110">
        <v>0</v>
      </c>
      <c r="AN16" s="114">
        <v>69763</v>
      </c>
      <c r="AO16" s="114">
        <v>0</v>
      </c>
      <c r="AP16" s="114">
        <v>0</v>
      </c>
      <c r="AQ16" s="114">
        <v>133046</v>
      </c>
      <c r="AR16" s="114">
        <v>561116</v>
      </c>
      <c r="AS16" s="113">
        <v>763925</v>
      </c>
      <c r="AT16" s="116">
        <v>763925</v>
      </c>
      <c r="AU16" s="110">
        <v>209323</v>
      </c>
      <c r="AV16" s="114">
        <v>522627</v>
      </c>
      <c r="AW16" s="113">
        <v>731950</v>
      </c>
      <c r="AX16" s="110">
        <v>0</v>
      </c>
      <c r="AY16" s="114">
        <v>1592334</v>
      </c>
      <c r="AZ16" s="114">
        <v>1013470</v>
      </c>
      <c r="BA16" s="114">
        <v>803954</v>
      </c>
      <c r="BB16" s="114">
        <v>1053201</v>
      </c>
      <c r="BC16" s="114">
        <v>1050485</v>
      </c>
      <c r="BD16" s="113">
        <v>5513444</v>
      </c>
      <c r="BE16" s="116">
        <v>6245394</v>
      </c>
      <c r="BF16" s="110">
        <v>40696</v>
      </c>
      <c r="BG16" s="114">
        <v>132342</v>
      </c>
      <c r="BH16" s="112">
        <v>173038</v>
      </c>
      <c r="BI16" s="111">
        <v>0</v>
      </c>
      <c r="BJ16" s="114">
        <v>140823</v>
      </c>
      <c r="BK16" s="114">
        <v>160128</v>
      </c>
      <c r="BL16" s="114">
        <v>120126</v>
      </c>
      <c r="BM16" s="114">
        <v>140071</v>
      </c>
      <c r="BN16" s="114">
        <v>72596</v>
      </c>
      <c r="BO16" s="113">
        <v>633744</v>
      </c>
      <c r="BP16" s="116">
        <v>806782</v>
      </c>
      <c r="BQ16" s="110">
        <v>182448</v>
      </c>
      <c r="BR16" s="114">
        <v>151298</v>
      </c>
      <c r="BS16" s="113">
        <v>333746</v>
      </c>
      <c r="BT16" s="110">
        <v>0</v>
      </c>
      <c r="BU16" s="114">
        <v>1065883</v>
      </c>
      <c r="BV16" s="114">
        <v>851333</v>
      </c>
      <c r="BW16" s="114">
        <v>830158</v>
      </c>
      <c r="BX16" s="114">
        <v>919737</v>
      </c>
      <c r="BY16" s="114">
        <v>965923</v>
      </c>
      <c r="BZ16" s="113">
        <v>4633034</v>
      </c>
      <c r="CA16" s="116">
        <v>4966780</v>
      </c>
      <c r="CB16" s="110">
        <v>71059</v>
      </c>
      <c r="CC16" s="114">
        <v>169057</v>
      </c>
      <c r="CD16" s="113">
        <v>240116</v>
      </c>
      <c r="CE16" s="110">
        <v>0</v>
      </c>
      <c r="CF16" s="114">
        <v>5656683</v>
      </c>
      <c r="CG16" s="114">
        <v>3745629</v>
      </c>
      <c r="CH16" s="114">
        <v>2602356</v>
      </c>
      <c r="CI16" s="114">
        <v>1214549</v>
      </c>
      <c r="CJ16" s="114">
        <v>423267</v>
      </c>
      <c r="CK16" s="113">
        <v>13642484</v>
      </c>
      <c r="CL16" s="116">
        <v>13882600</v>
      </c>
      <c r="CM16" s="110">
        <v>0</v>
      </c>
      <c r="CN16" s="114">
        <v>0</v>
      </c>
      <c r="CO16" s="113">
        <v>0</v>
      </c>
      <c r="CP16" s="111">
        <v>0</v>
      </c>
      <c r="CQ16" s="114">
        <v>4999239</v>
      </c>
      <c r="CR16" s="114">
        <v>3266241</v>
      </c>
      <c r="CS16" s="114">
        <v>2011534</v>
      </c>
      <c r="CT16" s="114">
        <v>890369</v>
      </c>
      <c r="CU16" s="114">
        <v>326178</v>
      </c>
      <c r="CV16" s="113">
        <v>11493561</v>
      </c>
      <c r="CW16" s="116">
        <v>11493561</v>
      </c>
      <c r="CX16" s="110">
        <v>71059</v>
      </c>
      <c r="CY16" s="114">
        <v>169057</v>
      </c>
      <c r="CZ16" s="113">
        <v>240116</v>
      </c>
      <c r="DA16" s="110">
        <v>0</v>
      </c>
      <c r="DB16" s="114">
        <v>657444</v>
      </c>
      <c r="DC16" s="114">
        <v>479388</v>
      </c>
      <c r="DD16" s="114">
        <v>590822</v>
      </c>
      <c r="DE16" s="114">
        <v>324180</v>
      </c>
      <c r="DF16" s="114">
        <v>97089</v>
      </c>
      <c r="DG16" s="113">
        <v>2148923</v>
      </c>
      <c r="DH16" s="116">
        <v>2389039</v>
      </c>
      <c r="DI16" s="110">
        <v>14580</v>
      </c>
      <c r="DJ16" s="114">
        <v>85310</v>
      </c>
      <c r="DK16" s="112">
        <v>99890</v>
      </c>
      <c r="DL16" s="111">
        <v>0</v>
      </c>
      <c r="DM16" s="114">
        <v>573655</v>
      </c>
      <c r="DN16" s="114">
        <v>387242</v>
      </c>
      <c r="DO16" s="114">
        <v>1099448</v>
      </c>
      <c r="DP16" s="114">
        <v>605440</v>
      </c>
      <c r="DQ16" s="114">
        <v>501218</v>
      </c>
      <c r="DR16" s="113">
        <v>3167003</v>
      </c>
      <c r="DS16" s="116">
        <v>3266893</v>
      </c>
      <c r="DT16" s="110">
        <v>14580</v>
      </c>
      <c r="DU16" s="114">
        <v>85310</v>
      </c>
      <c r="DV16" s="113">
        <v>99890</v>
      </c>
      <c r="DW16" s="110">
        <v>0</v>
      </c>
      <c r="DX16" s="114">
        <v>520291</v>
      </c>
      <c r="DY16" s="114">
        <v>251852</v>
      </c>
      <c r="DZ16" s="114">
        <v>1099448</v>
      </c>
      <c r="EA16" s="114">
        <v>605440</v>
      </c>
      <c r="EB16" s="114">
        <v>501218</v>
      </c>
      <c r="EC16" s="113">
        <v>2978249</v>
      </c>
      <c r="ED16" s="116">
        <v>3078139</v>
      </c>
      <c r="EE16" s="110">
        <v>0</v>
      </c>
      <c r="EF16" s="112">
        <v>0</v>
      </c>
      <c r="EG16" s="113">
        <v>0</v>
      </c>
      <c r="EH16" s="110">
        <v>0</v>
      </c>
      <c r="EI16" s="114">
        <v>53364</v>
      </c>
      <c r="EJ16" s="114">
        <v>135390</v>
      </c>
      <c r="EK16" s="114">
        <v>0</v>
      </c>
      <c r="EL16" s="114">
        <v>0</v>
      </c>
      <c r="EM16" s="114">
        <v>0</v>
      </c>
      <c r="EN16" s="112">
        <v>188754</v>
      </c>
      <c r="EO16" s="116">
        <v>188754</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8"/>
      <c r="FE16" s="114">
        <v>0</v>
      </c>
      <c r="FF16" s="114">
        <v>0</v>
      </c>
      <c r="FG16" s="114">
        <v>0</v>
      </c>
      <c r="FH16" s="114">
        <v>0</v>
      </c>
      <c r="FI16" s="114">
        <v>0</v>
      </c>
      <c r="FJ16" s="113">
        <v>0</v>
      </c>
      <c r="FK16" s="116">
        <v>0</v>
      </c>
      <c r="FL16" s="110">
        <v>334451</v>
      </c>
      <c r="FM16" s="114">
        <v>471471</v>
      </c>
      <c r="FN16" s="113">
        <v>805922</v>
      </c>
      <c r="FO16" s="110">
        <v>0</v>
      </c>
      <c r="FP16" s="114">
        <v>915222</v>
      </c>
      <c r="FQ16" s="114">
        <v>1222438</v>
      </c>
      <c r="FR16" s="114">
        <v>824929</v>
      </c>
      <c r="FS16" s="114">
        <v>905261</v>
      </c>
      <c r="FT16" s="114">
        <v>899549</v>
      </c>
      <c r="FU16" s="113">
        <v>4767399</v>
      </c>
      <c r="FV16" s="116">
        <v>5573321</v>
      </c>
      <c r="FW16" s="115">
        <v>228970</v>
      </c>
      <c r="FX16" s="114">
        <v>370111</v>
      </c>
      <c r="FY16" s="112">
        <v>599081</v>
      </c>
      <c r="FZ16" s="111">
        <v>0</v>
      </c>
      <c r="GA16" s="114">
        <v>762622</v>
      </c>
      <c r="GB16" s="114">
        <v>1222438</v>
      </c>
      <c r="GC16" s="114">
        <v>824929</v>
      </c>
      <c r="GD16" s="114">
        <v>905261</v>
      </c>
      <c r="GE16" s="114">
        <v>817159</v>
      </c>
      <c r="GF16" s="113">
        <v>4532409</v>
      </c>
      <c r="GG16" s="319">
        <v>5131490</v>
      </c>
      <c r="GH16" s="115">
        <v>62291</v>
      </c>
      <c r="GI16" s="114">
        <v>0</v>
      </c>
      <c r="GJ16" s="112">
        <v>62291</v>
      </c>
      <c r="GK16" s="111">
        <v>0</v>
      </c>
      <c r="GL16" s="114">
        <v>0</v>
      </c>
      <c r="GM16" s="114">
        <v>0</v>
      </c>
      <c r="GN16" s="114">
        <v>0</v>
      </c>
      <c r="GO16" s="114">
        <v>0</v>
      </c>
      <c r="GP16" s="114">
        <v>0</v>
      </c>
      <c r="GQ16" s="113">
        <v>0</v>
      </c>
      <c r="GR16" s="116">
        <v>62291</v>
      </c>
      <c r="GS16" s="110">
        <v>43190</v>
      </c>
      <c r="GT16" s="114">
        <v>101360</v>
      </c>
      <c r="GU16" s="113">
        <v>144550</v>
      </c>
      <c r="GV16" s="110">
        <v>0</v>
      </c>
      <c r="GW16" s="114">
        <v>152600</v>
      </c>
      <c r="GX16" s="114">
        <v>0</v>
      </c>
      <c r="GY16" s="114">
        <v>0</v>
      </c>
      <c r="GZ16" s="114">
        <v>0</v>
      </c>
      <c r="HA16" s="114">
        <v>82390</v>
      </c>
      <c r="HB16" s="112">
        <v>234990</v>
      </c>
      <c r="HC16" s="116">
        <v>379540</v>
      </c>
      <c r="HD16" s="110">
        <v>494732</v>
      </c>
      <c r="HE16" s="114">
        <v>546853</v>
      </c>
      <c r="HF16" s="112">
        <v>1041585</v>
      </c>
      <c r="HG16" s="111">
        <v>0</v>
      </c>
      <c r="HH16" s="114">
        <v>4191321</v>
      </c>
      <c r="HI16" s="114">
        <v>4215192</v>
      </c>
      <c r="HJ16" s="114">
        <v>4808901</v>
      </c>
      <c r="HK16" s="114">
        <v>5513863</v>
      </c>
      <c r="HL16" s="114">
        <v>3800524</v>
      </c>
      <c r="HM16" s="113">
        <v>22529801</v>
      </c>
      <c r="HN16" s="109">
        <v>23571386</v>
      </c>
      <c r="HO16" s="329"/>
      <c r="HP16" s="330"/>
      <c r="HQ16" s="331"/>
      <c r="HR16" s="332"/>
      <c r="HS16" s="330"/>
      <c r="HT16" s="330"/>
      <c r="HU16" s="330"/>
      <c r="HV16" s="330"/>
      <c r="HW16" s="330"/>
      <c r="HX16" s="333"/>
      <c r="HY16" s="334"/>
      <c r="HZ16" s="150">
        <v>82454</v>
      </c>
      <c r="IA16" s="135">
        <v>127569</v>
      </c>
      <c r="IB16" s="150">
        <v>210023</v>
      </c>
      <c r="IC16" s="134">
        <v>0</v>
      </c>
      <c r="ID16" s="135">
        <v>3542281</v>
      </c>
      <c r="IE16" s="136">
        <v>3357762</v>
      </c>
      <c r="IF16" s="137">
        <v>4074187</v>
      </c>
      <c r="IG16" s="135">
        <v>3023312</v>
      </c>
      <c r="IH16" s="137">
        <v>5595619</v>
      </c>
      <c r="II16" s="138">
        <v>19593161</v>
      </c>
      <c r="IJ16" s="150">
        <v>19803184</v>
      </c>
      <c r="IK16" s="232">
        <v>0</v>
      </c>
      <c r="IL16" s="236">
        <v>0</v>
      </c>
      <c r="IM16" s="237">
        <v>0</v>
      </c>
      <c r="IN16" s="140"/>
      <c r="IO16" s="119">
        <v>152904</v>
      </c>
      <c r="IP16" s="119">
        <v>210126</v>
      </c>
      <c r="IQ16" s="119">
        <v>0</v>
      </c>
      <c r="IR16" s="119">
        <v>200011</v>
      </c>
      <c r="IS16" s="119">
        <v>0</v>
      </c>
      <c r="IT16" s="141">
        <v>563041</v>
      </c>
      <c r="IU16" s="321">
        <v>563041</v>
      </c>
      <c r="IV16" s="142">
        <v>0</v>
      </c>
      <c r="IW16" s="119">
        <v>0</v>
      </c>
      <c r="IX16" s="120">
        <v>0</v>
      </c>
      <c r="IY16" s="144"/>
      <c r="IZ16" s="119">
        <v>0</v>
      </c>
      <c r="JA16" s="119">
        <v>0</v>
      </c>
      <c r="JB16" s="119">
        <v>9165</v>
      </c>
      <c r="JC16" s="119">
        <v>0</v>
      </c>
      <c r="JD16" s="119">
        <v>0</v>
      </c>
      <c r="JE16" s="120">
        <v>9165</v>
      </c>
      <c r="JF16" s="121">
        <v>9165</v>
      </c>
      <c r="JG16" s="142">
        <v>0</v>
      </c>
      <c r="JH16" s="119">
        <v>0</v>
      </c>
      <c r="JI16" s="141">
        <v>0</v>
      </c>
      <c r="JJ16" s="118">
        <v>0</v>
      </c>
      <c r="JK16" s="119">
        <v>1399759</v>
      </c>
      <c r="JL16" s="119">
        <v>609411</v>
      </c>
      <c r="JM16" s="119">
        <v>409064</v>
      </c>
      <c r="JN16" s="119">
        <v>301677</v>
      </c>
      <c r="JO16" s="119">
        <v>223102</v>
      </c>
      <c r="JP16" s="120">
        <v>2943013</v>
      </c>
      <c r="JQ16" s="321">
        <v>2943013</v>
      </c>
      <c r="JR16" s="142">
        <v>0</v>
      </c>
      <c r="JS16" s="119">
        <v>0</v>
      </c>
      <c r="JT16" s="141">
        <v>0</v>
      </c>
      <c r="JU16" s="118">
        <v>0</v>
      </c>
      <c r="JV16" s="119">
        <v>140552</v>
      </c>
      <c r="JW16" s="119">
        <v>183684</v>
      </c>
      <c r="JX16" s="119">
        <v>111586</v>
      </c>
      <c r="JY16" s="119">
        <v>0</v>
      </c>
      <c r="JZ16" s="119">
        <v>19915</v>
      </c>
      <c r="KA16" s="120">
        <v>455737</v>
      </c>
      <c r="KB16" s="321">
        <v>455737</v>
      </c>
      <c r="KC16" s="234">
        <v>82454</v>
      </c>
      <c r="KD16" s="230">
        <v>127569</v>
      </c>
      <c r="KE16" s="120">
        <v>210023</v>
      </c>
      <c r="KF16" s="118">
        <v>0</v>
      </c>
      <c r="KG16" s="119">
        <v>314186</v>
      </c>
      <c r="KH16" s="119">
        <v>215934</v>
      </c>
      <c r="KI16" s="119">
        <v>827167</v>
      </c>
      <c r="KJ16" s="119">
        <v>443742</v>
      </c>
      <c r="KK16" s="119">
        <v>1252270</v>
      </c>
      <c r="KL16" s="120">
        <v>3053299</v>
      </c>
      <c r="KM16" s="143">
        <v>3263322</v>
      </c>
      <c r="KN16" s="232">
        <v>0</v>
      </c>
      <c r="KO16" s="236">
        <v>0</v>
      </c>
      <c r="KP16" s="237">
        <v>0</v>
      </c>
      <c r="KQ16" s="140"/>
      <c r="KR16" s="119">
        <v>763540</v>
      </c>
      <c r="KS16" s="119">
        <v>1679270</v>
      </c>
      <c r="KT16" s="119">
        <v>1421425</v>
      </c>
      <c r="KU16" s="119">
        <v>1220082</v>
      </c>
      <c r="KV16" s="119">
        <v>1574268</v>
      </c>
      <c r="KW16" s="120">
        <v>6658585</v>
      </c>
      <c r="KX16" s="321">
        <v>6658585</v>
      </c>
      <c r="KY16" s="142">
        <v>0</v>
      </c>
      <c r="KZ16" s="119">
        <v>0</v>
      </c>
      <c r="LA16" s="120">
        <v>0</v>
      </c>
      <c r="LB16" s="145"/>
      <c r="LC16" s="119">
        <v>409278</v>
      </c>
      <c r="LD16" s="119">
        <v>459337</v>
      </c>
      <c r="LE16" s="119">
        <v>980871</v>
      </c>
      <c r="LF16" s="119">
        <v>186810</v>
      </c>
      <c r="LG16" s="119">
        <v>1129596</v>
      </c>
      <c r="LH16" s="120">
        <v>3165892</v>
      </c>
      <c r="LI16" s="121">
        <v>3165892</v>
      </c>
      <c r="LJ16" s="142">
        <v>0</v>
      </c>
      <c r="LK16" s="119">
        <v>0</v>
      </c>
      <c r="LL16" s="120">
        <v>0</v>
      </c>
      <c r="LM16" s="145"/>
      <c r="LN16" s="119">
        <v>0</v>
      </c>
      <c r="LO16" s="119">
        <v>0</v>
      </c>
      <c r="LP16" s="119">
        <v>0</v>
      </c>
      <c r="LQ16" s="119">
        <v>670990</v>
      </c>
      <c r="LR16" s="119">
        <v>478115</v>
      </c>
      <c r="LS16" s="120">
        <v>1149105</v>
      </c>
      <c r="LT16" s="321">
        <v>1149105</v>
      </c>
      <c r="LU16" s="142">
        <v>0</v>
      </c>
      <c r="LV16" s="119">
        <v>0</v>
      </c>
      <c r="LW16" s="120">
        <v>0</v>
      </c>
      <c r="LX16" s="145"/>
      <c r="LY16" s="119">
        <v>362062</v>
      </c>
      <c r="LZ16" s="119">
        <v>0</v>
      </c>
      <c r="MA16" s="119">
        <v>314909</v>
      </c>
      <c r="MB16" s="119">
        <v>0</v>
      </c>
      <c r="MC16" s="119">
        <v>918353</v>
      </c>
      <c r="MD16" s="120">
        <v>1595324</v>
      </c>
      <c r="ME16" s="121">
        <v>1595324</v>
      </c>
      <c r="MF16" s="142">
        <v>0</v>
      </c>
      <c r="MG16" s="119">
        <v>0</v>
      </c>
      <c r="MH16" s="120">
        <v>0</v>
      </c>
      <c r="MI16" s="145"/>
      <c r="MJ16" s="119">
        <v>264951</v>
      </c>
      <c r="MK16" s="119">
        <v>1433868</v>
      </c>
      <c r="ML16" s="119">
        <v>5385991</v>
      </c>
      <c r="MM16" s="119">
        <v>5757390</v>
      </c>
      <c r="MN16" s="119">
        <v>4679959</v>
      </c>
      <c r="MO16" s="120">
        <v>17522159</v>
      </c>
      <c r="MP16" s="143">
        <v>17522159</v>
      </c>
      <c r="MQ16" s="142">
        <v>0</v>
      </c>
      <c r="MR16" s="119">
        <v>0</v>
      </c>
      <c r="MS16" s="120">
        <v>0</v>
      </c>
      <c r="MT16" s="145"/>
      <c r="MU16" s="119">
        <v>0</v>
      </c>
      <c r="MV16" s="119">
        <v>411278</v>
      </c>
      <c r="MW16" s="119">
        <v>3191841</v>
      </c>
      <c r="MX16" s="119">
        <v>4422545</v>
      </c>
      <c r="MY16" s="119">
        <v>2899663</v>
      </c>
      <c r="MZ16" s="120">
        <v>10925327</v>
      </c>
      <c r="NA16" s="143">
        <v>10925327</v>
      </c>
      <c r="NB16" s="142">
        <v>0</v>
      </c>
      <c r="NC16" s="119">
        <v>0</v>
      </c>
      <c r="ND16" s="120">
        <v>0</v>
      </c>
      <c r="NE16" s="145"/>
      <c r="NF16" s="119">
        <v>264951</v>
      </c>
      <c r="NG16" s="119">
        <v>1022590</v>
      </c>
      <c r="NH16" s="119">
        <v>2194150</v>
      </c>
      <c r="NI16" s="119">
        <v>1334845</v>
      </c>
      <c r="NJ16" s="119">
        <v>1136806</v>
      </c>
      <c r="NK16" s="120">
        <v>5953342</v>
      </c>
      <c r="NL16" s="321">
        <v>5953342</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643490</v>
      </c>
      <c r="OG16" s="120">
        <v>643490</v>
      </c>
      <c r="OH16" s="121">
        <v>643490</v>
      </c>
      <c r="OI16" s="142">
        <v>1429743</v>
      </c>
      <c r="OJ16" s="119">
        <v>2206527</v>
      </c>
      <c r="OK16" s="141">
        <v>3636270</v>
      </c>
      <c r="OL16" s="118">
        <v>0</v>
      </c>
      <c r="OM16" s="119">
        <v>21044684</v>
      </c>
      <c r="ON16" s="119">
        <v>18899611</v>
      </c>
      <c r="OO16" s="119">
        <v>23456834</v>
      </c>
      <c r="OP16" s="119">
        <v>23356800</v>
      </c>
      <c r="OQ16" s="119">
        <v>22366308</v>
      </c>
      <c r="OR16" s="120">
        <v>109124237</v>
      </c>
      <c r="OS16" s="143">
        <v>112760507</v>
      </c>
    </row>
    <row r="17" spans="2:409" ht="20.25" customHeight="1" x14ac:dyDescent="0.2">
      <c r="B17" s="126" t="s">
        <v>11</v>
      </c>
      <c r="C17" s="110">
        <v>296637</v>
      </c>
      <c r="D17" s="114">
        <v>520533</v>
      </c>
      <c r="E17" s="171">
        <v>817170</v>
      </c>
      <c r="F17" s="111">
        <v>0</v>
      </c>
      <c r="G17" s="114">
        <v>5593065</v>
      </c>
      <c r="H17" s="114">
        <v>2652462</v>
      </c>
      <c r="I17" s="114">
        <v>4861276</v>
      </c>
      <c r="J17" s="114">
        <v>6149194</v>
      </c>
      <c r="K17" s="114">
        <v>5295722</v>
      </c>
      <c r="L17" s="109">
        <v>24551719</v>
      </c>
      <c r="M17" s="116">
        <v>25368889</v>
      </c>
      <c r="N17" s="110">
        <v>78805</v>
      </c>
      <c r="O17" s="114">
        <v>96807</v>
      </c>
      <c r="P17" s="113">
        <v>175612</v>
      </c>
      <c r="Q17" s="110">
        <v>0</v>
      </c>
      <c r="R17" s="114">
        <v>1308308</v>
      </c>
      <c r="S17" s="114">
        <v>690184</v>
      </c>
      <c r="T17" s="114">
        <v>1154361</v>
      </c>
      <c r="U17" s="114">
        <v>1805194</v>
      </c>
      <c r="V17" s="114">
        <v>2218087</v>
      </c>
      <c r="W17" s="113">
        <v>7176134</v>
      </c>
      <c r="X17" s="116">
        <v>7351746</v>
      </c>
      <c r="Y17" s="110">
        <v>0</v>
      </c>
      <c r="Z17" s="114">
        <v>0</v>
      </c>
      <c r="AA17" s="113">
        <v>0</v>
      </c>
      <c r="AB17" s="110">
        <v>0</v>
      </c>
      <c r="AC17" s="114">
        <v>378026</v>
      </c>
      <c r="AD17" s="114">
        <v>189494</v>
      </c>
      <c r="AE17" s="114">
        <v>578790</v>
      </c>
      <c r="AF17" s="114">
        <v>916013</v>
      </c>
      <c r="AG17" s="114">
        <v>1216214</v>
      </c>
      <c r="AH17" s="113">
        <v>3278537</v>
      </c>
      <c r="AI17" s="116">
        <v>3278537</v>
      </c>
      <c r="AJ17" s="110">
        <v>0</v>
      </c>
      <c r="AK17" s="114">
        <v>0</v>
      </c>
      <c r="AL17" s="113">
        <v>0</v>
      </c>
      <c r="AM17" s="110">
        <v>0</v>
      </c>
      <c r="AN17" s="114">
        <v>0</v>
      </c>
      <c r="AO17" s="114">
        <v>0</v>
      </c>
      <c r="AP17" s="114">
        <v>0</v>
      </c>
      <c r="AQ17" s="114">
        <v>170345</v>
      </c>
      <c r="AR17" s="114">
        <v>230215</v>
      </c>
      <c r="AS17" s="113">
        <v>400560</v>
      </c>
      <c r="AT17" s="116">
        <v>400560</v>
      </c>
      <c r="AU17" s="110">
        <v>48516</v>
      </c>
      <c r="AV17" s="114">
        <v>54480</v>
      </c>
      <c r="AW17" s="113">
        <v>102996</v>
      </c>
      <c r="AX17" s="110">
        <v>0</v>
      </c>
      <c r="AY17" s="114">
        <v>572330</v>
      </c>
      <c r="AZ17" s="114">
        <v>350401</v>
      </c>
      <c r="BA17" s="114">
        <v>365781</v>
      </c>
      <c r="BB17" s="114">
        <v>463338</v>
      </c>
      <c r="BC17" s="114">
        <v>578570</v>
      </c>
      <c r="BD17" s="113">
        <v>2330420</v>
      </c>
      <c r="BE17" s="116">
        <v>2433416</v>
      </c>
      <c r="BF17" s="110">
        <v>0</v>
      </c>
      <c r="BG17" s="114">
        <v>36629</v>
      </c>
      <c r="BH17" s="112">
        <v>36629</v>
      </c>
      <c r="BI17" s="111">
        <v>0</v>
      </c>
      <c r="BJ17" s="114">
        <v>133840</v>
      </c>
      <c r="BK17" s="114">
        <v>38814</v>
      </c>
      <c r="BL17" s="114">
        <v>0</v>
      </c>
      <c r="BM17" s="114">
        <v>44329</v>
      </c>
      <c r="BN17" s="114">
        <v>33222</v>
      </c>
      <c r="BO17" s="113">
        <v>250205</v>
      </c>
      <c r="BP17" s="116">
        <v>286834</v>
      </c>
      <c r="BQ17" s="110">
        <v>30289</v>
      </c>
      <c r="BR17" s="114">
        <v>5698</v>
      </c>
      <c r="BS17" s="113">
        <v>35987</v>
      </c>
      <c r="BT17" s="110">
        <v>0</v>
      </c>
      <c r="BU17" s="114">
        <v>224112</v>
      </c>
      <c r="BV17" s="114">
        <v>111475</v>
      </c>
      <c r="BW17" s="114">
        <v>209790</v>
      </c>
      <c r="BX17" s="114">
        <v>211169</v>
      </c>
      <c r="BY17" s="114">
        <v>159866</v>
      </c>
      <c r="BZ17" s="113">
        <v>916412</v>
      </c>
      <c r="CA17" s="116">
        <v>952399</v>
      </c>
      <c r="CB17" s="110">
        <v>19303</v>
      </c>
      <c r="CC17" s="114">
        <v>105464</v>
      </c>
      <c r="CD17" s="113">
        <v>124767</v>
      </c>
      <c r="CE17" s="110">
        <v>0</v>
      </c>
      <c r="CF17" s="114">
        <v>1243450</v>
      </c>
      <c r="CG17" s="114">
        <v>987917</v>
      </c>
      <c r="CH17" s="114">
        <v>1304024</v>
      </c>
      <c r="CI17" s="114">
        <v>1060725</v>
      </c>
      <c r="CJ17" s="114">
        <v>361890</v>
      </c>
      <c r="CK17" s="113">
        <v>4958006</v>
      </c>
      <c r="CL17" s="116">
        <v>5082773</v>
      </c>
      <c r="CM17" s="110">
        <v>0</v>
      </c>
      <c r="CN17" s="114">
        <v>0</v>
      </c>
      <c r="CO17" s="113">
        <v>0</v>
      </c>
      <c r="CP17" s="111">
        <v>0</v>
      </c>
      <c r="CQ17" s="114">
        <v>929512</v>
      </c>
      <c r="CR17" s="114">
        <v>821103</v>
      </c>
      <c r="CS17" s="114">
        <v>917030</v>
      </c>
      <c r="CT17" s="114">
        <v>818030</v>
      </c>
      <c r="CU17" s="114">
        <v>284470</v>
      </c>
      <c r="CV17" s="113">
        <v>3770145</v>
      </c>
      <c r="CW17" s="116">
        <v>3770145</v>
      </c>
      <c r="CX17" s="110">
        <v>19303</v>
      </c>
      <c r="CY17" s="114">
        <v>105464</v>
      </c>
      <c r="CZ17" s="113">
        <v>124767</v>
      </c>
      <c r="DA17" s="110">
        <v>0</v>
      </c>
      <c r="DB17" s="114">
        <v>313938</v>
      </c>
      <c r="DC17" s="114">
        <v>166814</v>
      </c>
      <c r="DD17" s="114">
        <v>386994</v>
      </c>
      <c r="DE17" s="114">
        <v>242695</v>
      </c>
      <c r="DF17" s="114">
        <v>77420</v>
      </c>
      <c r="DG17" s="113">
        <v>1187861</v>
      </c>
      <c r="DH17" s="116">
        <v>1312628</v>
      </c>
      <c r="DI17" s="110">
        <v>0</v>
      </c>
      <c r="DJ17" s="114">
        <v>0</v>
      </c>
      <c r="DK17" s="112">
        <v>0</v>
      </c>
      <c r="DL17" s="111">
        <v>0</v>
      </c>
      <c r="DM17" s="114">
        <v>198499</v>
      </c>
      <c r="DN17" s="114">
        <v>133703</v>
      </c>
      <c r="DO17" s="114">
        <v>355816</v>
      </c>
      <c r="DP17" s="114">
        <v>469579</v>
      </c>
      <c r="DQ17" s="114">
        <v>309083</v>
      </c>
      <c r="DR17" s="113">
        <v>1466680</v>
      </c>
      <c r="DS17" s="116">
        <v>1466680</v>
      </c>
      <c r="DT17" s="110">
        <v>0</v>
      </c>
      <c r="DU17" s="114">
        <v>0</v>
      </c>
      <c r="DV17" s="113">
        <v>0</v>
      </c>
      <c r="DW17" s="110">
        <v>0</v>
      </c>
      <c r="DX17" s="114">
        <v>198499</v>
      </c>
      <c r="DY17" s="114">
        <v>133703</v>
      </c>
      <c r="DZ17" s="114">
        <v>165146</v>
      </c>
      <c r="EA17" s="114">
        <v>259558</v>
      </c>
      <c r="EB17" s="114">
        <v>289497</v>
      </c>
      <c r="EC17" s="113">
        <v>1046403</v>
      </c>
      <c r="ED17" s="116">
        <v>1046403</v>
      </c>
      <c r="EE17" s="110">
        <v>0</v>
      </c>
      <c r="EF17" s="112">
        <v>0</v>
      </c>
      <c r="EG17" s="113">
        <v>0</v>
      </c>
      <c r="EH17" s="110">
        <v>0</v>
      </c>
      <c r="EI17" s="114">
        <v>0</v>
      </c>
      <c r="EJ17" s="114">
        <v>0</v>
      </c>
      <c r="EK17" s="114">
        <v>190670</v>
      </c>
      <c r="EL17" s="114">
        <v>210021</v>
      </c>
      <c r="EM17" s="114">
        <v>19586</v>
      </c>
      <c r="EN17" s="112">
        <v>420277</v>
      </c>
      <c r="EO17" s="116">
        <v>420277</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8"/>
      <c r="FE17" s="114">
        <v>0</v>
      </c>
      <c r="FF17" s="114">
        <v>0</v>
      </c>
      <c r="FG17" s="114">
        <v>0</v>
      </c>
      <c r="FH17" s="114">
        <v>0</v>
      </c>
      <c r="FI17" s="114">
        <v>0</v>
      </c>
      <c r="FJ17" s="113">
        <v>0</v>
      </c>
      <c r="FK17" s="116">
        <v>0</v>
      </c>
      <c r="FL17" s="110">
        <v>49693</v>
      </c>
      <c r="FM17" s="114">
        <v>100205</v>
      </c>
      <c r="FN17" s="113">
        <v>149898</v>
      </c>
      <c r="FO17" s="110">
        <v>0</v>
      </c>
      <c r="FP17" s="114">
        <v>181244</v>
      </c>
      <c r="FQ17" s="114">
        <v>279384</v>
      </c>
      <c r="FR17" s="114">
        <v>396326</v>
      </c>
      <c r="FS17" s="114">
        <v>374220</v>
      </c>
      <c r="FT17" s="114">
        <v>400638</v>
      </c>
      <c r="FU17" s="113">
        <v>1631812</v>
      </c>
      <c r="FV17" s="116">
        <v>1781710</v>
      </c>
      <c r="FW17" s="115">
        <v>49693</v>
      </c>
      <c r="FX17" s="114">
        <v>100205</v>
      </c>
      <c r="FY17" s="112">
        <v>149898</v>
      </c>
      <c r="FZ17" s="111">
        <v>0</v>
      </c>
      <c r="GA17" s="114">
        <v>181244</v>
      </c>
      <c r="GB17" s="114">
        <v>279384</v>
      </c>
      <c r="GC17" s="114">
        <v>396326</v>
      </c>
      <c r="GD17" s="114">
        <v>374220</v>
      </c>
      <c r="GE17" s="114">
        <v>400638</v>
      </c>
      <c r="GF17" s="113">
        <v>1631812</v>
      </c>
      <c r="GG17" s="319">
        <v>1781710</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148836</v>
      </c>
      <c r="HE17" s="114">
        <v>218057</v>
      </c>
      <c r="HF17" s="112">
        <v>366893</v>
      </c>
      <c r="HG17" s="111">
        <v>0</v>
      </c>
      <c r="HH17" s="114">
        <v>2661564</v>
      </c>
      <c r="HI17" s="114">
        <v>561274</v>
      </c>
      <c r="HJ17" s="114">
        <v>1650749</v>
      </c>
      <c r="HK17" s="114">
        <v>2439476</v>
      </c>
      <c r="HL17" s="114">
        <v>2006024</v>
      </c>
      <c r="HM17" s="113">
        <v>9319087</v>
      </c>
      <c r="HN17" s="109">
        <v>9685980</v>
      </c>
      <c r="HO17" s="329"/>
      <c r="HP17" s="330"/>
      <c r="HQ17" s="331"/>
      <c r="HR17" s="332"/>
      <c r="HS17" s="330"/>
      <c r="HT17" s="330"/>
      <c r="HU17" s="330"/>
      <c r="HV17" s="330"/>
      <c r="HW17" s="330"/>
      <c r="HX17" s="333"/>
      <c r="HY17" s="334"/>
      <c r="HZ17" s="131">
        <v>0</v>
      </c>
      <c r="IA17" s="132">
        <v>0</v>
      </c>
      <c r="IB17" s="133">
        <v>0</v>
      </c>
      <c r="IC17" s="146">
        <v>0</v>
      </c>
      <c r="ID17" s="132">
        <v>864285</v>
      </c>
      <c r="IE17" s="147">
        <v>1128051</v>
      </c>
      <c r="IF17" s="133">
        <v>997999</v>
      </c>
      <c r="IG17" s="132">
        <v>883063</v>
      </c>
      <c r="IH17" s="133">
        <v>413355</v>
      </c>
      <c r="II17" s="148">
        <v>4286753</v>
      </c>
      <c r="IJ17" s="139">
        <v>4286753</v>
      </c>
      <c r="IK17" s="232">
        <v>0</v>
      </c>
      <c r="IL17" s="236">
        <v>0</v>
      </c>
      <c r="IM17" s="237">
        <v>0</v>
      </c>
      <c r="IN17" s="140"/>
      <c r="IO17" s="119">
        <v>132407</v>
      </c>
      <c r="IP17" s="119">
        <v>108383</v>
      </c>
      <c r="IQ17" s="119">
        <v>111209</v>
      </c>
      <c r="IR17" s="119">
        <v>0</v>
      </c>
      <c r="IS17" s="119">
        <v>0</v>
      </c>
      <c r="IT17" s="141">
        <v>351999</v>
      </c>
      <c r="IU17" s="321">
        <v>351999</v>
      </c>
      <c r="IV17" s="142">
        <v>0</v>
      </c>
      <c r="IW17" s="119">
        <v>0</v>
      </c>
      <c r="IX17" s="120">
        <v>0</v>
      </c>
      <c r="IY17" s="144"/>
      <c r="IZ17" s="119">
        <v>0</v>
      </c>
      <c r="JA17" s="119">
        <v>0</v>
      </c>
      <c r="JB17" s="119">
        <v>0</v>
      </c>
      <c r="JC17" s="119">
        <v>0</v>
      </c>
      <c r="JD17" s="119">
        <v>14440</v>
      </c>
      <c r="JE17" s="120">
        <v>14440</v>
      </c>
      <c r="JF17" s="121">
        <v>14440</v>
      </c>
      <c r="JG17" s="142">
        <v>0</v>
      </c>
      <c r="JH17" s="119">
        <v>0</v>
      </c>
      <c r="JI17" s="141">
        <v>0</v>
      </c>
      <c r="JJ17" s="118">
        <v>0</v>
      </c>
      <c r="JK17" s="119">
        <v>515299</v>
      </c>
      <c r="JL17" s="119">
        <v>219577</v>
      </c>
      <c r="JM17" s="119">
        <v>477034</v>
      </c>
      <c r="JN17" s="119">
        <v>84895</v>
      </c>
      <c r="JO17" s="119">
        <v>94859</v>
      </c>
      <c r="JP17" s="120">
        <v>1391664</v>
      </c>
      <c r="JQ17" s="321">
        <v>1391664</v>
      </c>
      <c r="JR17" s="142">
        <v>0</v>
      </c>
      <c r="JS17" s="119">
        <v>0</v>
      </c>
      <c r="JT17" s="141">
        <v>0</v>
      </c>
      <c r="JU17" s="118">
        <v>0</v>
      </c>
      <c r="JV17" s="119">
        <v>0</v>
      </c>
      <c r="JW17" s="119">
        <v>0</v>
      </c>
      <c r="JX17" s="119">
        <v>0</v>
      </c>
      <c r="JY17" s="119">
        <v>0</v>
      </c>
      <c r="JZ17" s="119">
        <v>75119</v>
      </c>
      <c r="KA17" s="120">
        <v>75119</v>
      </c>
      <c r="KB17" s="321">
        <v>75119</v>
      </c>
      <c r="KC17" s="234">
        <v>0</v>
      </c>
      <c r="KD17" s="230">
        <v>0</v>
      </c>
      <c r="KE17" s="120">
        <v>0</v>
      </c>
      <c r="KF17" s="118">
        <v>0</v>
      </c>
      <c r="KG17" s="119">
        <v>216579</v>
      </c>
      <c r="KH17" s="119">
        <v>152263</v>
      </c>
      <c r="KI17" s="119">
        <v>409756</v>
      </c>
      <c r="KJ17" s="119">
        <v>121468</v>
      </c>
      <c r="KK17" s="119">
        <v>0</v>
      </c>
      <c r="KL17" s="120">
        <v>900066</v>
      </c>
      <c r="KM17" s="143">
        <v>900066</v>
      </c>
      <c r="KN17" s="232">
        <v>0</v>
      </c>
      <c r="KO17" s="236">
        <v>0</v>
      </c>
      <c r="KP17" s="237">
        <v>0</v>
      </c>
      <c r="KQ17" s="140"/>
      <c r="KR17" s="119">
        <v>0</v>
      </c>
      <c r="KS17" s="119">
        <v>647828</v>
      </c>
      <c r="KT17" s="119">
        <v>0</v>
      </c>
      <c r="KU17" s="119">
        <v>676700</v>
      </c>
      <c r="KV17" s="119">
        <v>228937</v>
      </c>
      <c r="KW17" s="120">
        <v>1553465</v>
      </c>
      <c r="KX17" s="321">
        <v>1553465</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1">
        <v>0</v>
      </c>
      <c r="LU17" s="142">
        <v>0</v>
      </c>
      <c r="LV17" s="119">
        <v>0</v>
      </c>
      <c r="LW17" s="120">
        <v>0</v>
      </c>
      <c r="LX17" s="145"/>
      <c r="LY17" s="119">
        <v>0</v>
      </c>
      <c r="LZ17" s="119">
        <v>0</v>
      </c>
      <c r="MA17" s="119">
        <v>0</v>
      </c>
      <c r="MB17" s="119">
        <v>0</v>
      </c>
      <c r="MC17" s="119">
        <v>0</v>
      </c>
      <c r="MD17" s="120">
        <v>0</v>
      </c>
      <c r="ME17" s="121">
        <v>0</v>
      </c>
      <c r="MF17" s="142">
        <v>0</v>
      </c>
      <c r="MG17" s="119">
        <v>0</v>
      </c>
      <c r="MH17" s="120">
        <v>0</v>
      </c>
      <c r="MI17" s="145"/>
      <c r="MJ17" s="119">
        <v>592526</v>
      </c>
      <c r="MK17" s="119">
        <v>431004</v>
      </c>
      <c r="ML17" s="119">
        <v>814543</v>
      </c>
      <c r="MM17" s="119">
        <v>3608725</v>
      </c>
      <c r="MN17" s="119">
        <v>1473600</v>
      </c>
      <c r="MO17" s="120">
        <v>6920398</v>
      </c>
      <c r="MP17" s="143">
        <v>6920398</v>
      </c>
      <c r="MQ17" s="142">
        <v>0</v>
      </c>
      <c r="MR17" s="119">
        <v>0</v>
      </c>
      <c r="MS17" s="120">
        <v>0</v>
      </c>
      <c r="MT17" s="145"/>
      <c r="MU17" s="119">
        <v>0</v>
      </c>
      <c r="MV17" s="119">
        <v>0</v>
      </c>
      <c r="MW17" s="119">
        <v>0</v>
      </c>
      <c r="MX17" s="119">
        <v>2429299</v>
      </c>
      <c r="MY17" s="119">
        <v>1177541</v>
      </c>
      <c r="MZ17" s="120">
        <v>3606840</v>
      </c>
      <c r="NA17" s="143">
        <v>3606840</v>
      </c>
      <c r="NB17" s="142">
        <v>0</v>
      </c>
      <c r="NC17" s="119">
        <v>0</v>
      </c>
      <c r="ND17" s="120">
        <v>0</v>
      </c>
      <c r="NE17" s="145"/>
      <c r="NF17" s="119">
        <v>592526</v>
      </c>
      <c r="NG17" s="119">
        <v>431004</v>
      </c>
      <c r="NH17" s="119">
        <v>814543</v>
      </c>
      <c r="NI17" s="119">
        <v>1179426</v>
      </c>
      <c r="NJ17" s="119">
        <v>296059</v>
      </c>
      <c r="NK17" s="120">
        <v>3313558</v>
      </c>
      <c r="NL17" s="321">
        <v>3313558</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0</v>
      </c>
      <c r="OF17" s="119">
        <v>0</v>
      </c>
      <c r="OG17" s="120">
        <v>0</v>
      </c>
      <c r="OH17" s="121">
        <v>0</v>
      </c>
      <c r="OI17" s="142">
        <v>296637</v>
      </c>
      <c r="OJ17" s="119">
        <v>520533</v>
      </c>
      <c r="OK17" s="141">
        <v>817170</v>
      </c>
      <c r="OL17" s="118">
        <v>0</v>
      </c>
      <c r="OM17" s="119">
        <v>7049876</v>
      </c>
      <c r="ON17" s="119">
        <v>4211517</v>
      </c>
      <c r="OO17" s="119">
        <v>6673818</v>
      </c>
      <c r="OP17" s="119">
        <v>10640982</v>
      </c>
      <c r="OQ17" s="119">
        <v>7182677</v>
      </c>
      <c r="OR17" s="120">
        <v>35758870</v>
      </c>
      <c r="OS17" s="143">
        <v>36576040</v>
      </c>
    </row>
    <row r="18" spans="2:409" ht="20.25" customHeight="1" x14ac:dyDescent="0.2">
      <c r="B18" s="126" t="s">
        <v>12</v>
      </c>
      <c r="C18" s="110">
        <v>1000854</v>
      </c>
      <c r="D18" s="114">
        <v>1316792</v>
      </c>
      <c r="E18" s="113">
        <v>2317646</v>
      </c>
      <c r="F18" s="109">
        <v>0</v>
      </c>
      <c r="G18" s="114">
        <v>4751662</v>
      </c>
      <c r="H18" s="170">
        <v>4571932</v>
      </c>
      <c r="I18" s="170">
        <v>7276057</v>
      </c>
      <c r="J18" s="170">
        <v>7392847</v>
      </c>
      <c r="K18" s="170">
        <v>5164309</v>
      </c>
      <c r="L18" s="112">
        <v>29156807</v>
      </c>
      <c r="M18" s="116">
        <v>31474453</v>
      </c>
      <c r="N18" s="110">
        <v>294405</v>
      </c>
      <c r="O18" s="114">
        <v>382664</v>
      </c>
      <c r="P18" s="113">
        <v>677069</v>
      </c>
      <c r="Q18" s="110">
        <v>0</v>
      </c>
      <c r="R18" s="114">
        <v>1832111</v>
      </c>
      <c r="S18" s="114">
        <v>1480178</v>
      </c>
      <c r="T18" s="114">
        <v>2915922</v>
      </c>
      <c r="U18" s="114">
        <v>2652060</v>
      </c>
      <c r="V18" s="114">
        <v>2268976</v>
      </c>
      <c r="W18" s="113">
        <v>11149247</v>
      </c>
      <c r="X18" s="116">
        <v>11826316</v>
      </c>
      <c r="Y18" s="110">
        <v>0</v>
      </c>
      <c r="Z18" s="114">
        <v>0</v>
      </c>
      <c r="AA18" s="113">
        <v>0</v>
      </c>
      <c r="AB18" s="110">
        <v>0</v>
      </c>
      <c r="AC18" s="114">
        <v>1196310</v>
      </c>
      <c r="AD18" s="114">
        <v>848307</v>
      </c>
      <c r="AE18" s="114">
        <v>1757239</v>
      </c>
      <c r="AF18" s="114">
        <v>1890947</v>
      </c>
      <c r="AG18" s="114">
        <v>1138575</v>
      </c>
      <c r="AH18" s="113">
        <v>6831378</v>
      </c>
      <c r="AI18" s="116">
        <v>6831378</v>
      </c>
      <c r="AJ18" s="110">
        <v>0</v>
      </c>
      <c r="AK18" s="114">
        <v>0</v>
      </c>
      <c r="AL18" s="113">
        <v>0</v>
      </c>
      <c r="AM18" s="110">
        <v>0</v>
      </c>
      <c r="AN18" s="114">
        <v>0</v>
      </c>
      <c r="AO18" s="114">
        <v>41422</v>
      </c>
      <c r="AP18" s="114">
        <v>62368</v>
      </c>
      <c r="AQ18" s="114">
        <v>81011</v>
      </c>
      <c r="AR18" s="114">
        <v>354349</v>
      </c>
      <c r="AS18" s="113">
        <v>539150</v>
      </c>
      <c r="AT18" s="116">
        <v>539150</v>
      </c>
      <c r="AU18" s="110">
        <v>218980</v>
      </c>
      <c r="AV18" s="114">
        <v>301954</v>
      </c>
      <c r="AW18" s="113">
        <v>520934</v>
      </c>
      <c r="AX18" s="110">
        <v>0</v>
      </c>
      <c r="AY18" s="114">
        <v>395246</v>
      </c>
      <c r="AZ18" s="114">
        <v>369844</v>
      </c>
      <c r="BA18" s="114">
        <v>724251</v>
      </c>
      <c r="BB18" s="114">
        <v>366901</v>
      </c>
      <c r="BC18" s="114">
        <v>612084</v>
      </c>
      <c r="BD18" s="113">
        <v>2468326</v>
      </c>
      <c r="BE18" s="116">
        <v>2989260</v>
      </c>
      <c r="BF18" s="110">
        <v>0</v>
      </c>
      <c r="BG18" s="114">
        <v>0</v>
      </c>
      <c r="BH18" s="112">
        <v>0</v>
      </c>
      <c r="BI18" s="111">
        <v>0</v>
      </c>
      <c r="BJ18" s="114">
        <v>23114</v>
      </c>
      <c r="BK18" s="114">
        <v>55475</v>
      </c>
      <c r="BL18" s="114">
        <v>0</v>
      </c>
      <c r="BM18" s="114">
        <v>0</v>
      </c>
      <c r="BN18" s="114">
        <v>0</v>
      </c>
      <c r="BO18" s="113">
        <v>78589</v>
      </c>
      <c r="BP18" s="116">
        <v>78589</v>
      </c>
      <c r="BQ18" s="110">
        <v>75425</v>
      </c>
      <c r="BR18" s="114">
        <v>80710</v>
      </c>
      <c r="BS18" s="113">
        <v>156135</v>
      </c>
      <c r="BT18" s="110">
        <v>0</v>
      </c>
      <c r="BU18" s="114">
        <v>217441</v>
      </c>
      <c r="BV18" s="114">
        <v>165130</v>
      </c>
      <c r="BW18" s="114">
        <v>372064</v>
      </c>
      <c r="BX18" s="114">
        <v>313201</v>
      </c>
      <c r="BY18" s="114">
        <v>163968</v>
      </c>
      <c r="BZ18" s="113">
        <v>1231804</v>
      </c>
      <c r="CA18" s="116">
        <v>1387939</v>
      </c>
      <c r="CB18" s="110">
        <v>209828</v>
      </c>
      <c r="CC18" s="114">
        <v>310082</v>
      </c>
      <c r="CD18" s="113">
        <v>519910</v>
      </c>
      <c r="CE18" s="110">
        <v>0</v>
      </c>
      <c r="CF18" s="114">
        <v>1776410</v>
      </c>
      <c r="CG18" s="114">
        <v>1456691</v>
      </c>
      <c r="CH18" s="114">
        <v>1136127</v>
      </c>
      <c r="CI18" s="114">
        <v>1806772</v>
      </c>
      <c r="CJ18" s="114">
        <v>619016</v>
      </c>
      <c r="CK18" s="113">
        <v>6795016</v>
      </c>
      <c r="CL18" s="116">
        <v>7314926</v>
      </c>
      <c r="CM18" s="110">
        <v>0</v>
      </c>
      <c r="CN18" s="114">
        <v>0</v>
      </c>
      <c r="CO18" s="113">
        <v>0</v>
      </c>
      <c r="CP18" s="111">
        <v>0</v>
      </c>
      <c r="CQ18" s="114">
        <v>1415100</v>
      </c>
      <c r="CR18" s="114">
        <v>977004</v>
      </c>
      <c r="CS18" s="114">
        <v>649903</v>
      </c>
      <c r="CT18" s="114">
        <v>1341522</v>
      </c>
      <c r="CU18" s="114">
        <v>316883</v>
      </c>
      <c r="CV18" s="113">
        <v>4700412</v>
      </c>
      <c r="CW18" s="116">
        <v>4700412</v>
      </c>
      <c r="CX18" s="110">
        <v>209828</v>
      </c>
      <c r="CY18" s="114">
        <v>310082</v>
      </c>
      <c r="CZ18" s="113">
        <v>519910</v>
      </c>
      <c r="DA18" s="110">
        <v>0</v>
      </c>
      <c r="DB18" s="114">
        <v>361310</v>
      </c>
      <c r="DC18" s="114">
        <v>479687</v>
      </c>
      <c r="DD18" s="114">
        <v>486224</v>
      </c>
      <c r="DE18" s="114">
        <v>465250</v>
      </c>
      <c r="DF18" s="114">
        <v>302133</v>
      </c>
      <c r="DG18" s="113">
        <v>2094604</v>
      </c>
      <c r="DH18" s="116">
        <v>2614514</v>
      </c>
      <c r="DI18" s="110">
        <v>0</v>
      </c>
      <c r="DJ18" s="114">
        <v>12628</v>
      </c>
      <c r="DK18" s="112">
        <v>12628</v>
      </c>
      <c r="DL18" s="111">
        <v>0</v>
      </c>
      <c r="DM18" s="114">
        <v>152441</v>
      </c>
      <c r="DN18" s="114">
        <v>-4957</v>
      </c>
      <c r="DO18" s="114">
        <v>714578</v>
      </c>
      <c r="DP18" s="114">
        <v>559369</v>
      </c>
      <c r="DQ18" s="114">
        <v>428547</v>
      </c>
      <c r="DR18" s="113">
        <v>1849978</v>
      </c>
      <c r="DS18" s="116">
        <v>1862606</v>
      </c>
      <c r="DT18" s="110">
        <v>0</v>
      </c>
      <c r="DU18" s="114">
        <v>12628</v>
      </c>
      <c r="DV18" s="113">
        <v>12628</v>
      </c>
      <c r="DW18" s="110">
        <v>0</v>
      </c>
      <c r="DX18" s="114">
        <v>152441</v>
      </c>
      <c r="DY18" s="114">
        <v>-4957</v>
      </c>
      <c r="DZ18" s="114">
        <v>714578</v>
      </c>
      <c r="EA18" s="114">
        <v>559369</v>
      </c>
      <c r="EB18" s="114">
        <v>341990</v>
      </c>
      <c r="EC18" s="113">
        <v>1763421</v>
      </c>
      <c r="ED18" s="116">
        <v>1776049</v>
      </c>
      <c r="EE18" s="110">
        <v>0</v>
      </c>
      <c r="EF18" s="112">
        <v>0</v>
      </c>
      <c r="EG18" s="113">
        <v>0</v>
      </c>
      <c r="EH18" s="110">
        <v>0</v>
      </c>
      <c r="EI18" s="114">
        <v>0</v>
      </c>
      <c r="EJ18" s="114">
        <v>0</v>
      </c>
      <c r="EK18" s="114">
        <v>0</v>
      </c>
      <c r="EL18" s="114">
        <v>0</v>
      </c>
      <c r="EM18" s="114">
        <v>86557</v>
      </c>
      <c r="EN18" s="112">
        <v>86557</v>
      </c>
      <c r="EO18" s="116">
        <v>86557</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8"/>
      <c r="FE18" s="114">
        <v>0</v>
      </c>
      <c r="FF18" s="114">
        <v>0</v>
      </c>
      <c r="FG18" s="114">
        <v>0</v>
      </c>
      <c r="FH18" s="114">
        <v>0</v>
      </c>
      <c r="FI18" s="114">
        <v>0</v>
      </c>
      <c r="FJ18" s="113">
        <v>0</v>
      </c>
      <c r="FK18" s="116">
        <v>0</v>
      </c>
      <c r="FL18" s="110">
        <v>201680</v>
      </c>
      <c r="FM18" s="114">
        <v>230720</v>
      </c>
      <c r="FN18" s="113">
        <v>432400</v>
      </c>
      <c r="FO18" s="110">
        <v>0</v>
      </c>
      <c r="FP18" s="114">
        <v>126378</v>
      </c>
      <c r="FQ18" s="114">
        <v>533581</v>
      </c>
      <c r="FR18" s="114">
        <v>613872</v>
      </c>
      <c r="FS18" s="114">
        <v>536690</v>
      </c>
      <c r="FT18" s="114">
        <v>440419</v>
      </c>
      <c r="FU18" s="113">
        <v>2250940</v>
      </c>
      <c r="FV18" s="116">
        <v>2683340</v>
      </c>
      <c r="FW18" s="115">
        <v>116305</v>
      </c>
      <c r="FX18" s="114">
        <v>216860</v>
      </c>
      <c r="FY18" s="112">
        <v>333165</v>
      </c>
      <c r="FZ18" s="111">
        <v>0</v>
      </c>
      <c r="GA18" s="114">
        <v>105973</v>
      </c>
      <c r="GB18" s="114">
        <v>452032</v>
      </c>
      <c r="GC18" s="114">
        <v>541030</v>
      </c>
      <c r="GD18" s="114">
        <v>536690</v>
      </c>
      <c r="GE18" s="114">
        <v>440419</v>
      </c>
      <c r="GF18" s="113">
        <v>2076144</v>
      </c>
      <c r="GG18" s="319">
        <v>2409309</v>
      </c>
      <c r="GH18" s="115">
        <v>17430</v>
      </c>
      <c r="GI18" s="114">
        <v>13860</v>
      </c>
      <c r="GJ18" s="112">
        <v>31290</v>
      </c>
      <c r="GK18" s="111">
        <v>0</v>
      </c>
      <c r="GL18" s="114">
        <v>20405</v>
      </c>
      <c r="GM18" s="114">
        <v>11550</v>
      </c>
      <c r="GN18" s="114">
        <v>0</v>
      </c>
      <c r="GO18" s="114">
        <v>0</v>
      </c>
      <c r="GP18" s="114">
        <v>0</v>
      </c>
      <c r="GQ18" s="113">
        <v>31955</v>
      </c>
      <c r="GR18" s="116">
        <v>63245</v>
      </c>
      <c r="GS18" s="110">
        <v>67945</v>
      </c>
      <c r="GT18" s="114">
        <v>0</v>
      </c>
      <c r="GU18" s="113">
        <v>67945</v>
      </c>
      <c r="GV18" s="110">
        <v>0</v>
      </c>
      <c r="GW18" s="114">
        <v>0</v>
      </c>
      <c r="GX18" s="114">
        <v>69999</v>
      </c>
      <c r="GY18" s="114">
        <v>72842</v>
      </c>
      <c r="GZ18" s="114">
        <v>0</v>
      </c>
      <c r="HA18" s="114">
        <v>0</v>
      </c>
      <c r="HB18" s="112">
        <v>142841</v>
      </c>
      <c r="HC18" s="116">
        <v>210786</v>
      </c>
      <c r="HD18" s="110">
        <v>294941</v>
      </c>
      <c r="HE18" s="114">
        <v>380698</v>
      </c>
      <c r="HF18" s="112">
        <v>675639</v>
      </c>
      <c r="HG18" s="111">
        <v>0</v>
      </c>
      <c r="HH18" s="114">
        <v>864322</v>
      </c>
      <c r="HI18" s="114">
        <v>1106439</v>
      </c>
      <c r="HJ18" s="114">
        <v>1895558</v>
      </c>
      <c r="HK18" s="114">
        <v>1837956</v>
      </c>
      <c r="HL18" s="114">
        <v>1407351</v>
      </c>
      <c r="HM18" s="113">
        <v>7111626</v>
      </c>
      <c r="HN18" s="109">
        <v>7787265</v>
      </c>
      <c r="HO18" s="329"/>
      <c r="HP18" s="330"/>
      <c r="HQ18" s="331"/>
      <c r="HR18" s="332"/>
      <c r="HS18" s="330"/>
      <c r="HT18" s="330"/>
      <c r="HU18" s="330"/>
      <c r="HV18" s="330"/>
      <c r="HW18" s="330"/>
      <c r="HX18" s="333"/>
      <c r="HY18" s="334"/>
      <c r="HZ18" s="150">
        <v>0</v>
      </c>
      <c r="IA18" s="135">
        <v>0</v>
      </c>
      <c r="IB18" s="150">
        <v>0</v>
      </c>
      <c r="IC18" s="134">
        <v>0</v>
      </c>
      <c r="ID18" s="135">
        <v>1720249</v>
      </c>
      <c r="IE18" s="136">
        <v>1380256</v>
      </c>
      <c r="IF18" s="137">
        <v>1083387</v>
      </c>
      <c r="IG18" s="135">
        <v>2232298</v>
      </c>
      <c r="IH18" s="137">
        <v>1157078</v>
      </c>
      <c r="II18" s="138">
        <v>7573268</v>
      </c>
      <c r="IJ18" s="150">
        <v>7573268</v>
      </c>
      <c r="IK18" s="232">
        <v>0</v>
      </c>
      <c r="IL18" s="236">
        <v>0</v>
      </c>
      <c r="IM18" s="237">
        <v>0</v>
      </c>
      <c r="IN18" s="140"/>
      <c r="IO18" s="119">
        <v>66930</v>
      </c>
      <c r="IP18" s="119">
        <v>0</v>
      </c>
      <c r="IQ18" s="119">
        <v>0</v>
      </c>
      <c r="IR18" s="119">
        <v>0</v>
      </c>
      <c r="IS18" s="119">
        <v>0</v>
      </c>
      <c r="IT18" s="141">
        <v>66930</v>
      </c>
      <c r="IU18" s="321">
        <v>6693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916473</v>
      </c>
      <c r="JL18" s="119">
        <v>465761</v>
      </c>
      <c r="JM18" s="119">
        <v>637452</v>
      </c>
      <c r="JN18" s="119">
        <v>235656</v>
      </c>
      <c r="JO18" s="119">
        <v>0</v>
      </c>
      <c r="JP18" s="120">
        <v>2255342</v>
      </c>
      <c r="JQ18" s="321">
        <v>2255342</v>
      </c>
      <c r="JR18" s="142">
        <v>0</v>
      </c>
      <c r="JS18" s="119">
        <v>0</v>
      </c>
      <c r="JT18" s="141">
        <v>0</v>
      </c>
      <c r="JU18" s="118">
        <v>0</v>
      </c>
      <c r="JV18" s="119">
        <v>0</v>
      </c>
      <c r="JW18" s="119">
        <v>46473</v>
      </c>
      <c r="JX18" s="119">
        <v>0</v>
      </c>
      <c r="JY18" s="119">
        <v>0</v>
      </c>
      <c r="JZ18" s="119">
        <v>0</v>
      </c>
      <c r="KA18" s="120">
        <v>46473</v>
      </c>
      <c r="KB18" s="321">
        <v>46473</v>
      </c>
      <c r="KC18" s="234">
        <v>0</v>
      </c>
      <c r="KD18" s="230">
        <v>0</v>
      </c>
      <c r="KE18" s="120">
        <v>0</v>
      </c>
      <c r="KF18" s="118">
        <v>0</v>
      </c>
      <c r="KG18" s="119">
        <v>106801</v>
      </c>
      <c r="KH18" s="119">
        <v>162654</v>
      </c>
      <c r="KI18" s="119">
        <v>0</v>
      </c>
      <c r="KJ18" s="119">
        <v>459375</v>
      </c>
      <c r="KK18" s="119">
        <v>0</v>
      </c>
      <c r="KL18" s="120">
        <v>728830</v>
      </c>
      <c r="KM18" s="143">
        <v>728830</v>
      </c>
      <c r="KN18" s="232">
        <v>0</v>
      </c>
      <c r="KO18" s="236">
        <v>0</v>
      </c>
      <c r="KP18" s="237">
        <v>0</v>
      </c>
      <c r="KQ18" s="140"/>
      <c r="KR18" s="119">
        <v>630045</v>
      </c>
      <c r="KS18" s="119">
        <v>212661</v>
      </c>
      <c r="KT18" s="119">
        <v>445935</v>
      </c>
      <c r="KU18" s="119">
        <v>876363</v>
      </c>
      <c r="KV18" s="119">
        <v>0</v>
      </c>
      <c r="KW18" s="120">
        <v>2165004</v>
      </c>
      <c r="KX18" s="321">
        <v>2165004</v>
      </c>
      <c r="KY18" s="142">
        <v>0</v>
      </c>
      <c r="KZ18" s="119">
        <v>0</v>
      </c>
      <c r="LA18" s="120">
        <v>0</v>
      </c>
      <c r="LB18" s="145"/>
      <c r="LC18" s="119">
        <v>0</v>
      </c>
      <c r="LD18" s="119">
        <v>317338</v>
      </c>
      <c r="LE18" s="119">
        <v>0</v>
      </c>
      <c r="LF18" s="119">
        <v>384314</v>
      </c>
      <c r="LG18" s="119">
        <v>0</v>
      </c>
      <c r="LH18" s="120">
        <v>701652</v>
      </c>
      <c r="LI18" s="121">
        <v>701652</v>
      </c>
      <c r="LJ18" s="142">
        <v>0</v>
      </c>
      <c r="LK18" s="119">
        <v>0</v>
      </c>
      <c r="LL18" s="120">
        <v>0</v>
      </c>
      <c r="LM18" s="145"/>
      <c r="LN18" s="119">
        <v>0</v>
      </c>
      <c r="LO18" s="119">
        <v>0</v>
      </c>
      <c r="LP18" s="119">
        <v>0</v>
      </c>
      <c r="LQ18" s="119">
        <v>0</v>
      </c>
      <c r="LR18" s="119">
        <v>256222</v>
      </c>
      <c r="LS18" s="120">
        <v>256222</v>
      </c>
      <c r="LT18" s="321">
        <v>256222</v>
      </c>
      <c r="LU18" s="142">
        <v>0</v>
      </c>
      <c r="LV18" s="119">
        <v>0</v>
      </c>
      <c r="LW18" s="120">
        <v>0</v>
      </c>
      <c r="LX18" s="145"/>
      <c r="LY18" s="119">
        <v>0</v>
      </c>
      <c r="LZ18" s="119">
        <v>175369</v>
      </c>
      <c r="MA18" s="119">
        <v>0</v>
      </c>
      <c r="MB18" s="119">
        <v>276590</v>
      </c>
      <c r="MC18" s="119">
        <v>900856</v>
      </c>
      <c r="MD18" s="120">
        <v>1352815</v>
      </c>
      <c r="ME18" s="121">
        <v>1352815</v>
      </c>
      <c r="MF18" s="142">
        <v>0</v>
      </c>
      <c r="MG18" s="119">
        <v>0</v>
      </c>
      <c r="MH18" s="120">
        <v>0</v>
      </c>
      <c r="MI18" s="145"/>
      <c r="MJ18" s="119">
        <v>0</v>
      </c>
      <c r="MK18" s="119">
        <v>1080393</v>
      </c>
      <c r="ML18" s="119">
        <v>2301248</v>
      </c>
      <c r="MM18" s="119">
        <v>5620046</v>
      </c>
      <c r="MN18" s="119">
        <v>1978419</v>
      </c>
      <c r="MO18" s="120">
        <v>10980106</v>
      </c>
      <c r="MP18" s="143">
        <v>10980106</v>
      </c>
      <c r="MQ18" s="142">
        <v>0</v>
      </c>
      <c r="MR18" s="119">
        <v>0</v>
      </c>
      <c r="MS18" s="120">
        <v>0</v>
      </c>
      <c r="MT18" s="145"/>
      <c r="MU18" s="119">
        <v>0</v>
      </c>
      <c r="MV18" s="119">
        <v>0</v>
      </c>
      <c r="MW18" s="119">
        <v>904058</v>
      </c>
      <c r="MX18" s="119">
        <v>2769230</v>
      </c>
      <c r="MY18" s="119">
        <v>1218760</v>
      </c>
      <c r="MZ18" s="120">
        <v>4892048</v>
      </c>
      <c r="NA18" s="143">
        <v>4892048</v>
      </c>
      <c r="NB18" s="142">
        <v>0</v>
      </c>
      <c r="NC18" s="119">
        <v>0</v>
      </c>
      <c r="ND18" s="120">
        <v>0</v>
      </c>
      <c r="NE18" s="145"/>
      <c r="NF18" s="119">
        <v>0</v>
      </c>
      <c r="NG18" s="119">
        <v>1080393</v>
      </c>
      <c r="NH18" s="119">
        <v>1397190</v>
      </c>
      <c r="NI18" s="119">
        <v>2550020</v>
      </c>
      <c r="NJ18" s="119">
        <v>759659</v>
      </c>
      <c r="NK18" s="120">
        <v>5787262</v>
      </c>
      <c r="NL18" s="321">
        <v>5787262</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00796</v>
      </c>
      <c r="OF18" s="119">
        <v>0</v>
      </c>
      <c r="OG18" s="120">
        <v>300796</v>
      </c>
      <c r="OH18" s="121">
        <v>300796</v>
      </c>
      <c r="OI18" s="142">
        <v>1000854</v>
      </c>
      <c r="OJ18" s="119">
        <v>1316792</v>
      </c>
      <c r="OK18" s="141">
        <v>2317646</v>
      </c>
      <c r="OL18" s="118">
        <v>0</v>
      </c>
      <c r="OM18" s="119">
        <v>6471911</v>
      </c>
      <c r="ON18" s="119">
        <v>7032581</v>
      </c>
      <c r="OO18" s="119">
        <v>10660692</v>
      </c>
      <c r="OP18" s="119">
        <v>15245191</v>
      </c>
      <c r="OQ18" s="119">
        <v>8299806</v>
      </c>
      <c r="OR18" s="120">
        <v>47710181</v>
      </c>
      <c r="OS18" s="143">
        <v>50027827</v>
      </c>
    </row>
    <row r="19" spans="2:409" ht="20.25" customHeight="1" x14ac:dyDescent="0.2">
      <c r="B19" s="126" t="s">
        <v>13</v>
      </c>
      <c r="C19" s="110">
        <v>455065</v>
      </c>
      <c r="D19" s="114">
        <v>450826</v>
      </c>
      <c r="E19" s="113">
        <v>905891</v>
      </c>
      <c r="F19" s="110">
        <v>0</v>
      </c>
      <c r="G19" s="170">
        <v>3365922</v>
      </c>
      <c r="H19" s="114">
        <v>4505214</v>
      </c>
      <c r="I19" s="114">
        <v>6271489</v>
      </c>
      <c r="J19" s="114">
        <v>4238936</v>
      </c>
      <c r="K19" s="114">
        <v>3829527</v>
      </c>
      <c r="L19" s="112">
        <v>22211088</v>
      </c>
      <c r="M19" s="116">
        <v>23116979</v>
      </c>
      <c r="N19" s="110">
        <v>91135</v>
      </c>
      <c r="O19" s="114">
        <v>113226</v>
      </c>
      <c r="P19" s="113">
        <v>204361</v>
      </c>
      <c r="Q19" s="110">
        <v>0</v>
      </c>
      <c r="R19" s="114">
        <v>937754</v>
      </c>
      <c r="S19" s="114">
        <v>1534028</v>
      </c>
      <c r="T19" s="114">
        <v>2389717</v>
      </c>
      <c r="U19" s="114">
        <v>2305050</v>
      </c>
      <c r="V19" s="114">
        <v>1960360</v>
      </c>
      <c r="W19" s="113">
        <v>9126909</v>
      </c>
      <c r="X19" s="116">
        <v>9331270</v>
      </c>
      <c r="Y19" s="110">
        <v>0</v>
      </c>
      <c r="Z19" s="114">
        <v>0</v>
      </c>
      <c r="AA19" s="113">
        <v>0</v>
      </c>
      <c r="AB19" s="110">
        <v>0</v>
      </c>
      <c r="AC19" s="114">
        <v>357747</v>
      </c>
      <c r="AD19" s="114">
        <v>684706</v>
      </c>
      <c r="AE19" s="114">
        <v>1249864</v>
      </c>
      <c r="AF19" s="114">
        <v>1471060</v>
      </c>
      <c r="AG19" s="114">
        <v>1341182</v>
      </c>
      <c r="AH19" s="113">
        <v>5104559</v>
      </c>
      <c r="AI19" s="116">
        <v>5104559</v>
      </c>
      <c r="AJ19" s="110">
        <v>0</v>
      </c>
      <c r="AK19" s="114">
        <v>0</v>
      </c>
      <c r="AL19" s="113">
        <v>0</v>
      </c>
      <c r="AM19" s="110">
        <v>0</v>
      </c>
      <c r="AN19" s="114">
        <v>0</v>
      </c>
      <c r="AO19" s="114">
        <v>0</v>
      </c>
      <c r="AP19" s="114">
        <v>144317</v>
      </c>
      <c r="AQ19" s="114">
        <v>164187</v>
      </c>
      <c r="AR19" s="114">
        <v>0</v>
      </c>
      <c r="AS19" s="113">
        <v>308504</v>
      </c>
      <c r="AT19" s="116">
        <v>308504</v>
      </c>
      <c r="AU19" s="110">
        <v>8437</v>
      </c>
      <c r="AV19" s="114">
        <v>51794</v>
      </c>
      <c r="AW19" s="113">
        <v>60231</v>
      </c>
      <c r="AX19" s="110">
        <v>0</v>
      </c>
      <c r="AY19" s="114">
        <v>390615</v>
      </c>
      <c r="AZ19" s="114">
        <v>310203</v>
      </c>
      <c r="BA19" s="114">
        <v>636913</v>
      </c>
      <c r="BB19" s="114">
        <v>422661</v>
      </c>
      <c r="BC19" s="114">
        <v>378105</v>
      </c>
      <c r="BD19" s="113">
        <v>2138497</v>
      </c>
      <c r="BE19" s="116">
        <v>2198728</v>
      </c>
      <c r="BF19" s="110">
        <v>0</v>
      </c>
      <c r="BG19" s="114">
        <v>0</v>
      </c>
      <c r="BH19" s="112">
        <v>0</v>
      </c>
      <c r="BI19" s="111">
        <v>0</v>
      </c>
      <c r="BJ19" s="114">
        <v>0</v>
      </c>
      <c r="BK19" s="114">
        <v>316190</v>
      </c>
      <c r="BL19" s="114">
        <v>37932</v>
      </c>
      <c r="BM19" s="114">
        <v>0</v>
      </c>
      <c r="BN19" s="114">
        <v>75047</v>
      </c>
      <c r="BO19" s="113">
        <v>429169</v>
      </c>
      <c r="BP19" s="116">
        <v>429169</v>
      </c>
      <c r="BQ19" s="110">
        <v>82698</v>
      </c>
      <c r="BR19" s="114">
        <v>61432</v>
      </c>
      <c r="BS19" s="113">
        <v>144130</v>
      </c>
      <c r="BT19" s="110">
        <v>0</v>
      </c>
      <c r="BU19" s="114">
        <v>189392</v>
      </c>
      <c r="BV19" s="114">
        <v>222929</v>
      </c>
      <c r="BW19" s="114">
        <v>320691</v>
      </c>
      <c r="BX19" s="114">
        <v>247142</v>
      </c>
      <c r="BY19" s="114">
        <v>166026</v>
      </c>
      <c r="BZ19" s="113">
        <v>1146180</v>
      </c>
      <c r="CA19" s="116">
        <v>1290310</v>
      </c>
      <c r="CB19" s="110">
        <v>0</v>
      </c>
      <c r="CC19" s="114">
        <v>32713</v>
      </c>
      <c r="CD19" s="113">
        <v>32713</v>
      </c>
      <c r="CE19" s="110">
        <v>0</v>
      </c>
      <c r="CF19" s="114">
        <v>631727</v>
      </c>
      <c r="CG19" s="114">
        <v>1047740</v>
      </c>
      <c r="CH19" s="114">
        <v>1244460</v>
      </c>
      <c r="CI19" s="114">
        <v>431531</v>
      </c>
      <c r="CJ19" s="114">
        <v>154528</v>
      </c>
      <c r="CK19" s="113">
        <v>3509986</v>
      </c>
      <c r="CL19" s="116">
        <v>3542699</v>
      </c>
      <c r="CM19" s="110">
        <v>0</v>
      </c>
      <c r="CN19" s="114">
        <v>0</v>
      </c>
      <c r="CO19" s="113">
        <v>0</v>
      </c>
      <c r="CP19" s="111">
        <v>0</v>
      </c>
      <c r="CQ19" s="114">
        <v>598396</v>
      </c>
      <c r="CR19" s="114">
        <v>954781</v>
      </c>
      <c r="CS19" s="114">
        <v>1050920</v>
      </c>
      <c r="CT19" s="114">
        <v>327242</v>
      </c>
      <c r="CU19" s="114">
        <v>67880</v>
      </c>
      <c r="CV19" s="113">
        <v>2999219</v>
      </c>
      <c r="CW19" s="116">
        <v>2999219</v>
      </c>
      <c r="CX19" s="110">
        <v>0</v>
      </c>
      <c r="CY19" s="114">
        <v>32713</v>
      </c>
      <c r="CZ19" s="113">
        <v>32713</v>
      </c>
      <c r="DA19" s="110">
        <v>0</v>
      </c>
      <c r="DB19" s="114">
        <v>33331</v>
      </c>
      <c r="DC19" s="114">
        <v>92959</v>
      </c>
      <c r="DD19" s="114">
        <v>193540</v>
      </c>
      <c r="DE19" s="114">
        <v>104289</v>
      </c>
      <c r="DF19" s="114">
        <v>86648</v>
      </c>
      <c r="DG19" s="113">
        <v>510767</v>
      </c>
      <c r="DH19" s="116">
        <v>543480</v>
      </c>
      <c r="DI19" s="110">
        <v>0</v>
      </c>
      <c r="DJ19" s="114">
        <v>0</v>
      </c>
      <c r="DK19" s="112">
        <v>0</v>
      </c>
      <c r="DL19" s="111">
        <v>0</v>
      </c>
      <c r="DM19" s="114">
        <v>60808</v>
      </c>
      <c r="DN19" s="114">
        <v>78938</v>
      </c>
      <c r="DO19" s="114">
        <v>436386</v>
      </c>
      <c r="DP19" s="114">
        <v>280515</v>
      </c>
      <c r="DQ19" s="114">
        <v>306278</v>
      </c>
      <c r="DR19" s="113">
        <v>1162925</v>
      </c>
      <c r="DS19" s="116">
        <v>1162925</v>
      </c>
      <c r="DT19" s="110">
        <v>0</v>
      </c>
      <c r="DU19" s="114">
        <v>0</v>
      </c>
      <c r="DV19" s="113">
        <v>0</v>
      </c>
      <c r="DW19" s="110">
        <v>0</v>
      </c>
      <c r="DX19" s="114">
        <v>60808</v>
      </c>
      <c r="DY19" s="114">
        <v>78938</v>
      </c>
      <c r="DZ19" s="114">
        <v>386672</v>
      </c>
      <c r="EA19" s="114">
        <v>128218</v>
      </c>
      <c r="EB19" s="114">
        <v>306278</v>
      </c>
      <c r="EC19" s="113">
        <v>960914</v>
      </c>
      <c r="ED19" s="116">
        <v>960914</v>
      </c>
      <c r="EE19" s="110">
        <v>0</v>
      </c>
      <c r="EF19" s="112">
        <v>0</v>
      </c>
      <c r="EG19" s="113">
        <v>0</v>
      </c>
      <c r="EH19" s="110">
        <v>0</v>
      </c>
      <c r="EI19" s="114">
        <v>0</v>
      </c>
      <c r="EJ19" s="114">
        <v>0</v>
      </c>
      <c r="EK19" s="114">
        <v>49714</v>
      </c>
      <c r="EL19" s="114">
        <v>152297</v>
      </c>
      <c r="EM19" s="114">
        <v>0</v>
      </c>
      <c r="EN19" s="112">
        <v>202011</v>
      </c>
      <c r="EO19" s="116">
        <v>202011</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8"/>
      <c r="FE19" s="114">
        <v>0</v>
      </c>
      <c r="FF19" s="114">
        <v>0</v>
      </c>
      <c r="FG19" s="114">
        <v>0</v>
      </c>
      <c r="FH19" s="114">
        <v>0</v>
      </c>
      <c r="FI19" s="114">
        <v>0</v>
      </c>
      <c r="FJ19" s="113">
        <v>0</v>
      </c>
      <c r="FK19" s="116">
        <v>0</v>
      </c>
      <c r="FL19" s="110">
        <v>39550</v>
      </c>
      <c r="FM19" s="114">
        <v>52339</v>
      </c>
      <c r="FN19" s="113">
        <v>91889</v>
      </c>
      <c r="FO19" s="110">
        <v>0</v>
      </c>
      <c r="FP19" s="114">
        <v>158095</v>
      </c>
      <c r="FQ19" s="114">
        <v>453180</v>
      </c>
      <c r="FR19" s="114">
        <v>330953</v>
      </c>
      <c r="FS19" s="114">
        <v>268975</v>
      </c>
      <c r="FT19" s="114">
        <v>172795</v>
      </c>
      <c r="FU19" s="113">
        <v>1383998</v>
      </c>
      <c r="FV19" s="116">
        <v>1475887</v>
      </c>
      <c r="FW19" s="115">
        <v>18900</v>
      </c>
      <c r="FX19" s="114">
        <v>43869</v>
      </c>
      <c r="FY19" s="112">
        <v>62769</v>
      </c>
      <c r="FZ19" s="111">
        <v>0</v>
      </c>
      <c r="GA19" s="114">
        <v>63700</v>
      </c>
      <c r="GB19" s="114">
        <v>361130</v>
      </c>
      <c r="GC19" s="114">
        <v>309953</v>
      </c>
      <c r="GD19" s="114">
        <v>242410</v>
      </c>
      <c r="GE19" s="114">
        <v>172795</v>
      </c>
      <c r="GF19" s="113">
        <v>1149988</v>
      </c>
      <c r="GG19" s="319">
        <v>1212757</v>
      </c>
      <c r="GH19" s="115">
        <v>0</v>
      </c>
      <c r="GI19" s="114">
        <v>8470</v>
      </c>
      <c r="GJ19" s="112">
        <v>8470</v>
      </c>
      <c r="GK19" s="111">
        <v>0</v>
      </c>
      <c r="GL19" s="114">
        <v>10395</v>
      </c>
      <c r="GM19" s="114">
        <v>0</v>
      </c>
      <c r="GN19" s="114">
        <v>0</v>
      </c>
      <c r="GO19" s="114">
        <v>26565</v>
      </c>
      <c r="GP19" s="114">
        <v>0</v>
      </c>
      <c r="GQ19" s="113">
        <v>36960</v>
      </c>
      <c r="GR19" s="116">
        <v>45430</v>
      </c>
      <c r="GS19" s="110">
        <v>20650</v>
      </c>
      <c r="GT19" s="114">
        <v>0</v>
      </c>
      <c r="GU19" s="113">
        <v>20650</v>
      </c>
      <c r="GV19" s="110">
        <v>0</v>
      </c>
      <c r="GW19" s="114">
        <v>84000</v>
      </c>
      <c r="GX19" s="114">
        <v>92050</v>
      </c>
      <c r="GY19" s="114">
        <v>21000</v>
      </c>
      <c r="GZ19" s="114">
        <v>0</v>
      </c>
      <c r="HA19" s="114">
        <v>0</v>
      </c>
      <c r="HB19" s="112">
        <v>197050</v>
      </c>
      <c r="HC19" s="116">
        <v>217700</v>
      </c>
      <c r="HD19" s="110">
        <v>324380</v>
      </c>
      <c r="HE19" s="114">
        <v>252548</v>
      </c>
      <c r="HF19" s="112">
        <v>576928</v>
      </c>
      <c r="HG19" s="111">
        <v>0</v>
      </c>
      <c r="HH19" s="114">
        <v>1577538</v>
      </c>
      <c r="HI19" s="114">
        <v>1391328</v>
      </c>
      <c r="HJ19" s="114">
        <v>1869973</v>
      </c>
      <c r="HK19" s="114">
        <v>952865</v>
      </c>
      <c r="HL19" s="114">
        <v>1235566</v>
      </c>
      <c r="HM19" s="113">
        <v>7027270</v>
      </c>
      <c r="HN19" s="109">
        <v>7604198</v>
      </c>
      <c r="HO19" s="329"/>
      <c r="HP19" s="330"/>
      <c r="HQ19" s="331"/>
      <c r="HR19" s="332"/>
      <c r="HS19" s="330"/>
      <c r="HT19" s="330"/>
      <c r="HU19" s="330"/>
      <c r="HV19" s="330"/>
      <c r="HW19" s="330"/>
      <c r="HX19" s="333"/>
      <c r="HY19" s="334"/>
      <c r="HZ19" s="131">
        <v>0</v>
      </c>
      <c r="IA19" s="132">
        <v>0</v>
      </c>
      <c r="IB19" s="133">
        <v>0</v>
      </c>
      <c r="IC19" s="146">
        <v>0</v>
      </c>
      <c r="ID19" s="132">
        <v>238849</v>
      </c>
      <c r="IE19" s="147">
        <v>408446</v>
      </c>
      <c r="IF19" s="133">
        <v>1486452</v>
      </c>
      <c r="IG19" s="132">
        <v>396010</v>
      </c>
      <c r="IH19" s="133">
        <v>0</v>
      </c>
      <c r="II19" s="148">
        <v>2529757</v>
      </c>
      <c r="IJ19" s="139">
        <v>2529757</v>
      </c>
      <c r="IK19" s="232">
        <v>0</v>
      </c>
      <c r="IL19" s="236">
        <v>0</v>
      </c>
      <c r="IM19" s="237">
        <v>0</v>
      </c>
      <c r="IN19" s="140"/>
      <c r="IO19" s="119">
        <v>0</v>
      </c>
      <c r="IP19" s="119">
        <v>0</v>
      </c>
      <c r="IQ19" s="119">
        <v>0</v>
      </c>
      <c r="IR19" s="119">
        <v>0</v>
      </c>
      <c r="IS19" s="119">
        <v>0</v>
      </c>
      <c r="IT19" s="141">
        <v>0</v>
      </c>
      <c r="IU19" s="321">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238849</v>
      </c>
      <c r="JL19" s="119">
        <v>408446</v>
      </c>
      <c r="JM19" s="119">
        <v>483372</v>
      </c>
      <c r="JN19" s="119">
        <v>207702</v>
      </c>
      <c r="JO19" s="119">
        <v>0</v>
      </c>
      <c r="JP19" s="120">
        <v>1338369</v>
      </c>
      <c r="JQ19" s="321">
        <v>1338369</v>
      </c>
      <c r="JR19" s="142">
        <v>0</v>
      </c>
      <c r="JS19" s="119">
        <v>0</v>
      </c>
      <c r="JT19" s="141">
        <v>0</v>
      </c>
      <c r="JU19" s="118">
        <v>0</v>
      </c>
      <c r="JV19" s="119">
        <v>0</v>
      </c>
      <c r="JW19" s="119">
        <v>0</v>
      </c>
      <c r="JX19" s="119">
        <v>0</v>
      </c>
      <c r="JY19" s="119">
        <v>0</v>
      </c>
      <c r="JZ19" s="119">
        <v>0</v>
      </c>
      <c r="KA19" s="120">
        <v>0</v>
      </c>
      <c r="KB19" s="321">
        <v>0</v>
      </c>
      <c r="KC19" s="234">
        <v>0</v>
      </c>
      <c r="KD19" s="230">
        <v>0</v>
      </c>
      <c r="KE19" s="120">
        <v>0</v>
      </c>
      <c r="KF19" s="118">
        <v>0</v>
      </c>
      <c r="KG19" s="119">
        <v>0</v>
      </c>
      <c r="KH19" s="119">
        <v>0</v>
      </c>
      <c r="KI19" s="119">
        <v>209136</v>
      </c>
      <c r="KJ19" s="119">
        <v>0</v>
      </c>
      <c r="KK19" s="119">
        <v>0</v>
      </c>
      <c r="KL19" s="120">
        <v>209136</v>
      </c>
      <c r="KM19" s="143">
        <v>209136</v>
      </c>
      <c r="KN19" s="232">
        <v>0</v>
      </c>
      <c r="KO19" s="236">
        <v>0</v>
      </c>
      <c r="KP19" s="237">
        <v>0</v>
      </c>
      <c r="KQ19" s="140"/>
      <c r="KR19" s="119">
        <v>0</v>
      </c>
      <c r="KS19" s="119">
        <v>0</v>
      </c>
      <c r="KT19" s="119">
        <v>449850</v>
      </c>
      <c r="KU19" s="119">
        <v>0</v>
      </c>
      <c r="KV19" s="119">
        <v>0</v>
      </c>
      <c r="KW19" s="120">
        <v>449850</v>
      </c>
      <c r="KX19" s="321">
        <v>449850</v>
      </c>
      <c r="KY19" s="142">
        <v>0</v>
      </c>
      <c r="KZ19" s="119">
        <v>0</v>
      </c>
      <c r="LA19" s="120">
        <v>0</v>
      </c>
      <c r="LB19" s="145"/>
      <c r="LC19" s="119">
        <v>0</v>
      </c>
      <c r="LD19" s="119">
        <v>0</v>
      </c>
      <c r="LE19" s="119">
        <v>344094</v>
      </c>
      <c r="LF19" s="119">
        <v>188308</v>
      </c>
      <c r="LG19" s="119">
        <v>0</v>
      </c>
      <c r="LH19" s="120">
        <v>532402</v>
      </c>
      <c r="LI19" s="121">
        <v>532402</v>
      </c>
      <c r="LJ19" s="142">
        <v>0</v>
      </c>
      <c r="LK19" s="119">
        <v>0</v>
      </c>
      <c r="LL19" s="120">
        <v>0</v>
      </c>
      <c r="LM19" s="145"/>
      <c r="LN19" s="119">
        <v>0</v>
      </c>
      <c r="LO19" s="119">
        <v>0</v>
      </c>
      <c r="LP19" s="119">
        <v>0</v>
      </c>
      <c r="LQ19" s="119">
        <v>0</v>
      </c>
      <c r="LR19" s="119">
        <v>0</v>
      </c>
      <c r="LS19" s="120">
        <v>0</v>
      </c>
      <c r="LT19" s="321">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0</v>
      </c>
      <c r="ML19" s="119">
        <v>1101139</v>
      </c>
      <c r="MM19" s="119">
        <v>1401113</v>
      </c>
      <c r="MN19" s="119">
        <v>1093837</v>
      </c>
      <c r="MO19" s="120">
        <v>3596089</v>
      </c>
      <c r="MP19" s="143">
        <v>3596089</v>
      </c>
      <c r="MQ19" s="142">
        <v>0</v>
      </c>
      <c r="MR19" s="119">
        <v>0</v>
      </c>
      <c r="MS19" s="120">
        <v>0</v>
      </c>
      <c r="MT19" s="145"/>
      <c r="MU19" s="119">
        <v>0</v>
      </c>
      <c r="MV19" s="119">
        <v>0</v>
      </c>
      <c r="MW19" s="119">
        <v>623279</v>
      </c>
      <c r="MX19" s="119">
        <v>702295</v>
      </c>
      <c r="MY19" s="119">
        <v>776879</v>
      </c>
      <c r="MZ19" s="120">
        <v>2102453</v>
      </c>
      <c r="NA19" s="143">
        <v>2102453</v>
      </c>
      <c r="NB19" s="142">
        <v>0</v>
      </c>
      <c r="NC19" s="119">
        <v>0</v>
      </c>
      <c r="ND19" s="120">
        <v>0</v>
      </c>
      <c r="NE19" s="145"/>
      <c r="NF19" s="119">
        <v>0</v>
      </c>
      <c r="NG19" s="119">
        <v>0</v>
      </c>
      <c r="NH19" s="119">
        <v>477860</v>
      </c>
      <c r="NI19" s="119">
        <v>698818</v>
      </c>
      <c r="NJ19" s="119">
        <v>316958</v>
      </c>
      <c r="NK19" s="120">
        <v>1493636</v>
      </c>
      <c r="NL19" s="321">
        <v>1493636</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455065</v>
      </c>
      <c r="OJ19" s="119">
        <v>450826</v>
      </c>
      <c r="OK19" s="141">
        <v>905891</v>
      </c>
      <c r="OL19" s="118">
        <v>0</v>
      </c>
      <c r="OM19" s="119">
        <v>3604771</v>
      </c>
      <c r="ON19" s="119">
        <v>4913660</v>
      </c>
      <c r="OO19" s="119">
        <v>8859080</v>
      </c>
      <c r="OP19" s="119">
        <v>6036059</v>
      </c>
      <c r="OQ19" s="119">
        <v>4923364</v>
      </c>
      <c r="OR19" s="120">
        <v>28336934</v>
      </c>
      <c r="OS19" s="143">
        <v>29242825</v>
      </c>
    </row>
    <row r="20" spans="2:409" ht="20.25" customHeight="1" x14ac:dyDescent="0.2">
      <c r="B20" s="126" t="s">
        <v>15</v>
      </c>
      <c r="C20" s="110">
        <v>162280</v>
      </c>
      <c r="D20" s="114">
        <v>235859</v>
      </c>
      <c r="E20" s="113">
        <v>398139</v>
      </c>
      <c r="F20" s="109">
        <v>0</v>
      </c>
      <c r="G20" s="114">
        <v>1271973</v>
      </c>
      <c r="H20" s="114">
        <v>1224025</v>
      </c>
      <c r="I20" s="114">
        <v>1252427</v>
      </c>
      <c r="J20" s="114">
        <v>955587</v>
      </c>
      <c r="K20" s="114">
        <v>1314831</v>
      </c>
      <c r="L20" s="109">
        <v>6018843</v>
      </c>
      <c r="M20" s="116">
        <v>6416982</v>
      </c>
      <c r="N20" s="110">
        <v>0</v>
      </c>
      <c r="O20" s="114">
        <v>13272</v>
      </c>
      <c r="P20" s="113">
        <v>13272</v>
      </c>
      <c r="Q20" s="110">
        <v>0</v>
      </c>
      <c r="R20" s="114">
        <v>148636</v>
      </c>
      <c r="S20" s="114">
        <v>309057</v>
      </c>
      <c r="T20" s="114">
        <v>288166</v>
      </c>
      <c r="U20" s="114">
        <v>140491</v>
      </c>
      <c r="V20" s="114">
        <v>958358</v>
      </c>
      <c r="W20" s="113">
        <v>1844708</v>
      </c>
      <c r="X20" s="116">
        <v>1857980</v>
      </c>
      <c r="Y20" s="110">
        <v>0</v>
      </c>
      <c r="Z20" s="114">
        <v>0</v>
      </c>
      <c r="AA20" s="113">
        <v>0</v>
      </c>
      <c r="AB20" s="110">
        <v>0</v>
      </c>
      <c r="AC20" s="114">
        <v>74379</v>
      </c>
      <c r="AD20" s="114">
        <v>81052</v>
      </c>
      <c r="AE20" s="114">
        <v>49759</v>
      </c>
      <c r="AF20" s="114">
        <v>4111</v>
      </c>
      <c r="AG20" s="114">
        <v>533580</v>
      </c>
      <c r="AH20" s="113">
        <v>742881</v>
      </c>
      <c r="AI20" s="116">
        <v>742881</v>
      </c>
      <c r="AJ20" s="110">
        <v>0</v>
      </c>
      <c r="AK20" s="114">
        <v>0</v>
      </c>
      <c r="AL20" s="113">
        <v>0</v>
      </c>
      <c r="AM20" s="110">
        <v>0</v>
      </c>
      <c r="AN20" s="114">
        <v>0</v>
      </c>
      <c r="AO20" s="114">
        <v>0</v>
      </c>
      <c r="AP20" s="114">
        <v>0</v>
      </c>
      <c r="AQ20" s="114">
        <v>0</v>
      </c>
      <c r="AR20" s="114">
        <v>122669</v>
      </c>
      <c r="AS20" s="113">
        <v>122669</v>
      </c>
      <c r="AT20" s="116">
        <v>122669</v>
      </c>
      <c r="AU20" s="110">
        <v>0</v>
      </c>
      <c r="AV20" s="114">
        <v>0</v>
      </c>
      <c r="AW20" s="113">
        <v>0</v>
      </c>
      <c r="AX20" s="110">
        <v>0</v>
      </c>
      <c r="AY20" s="114">
        <v>28183</v>
      </c>
      <c r="AZ20" s="114">
        <v>124594</v>
      </c>
      <c r="BA20" s="114">
        <v>112514</v>
      </c>
      <c r="BB20" s="114">
        <v>92610</v>
      </c>
      <c r="BC20" s="114">
        <v>134264</v>
      </c>
      <c r="BD20" s="113">
        <v>492165</v>
      </c>
      <c r="BE20" s="116">
        <v>492165</v>
      </c>
      <c r="BF20" s="110">
        <v>0</v>
      </c>
      <c r="BG20" s="114">
        <v>0</v>
      </c>
      <c r="BH20" s="112">
        <v>0</v>
      </c>
      <c r="BI20" s="111">
        <v>0</v>
      </c>
      <c r="BJ20" s="114">
        <v>0</v>
      </c>
      <c r="BK20" s="114">
        <v>0</v>
      </c>
      <c r="BL20" s="114">
        <v>61213</v>
      </c>
      <c r="BM20" s="114">
        <v>20404</v>
      </c>
      <c r="BN20" s="114">
        <v>74815</v>
      </c>
      <c r="BO20" s="113">
        <v>156432</v>
      </c>
      <c r="BP20" s="116">
        <v>156432</v>
      </c>
      <c r="BQ20" s="110">
        <v>0</v>
      </c>
      <c r="BR20" s="114">
        <v>13272</v>
      </c>
      <c r="BS20" s="113">
        <v>13272</v>
      </c>
      <c r="BT20" s="110">
        <v>0</v>
      </c>
      <c r="BU20" s="114">
        <v>46074</v>
      </c>
      <c r="BV20" s="114">
        <v>103411</v>
      </c>
      <c r="BW20" s="114">
        <v>64680</v>
      </c>
      <c r="BX20" s="114">
        <v>23366</v>
      </c>
      <c r="BY20" s="114">
        <v>93030</v>
      </c>
      <c r="BZ20" s="113">
        <v>330561</v>
      </c>
      <c r="CA20" s="116">
        <v>343833</v>
      </c>
      <c r="CB20" s="110">
        <v>0</v>
      </c>
      <c r="CC20" s="114">
        <v>33949</v>
      </c>
      <c r="CD20" s="113">
        <v>33949</v>
      </c>
      <c r="CE20" s="110">
        <v>0</v>
      </c>
      <c r="CF20" s="114">
        <v>235815</v>
      </c>
      <c r="CG20" s="114">
        <v>172679</v>
      </c>
      <c r="CH20" s="114">
        <v>347704</v>
      </c>
      <c r="CI20" s="114">
        <v>139466</v>
      </c>
      <c r="CJ20" s="114">
        <v>218048</v>
      </c>
      <c r="CK20" s="113">
        <v>1113712</v>
      </c>
      <c r="CL20" s="116">
        <v>1147661</v>
      </c>
      <c r="CM20" s="110">
        <v>0</v>
      </c>
      <c r="CN20" s="114">
        <v>0</v>
      </c>
      <c r="CO20" s="113">
        <v>0</v>
      </c>
      <c r="CP20" s="111">
        <v>0</v>
      </c>
      <c r="CQ20" s="114">
        <v>133849</v>
      </c>
      <c r="CR20" s="114">
        <v>47194</v>
      </c>
      <c r="CS20" s="114">
        <v>217442</v>
      </c>
      <c r="CT20" s="114">
        <v>82234</v>
      </c>
      <c r="CU20" s="114">
        <v>101183</v>
      </c>
      <c r="CV20" s="113">
        <v>581902</v>
      </c>
      <c r="CW20" s="116">
        <v>581902</v>
      </c>
      <c r="CX20" s="110">
        <v>0</v>
      </c>
      <c r="CY20" s="114">
        <v>33949</v>
      </c>
      <c r="CZ20" s="113">
        <v>33949</v>
      </c>
      <c r="DA20" s="110">
        <v>0</v>
      </c>
      <c r="DB20" s="114">
        <v>101966</v>
      </c>
      <c r="DC20" s="114">
        <v>125485</v>
      </c>
      <c r="DD20" s="114">
        <v>130262</v>
      </c>
      <c r="DE20" s="114">
        <v>57232</v>
      </c>
      <c r="DF20" s="114">
        <v>116865</v>
      </c>
      <c r="DG20" s="113">
        <v>531810</v>
      </c>
      <c r="DH20" s="116">
        <v>565759</v>
      </c>
      <c r="DI20" s="110">
        <v>0</v>
      </c>
      <c r="DJ20" s="114">
        <v>0</v>
      </c>
      <c r="DK20" s="112">
        <v>0</v>
      </c>
      <c r="DL20" s="111">
        <v>0</v>
      </c>
      <c r="DM20" s="114">
        <v>15488</v>
      </c>
      <c r="DN20" s="114">
        <v>46791</v>
      </c>
      <c r="DO20" s="114">
        <v>0</v>
      </c>
      <c r="DP20" s="114">
        <v>401951</v>
      </c>
      <c r="DQ20" s="114">
        <v>0</v>
      </c>
      <c r="DR20" s="113">
        <v>464230</v>
      </c>
      <c r="DS20" s="116">
        <v>464230</v>
      </c>
      <c r="DT20" s="110">
        <v>0</v>
      </c>
      <c r="DU20" s="114">
        <v>0</v>
      </c>
      <c r="DV20" s="113">
        <v>0</v>
      </c>
      <c r="DW20" s="110">
        <v>0</v>
      </c>
      <c r="DX20" s="114">
        <v>15488</v>
      </c>
      <c r="DY20" s="114">
        <v>46791</v>
      </c>
      <c r="DZ20" s="114">
        <v>0</v>
      </c>
      <c r="EA20" s="114">
        <v>401951</v>
      </c>
      <c r="EB20" s="114">
        <v>0</v>
      </c>
      <c r="EC20" s="113">
        <v>464230</v>
      </c>
      <c r="ED20" s="116">
        <v>464230</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8"/>
      <c r="FE20" s="114">
        <v>0</v>
      </c>
      <c r="FF20" s="114">
        <v>0</v>
      </c>
      <c r="FG20" s="114">
        <v>0</v>
      </c>
      <c r="FH20" s="114">
        <v>0</v>
      </c>
      <c r="FI20" s="114">
        <v>0</v>
      </c>
      <c r="FJ20" s="113">
        <v>0</v>
      </c>
      <c r="FK20" s="116">
        <v>0</v>
      </c>
      <c r="FL20" s="110">
        <v>56000</v>
      </c>
      <c r="FM20" s="114">
        <v>24500</v>
      </c>
      <c r="FN20" s="113">
        <v>80500</v>
      </c>
      <c r="FO20" s="110">
        <v>0</v>
      </c>
      <c r="FP20" s="114">
        <v>26929</v>
      </c>
      <c r="FQ20" s="114">
        <v>90251</v>
      </c>
      <c r="FR20" s="114">
        <v>83153</v>
      </c>
      <c r="FS20" s="114">
        <v>273679</v>
      </c>
      <c r="FT20" s="114">
        <v>138425</v>
      </c>
      <c r="FU20" s="113">
        <v>612437</v>
      </c>
      <c r="FV20" s="116">
        <v>692937</v>
      </c>
      <c r="FW20" s="115">
        <v>0</v>
      </c>
      <c r="FX20" s="114">
        <v>24500</v>
      </c>
      <c r="FY20" s="112">
        <v>24500</v>
      </c>
      <c r="FZ20" s="111">
        <v>0</v>
      </c>
      <c r="GA20" s="114">
        <v>26929</v>
      </c>
      <c r="GB20" s="114">
        <v>90251</v>
      </c>
      <c r="GC20" s="114">
        <v>83153</v>
      </c>
      <c r="GD20" s="114">
        <v>172179</v>
      </c>
      <c r="GE20" s="114">
        <v>138425</v>
      </c>
      <c r="GF20" s="113">
        <v>510937</v>
      </c>
      <c r="GG20" s="319">
        <v>535437</v>
      </c>
      <c r="GH20" s="115">
        <v>0</v>
      </c>
      <c r="GI20" s="114">
        <v>0</v>
      </c>
      <c r="GJ20" s="112">
        <v>0</v>
      </c>
      <c r="GK20" s="111">
        <v>0</v>
      </c>
      <c r="GL20" s="114">
        <v>0</v>
      </c>
      <c r="GM20" s="114">
        <v>0</v>
      </c>
      <c r="GN20" s="114">
        <v>0</v>
      </c>
      <c r="GO20" s="114">
        <v>70000</v>
      </c>
      <c r="GP20" s="114">
        <v>0</v>
      </c>
      <c r="GQ20" s="113">
        <v>70000</v>
      </c>
      <c r="GR20" s="116">
        <v>70000</v>
      </c>
      <c r="GS20" s="110">
        <v>56000</v>
      </c>
      <c r="GT20" s="114">
        <v>0</v>
      </c>
      <c r="GU20" s="113">
        <v>56000</v>
      </c>
      <c r="GV20" s="110">
        <v>0</v>
      </c>
      <c r="GW20" s="114">
        <v>0</v>
      </c>
      <c r="GX20" s="114">
        <v>0</v>
      </c>
      <c r="GY20" s="114">
        <v>0</v>
      </c>
      <c r="GZ20" s="114">
        <v>31500</v>
      </c>
      <c r="HA20" s="114">
        <v>0</v>
      </c>
      <c r="HB20" s="112">
        <v>31500</v>
      </c>
      <c r="HC20" s="116">
        <v>87500</v>
      </c>
      <c r="HD20" s="110">
        <v>106280</v>
      </c>
      <c r="HE20" s="114">
        <v>164138</v>
      </c>
      <c r="HF20" s="112">
        <v>270418</v>
      </c>
      <c r="HG20" s="111">
        <v>0</v>
      </c>
      <c r="HH20" s="114">
        <v>845105</v>
      </c>
      <c r="HI20" s="114">
        <v>605247</v>
      </c>
      <c r="HJ20" s="114">
        <v>533404</v>
      </c>
      <c r="HK20" s="114">
        <v>0</v>
      </c>
      <c r="HL20" s="114">
        <v>0</v>
      </c>
      <c r="HM20" s="113">
        <v>1983756</v>
      </c>
      <c r="HN20" s="109">
        <v>2254174</v>
      </c>
      <c r="HO20" s="329"/>
      <c r="HP20" s="330"/>
      <c r="HQ20" s="331"/>
      <c r="HR20" s="332"/>
      <c r="HS20" s="330"/>
      <c r="HT20" s="330"/>
      <c r="HU20" s="330"/>
      <c r="HV20" s="330"/>
      <c r="HW20" s="330"/>
      <c r="HX20" s="333"/>
      <c r="HY20" s="334"/>
      <c r="HZ20" s="150">
        <v>0</v>
      </c>
      <c r="IA20" s="135">
        <v>0</v>
      </c>
      <c r="IB20" s="150">
        <v>0</v>
      </c>
      <c r="IC20" s="134">
        <v>0</v>
      </c>
      <c r="ID20" s="135">
        <v>158180</v>
      </c>
      <c r="IE20" s="136">
        <v>602588</v>
      </c>
      <c r="IF20" s="137">
        <v>257084</v>
      </c>
      <c r="IG20" s="135">
        <v>877829</v>
      </c>
      <c r="IH20" s="137">
        <v>246574</v>
      </c>
      <c r="II20" s="138">
        <v>2142255</v>
      </c>
      <c r="IJ20" s="150">
        <v>2142255</v>
      </c>
      <c r="IK20" s="232">
        <v>0</v>
      </c>
      <c r="IL20" s="236">
        <v>0</v>
      </c>
      <c r="IM20" s="237">
        <v>0</v>
      </c>
      <c r="IN20" s="140"/>
      <c r="IO20" s="119">
        <v>0</v>
      </c>
      <c r="IP20" s="119">
        <v>127280</v>
      </c>
      <c r="IQ20" s="119">
        <v>0</v>
      </c>
      <c r="IR20" s="119">
        <v>0</v>
      </c>
      <c r="IS20" s="119">
        <v>0</v>
      </c>
      <c r="IT20" s="141">
        <v>127280</v>
      </c>
      <c r="IU20" s="321">
        <v>127280</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58180</v>
      </c>
      <c r="JL20" s="119">
        <v>262780</v>
      </c>
      <c r="JM20" s="119">
        <v>43090</v>
      </c>
      <c r="JN20" s="119">
        <v>214733</v>
      </c>
      <c r="JO20" s="119">
        <v>22932</v>
      </c>
      <c r="JP20" s="120">
        <v>701715</v>
      </c>
      <c r="JQ20" s="321">
        <v>701715</v>
      </c>
      <c r="JR20" s="142">
        <v>0</v>
      </c>
      <c r="JS20" s="119">
        <v>0</v>
      </c>
      <c r="JT20" s="141">
        <v>0</v>
      </c>
      <c r="JU20" s="118">
        <v>0</v>
      </c>
      <c r="JV20" s="119">
        <v>0</v>
      </c>
      <c r="JW20" s="119">
        <v>0</v>
      </c>
      <c r="JX20" s="119">
        <v>0</v>
      </c>
      <c r="JY20" s="119">
        <v>0</v>
      </c>
      <c r="JZ20" s="119">
        <v>0</v>
      </c>
      <c r="KA20" s="120">
        <v>0</v>
      </c>
      <c r="KB20" s="321">
        <v>0</v>
      </c>
      <c r="KC20" s="234">
        <v>0</v>
      </c>
      <c r="KD20" s="230">
        <v>0</v>
      </c>
      <c r="KE20" s="120">
        <v>0</v>
      </c>
      <c r="KF20" s="118">
        <v>0</v>
      </c>
      <c r="KG20" s="119">
        <v>0</v>
      </c>
      <c r="KH20" s="119">
        <v>0</v>
      </c>
      <c r="KI20" s="119">
        <v>0</v>
      </c>
      <c r="KJ20" s="119">
        <v>0</v>
      </c>
      <c r="KK20" s="119">
        <v>0</v>
      </c>
      <c r="KL20" s="120">
        <v>0</v>
      </c>
      <c r="KM20" s="143">
        <v>0</v>
      </c>
      <c r="KN20" s="232">
        <v>0</v>
      </c>
      <c r="KO20" s="236">
        <v>0</v>
      </c>
      <c r="KP20" s="237">
        <v>0</v>
      </c>
      <c r="KQ20" s="140"/>
      <c r="KR20" s="119">
        <v>0</v>
      </c>
      <c r="KS20" s="119">
        <v>212528</v>
      </c>
      <c r="KT20" s="119">
        <v>0</v>
      </c>
      <c r="KU20" s="119">
        <v>663096</v>
      </c>
      <c r="KV20" s="119">
        <v>223642</v>
      </c>
      <c r="KW20" s="120">
        <v>1099266</v>
      </c>
      <c r="KX20" s="321">
        <v>1099266</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213994</v>
      </c>
      <c r="LQ20" s="119">
        <v>0</v>
      </c>
      <c r="LR20" s="119">
        <v>0</v>
      </c>
      <c r="LS20" s="120">
        <v>213994</v>
      </c>
      <c r="LT20" s="321">
        <v>213994</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189717</v>
      </c>
      <c r="MK20" s="119">
        <v>0</v>
      </c>
      <c r="ML20" s="119">
        <v>233181</v>
      </c>
      <c r="MM20" s="119">
        <v>665326</v>
      </c>
      <c r="MN20" s="119">
        <v>260572</v>
      </c>
      <c r="MO20" s="120">
        <v>1348796</v>
      </c>
      <c r="MP20" s="143">
        <v>1348796</v>
      </c>
      <c r="MQ20" s="142">
        <v>0</v>
      </c>
      <c r="MR20" s="119">
        <v>0</v>
      </c>
      <c r="MS20" s="120">
        <v>0</v>
      </c>
      <c r="MT20" s="145"/>
      <c r="MU20" s="119">
        <v>0</v>
      </c>
      <c r="MV20" s="119">
        <v>0</v>
      </c>
      <c r="MW20" s="119">
        <v>0</v>
      </c>
      <c r="MX20" s="119">
        <v>215740</v>
      </c>
      <c r="MY20" s="119">
        <v>260572</v>
      </c>
      <c r="MZ20" s="120">
        <v>476312</v>
      </c>
      <c r="NA20" s="143">
        <v>476312</v>
      </c>
      <c r="NB20" s="142">
        <v>0</v>
      </c>
      <c r="NC20" s="119">
        <v>0</v>
      </c>
      <c r="ND20" s="120">
        <v>0</v>
      </c>
      <c r="NE20" s="145"/>
      <c r="NF20" s="119">
        <v>189717</v>
      </c>
      <c r="NG20" s="119">
        <v>0</v>
      </c>
      <c r="NH20" s="119">
        <v>233181</v>
      </c>
      <c r="NI20" s="119">
        <v>449586</v>
      </c>
      <c r="NJ20" s="119">
        <v>0</v>
      </c>
      <c r="NK20" s="120">
        <v>872484</v>
      </c>
      <c r="NL20" s="321">
        <v>872484</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162280</v>
      </c>
      <c r="OJ20" s="119">
        <v>235859</v>
      </c>
      <c r="OK20" s="141">
        <v>398139</v>
      </c>
      <c r="OL20" s="118">
        <v>0</v>
      </c>
      <c r="OM20" s="119">
        <v>1619870</v>
      </c>
      <c r="ON20" s="119">
        <v>1826613</v>
      </c>
      <c r="OO20" s="119">
        <v>1742692</v>
      </c>
      <c r="OP20" s="119">
        <v>2498742</v>
      </c>
      <c r="OQ20" s="119">
        <v>1821977</v>
      </c>
      <c r="OR20" s="120">
        <v>9509894</v>
      </c>
      <c r="OS20" s="143">
        <v>9908033</v>
      </c>
    </row>
    <row r="21" spans="2:409" ht="20.25" customHeight="1" x14ac:dyDescent="0.2">
      <c r="B21" s="126" t="s">
        <v>16</v>
      </c>
      <c r="C21" s="110">
        <v>417242</v>
      </c>
      <c r="D21" s="114">
        <v>330147</v>
      </c>
      <c r="E21" s="113">
        <v>747389</v>
      </c>
      <c r="F21" s="109">
        <v>0</v>
      </c>
      <c r="G21" s="114">
        <v>3784700</v>
      </c>
      <c r="H21" s="114">
        <v>4995829</v>
      </c>
      <c r="I21" s="114">
        <v>2784248</v>
      </c>
      <c r="J21" s="114">
        <v>3391144</v>
      </c>
      <c r="K21" s="114">
        <v>2343366</v>
      </c>
      <c r="L21" s="109">
        <v>17299287</v>
      </c>
      <c r="M21" s="116">
        <v>18046676</v>
      </c>
      <c r="N21" s="110">
        <v>67671</v>
      </c>
      <c r="O21" s="114">
        <v>49777</v>
      </c>
      <c r="P21" s="113">
        <v>117448</v>
      </c>
      <c r="Q21" s="110">
        <v>0</v>
      </c>
      <c r="R21" s="114">
        <v>546569</v>
      </c>
      <c r="S21" s="114">
        <v>996134</v>
      </c>
      <c r="T21" s="114">
        <v>860483</v>
      </c>
      <c r="U21" s="114">
        <v>642057</v>
      </c>
      <c r="V21" s="114">
        <v>629965</v>
      </c>
      <c r="W21" s="113">
        <v>3675208</v>
      </c>
      <c r="X21" s="116">
        <v>3792656</v>
      </c>
      <c r="Y21" s="110">
        <v>0</v>
      </c>
      <c r="Z21" s="114">
        <v>0</v>
      </c>
      <c r="AA21" s="113">
        <v>0</v>
      </c>
      <c r="AB21" s="110">
        <v>0</v>
      </c>
      <c r="AC21" s="114">
        <v>177478</v>
      </c>
      <c r="AD21" s="114">
        <v>442654</v>
      </c>
      <c r="AE21" s="114">
        <v>414021</v>
      </c>
      <c r="AF21" s="114">
        <v>301350</v>
      </c>
      <c r="AG21" s="114">
        <v>224146</v>
      </c>
      <c r="AH21" s="113">
        <v>1559649</v>
      </c>
      <c r="AI21" s="116">
        <v>1559649</v>
      </c>
      <c r="AJ21" s="110">
        <v>0</v>
      </c>
      <c r="AK21" s="114">
        <v>0</v>
      </c>
      <c r="AL21" s="113">
        <v>0</v>
      </c>
      <c r="AM21" s="110">
        <v>0</v>
      </c>
      <c r="AN21" s="114">
        <v>0</v>
      </c>
      <c r="AO21" s="114">
        <v>39445</v>
      </c>
      <c r="AP21" s="114">
        <v>19722</v>
      </c>
      <c r="AQ21" s="114">
        <v>0</v>
      </c>
      <c r="AR21" s="114">
        <v>120140</v>
      </c>
      <c r="AS21" s="113">
        <v>179307</v>
      </c>
      <c r="AT21" s="116">
        <v>179307</v>
      </c>
      <c r="AU21" s="110">
        <v>31691</v>
      </c>
      <c r="AV21" s="114">
        <v>35330</v>
      </c>
      <c r="AW21" s="113">
        <v>67021</v>
      </c>
      <c r="AX21" s="110">
        <v>0</v>
      </c>
      <c r="AY21" s="114">
        <v>199873</v>
      </c>
      <c r="AZ21" s="114">
        <v>352832</v>
      </c>
      <c r="BA21" s="114">
        <v>288970</v>
      </c>
      <c r="BB21" s="114">
        <v>178426</v>
      </c>
      <c r="BC21" s="114">
        <v>139487</v>
      </c>
      <c r="BD21" s="113">
        <v>1159588</v>
      </c>
      <c r="BE21" s="116">
        <v>1226609</v>
      </c>
      <c r="BF21" s="110">
        <v>0</v>
      </c>
      <c r="BG21" s="114">
        <v>14447</v>
      </c>
      <c r="BH21" s="112">
        <v>14447</v>
      </c>
      <c r="BI21" s="111">
        <v>0</v>
      </c>
      <c r="BJ21" s="114">
        <v>0</v>
      </c>
      <c r="BK21" s="114">
        <v>0</v>
      </c>
      <c r="BL21" s="114">
        <v>47897</v>
      </c>
      <c r="BM21" s="114">
        <v>0</v>
      </c>
      <c r="BN21" s="114">
        <v>20738</v>
      </c>
      <c r="BO21" s="113">
        <v>68635</v>
      </c>
      <c r="BP21" s="116">
        <v>83082</v>
      </c>
      <c r="BQ21" s="110">
        <v>35980</v>
      </c>
      <c r="BR21" s="114">
        <v>0</v>
      </c>
      <c r="BS21" s="113">
        <v>35980</v>
      </c>
      <c r="BT21" s="110">
        <v>0</v>
      </c>
      <c r="BU21" s="114">
        <v>169218</v>
      </c>
      <c r="BV21" s="114">
        <v>161203</v>
      </c>
      <c r="BW21" s="114">
        <v>89873</v>
      </c>
      <c r="BX21" s="114">
        <v>162281</v>
      </c>
      <c r="BY21" s="114">
        <v>125454</v>
      </c>
      <c r="BZ21" s="113">
        <v>708029</v>
      </c>
      <c r="CA21" s="116">
        <v>744009</v>
      </c>
      <c r="CB21" s="110">
        <v>73218</v>
      </c>
      <c r="CC21" s="114">
        <v>166903</v>
      </c>
      <c r="CD21" s="113">
        <v>240121</v>
      </c>
      <c r="CE21" s="110">
        <v>0</v>
      </c>
      <c r="CF21" s="114">
        <v>1119398</v>
      </c>
      <c r="CG21" s="114">
        <v>1899130</v>
      </c>
      <c r="CH21" s="114">
        <v>923671</v>
      </c>
      <c r="CI21" s="114">
        <v>219968</v>
      </c>
      <c r="CJ21" s="114">
        <v>62435</v>
      </c>
      <c r="CK21" s="113">
        <v>4224602</v>
      </c>
      <c r="CL21" s="116">
        <v>4464723</v>
      </c>
      <c r="CM21" s="110">
        <v>0</v>
      </c>
      <c r="CN21" s="114">
        <v>0</v>
      </c>
      <c r="CO21" s="113">
        <v>0</v>
      </c>
      <c r="CP21" s="111">
        <v>0</v>
      </c>
      <c r="CQ21" s="114">
        <v>663339</v>
      </c>
      <c r="CR21" s="114">
        <v>1059532</v>
      </c>
      <c r="CS21" s="114">
        <v>570232</v>
      </c>
      <c r="CT21" s="114">
        <v>201971</v>
      </c>
      <c r="CU21" s="114">
        <v>62435</v>
      </c>
      <c r="CV21" s="113">
        <v>2557509</v>
      </c>
      <c r="CW21" s="116">
        <v>2557509</v>
      </c>
      <c r="CX21" s="110">
        <v>73218</v>
      </c>
      <c r="CY21" s="114">
        <v>166903</v>
      </c>
      <c r="CZ21" s="113">
        <v>240121</v>
      </c>
      <c r="DA21" s="110">
        <v>0</v>
      </c>
      <c r="DB21" s="114">
        <v>456059</v>
      </c>
      <c r="DC21" s="114">
        <v>839598</v>
      </c>
      <c r="DD21" s="114">
        <v>353439</v>
      </c>
      <c r="DE21" s="114">
        <v>17997</v>
      </c>
      <c r="DF21" s="114">
        <v>0</v>
      </c>
      <c r="DG21" s="113">
        <v>1667093</v>
      </c>
      <c r="DH21" s="116">
        <v>1907214</v>
      </c>
      <c r="DI21" s="110">
        <v>0</v>
      </c>
      <c r="DJ21" s="114">
        <v>12646</v>
      </c>
      <c r="DK21" s="112">
        <v>12646</v>
      </c>
      <c r="DL21" s="111">
        <v>0</v>
      </c>
      <c r="DM21" s="114">
        <v>196564</v>
      </c>
      <c r="DN21" s="114">
        <v>61056</v>
      </c>
      <c r="DO21" s="114">
        <v>88889</v>
      </c>
      <c r="DP21" s="114">
        <v>0</v>
      </c>
      <c r="DQ21" s="114">
        <v>26219</v>
      </c>
      <c r="DR21" s="113">
        <v>372728</v>
      </c>
      <c r="DS21" s="116">
        <v>385374</v>
      </c>
      <c r="DT21" s="110">
        <v>0</v>
      </c>
      <c r="DU21" s="114">
        <v>12646</v>
      </c>
      <c r="DV21" s="113">
        <v>12646</v>
      </c>
      <c r="DW21" s="110">
        <v>0</v>
      </c>
      <c r="DX21" s="114">
        <v>128790</v>
      </c>
      <c r="DY21" s="114">
        <v>61056</v>
      </c>
      <c r="DZ21" s="114">
        <v>88889</v>
      </c>
      <c r="EA21" s="114">
        <v>0</v>
      </c>
      <c r="EB21" s="114">
        <v>26219</v>
      </c>
      <c r="EC21" s="113">
        <v>304954</v>
      </c>
      <c r="ED21" s="116">
        <v>317600</v>
      </c>
      <c r="EE21" s="110">
        <v>0</v>
      </c>
      <c r="EF21" s="112">
        <v>0</v>
      </c>
      <c r="EG21" s="113">
        <v>0</v>
      </c>
      <c r="EH21" s="110">
        <v>0</v>
      </c>
      <c r="EI21" s="114">
        <v>67774</v>
      </c>
      <c r="EJ21" s="114">
        <v>0</v>
      </c>
      <c r="EK21" s="114">
        <v>0</v>
      </c>
      <c r="EL21" s="114">
        <v>0</v>
      </c>
      <c r="EM21" s="114">
        <v>0</v>
      </c>
      <c r="EN21" s="112">
        <v>67774</v>
      </c>
      <c r="EO21" s="116">
        <v>67774</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8"/>
      <c r="FE21" s="114">
        <v>0</v>
      </c>
      <c r="FF21" s="114">
        <v>0</v>
      </c>
      <c r="FG21" s="114">
        <v>0</v>
      </c>
      <c r="FH21" s="114">
        <v>0</v>
      </c>
      <c r="FI21" s="114">
        <v>0</v>
      </c>
      <c r="FJ21" s="113">
        <v>0</v>
      </c>
      <c r="FK21" s="116">
        <v>0</v>
      </c>
      <c r="FL21" s="110">
        <v>38710</v>
      </c>
      <c r="FM21" s="114">
        <v>100821</v>
      </c>
      <c r="FN21" s="113">
        <v>139531</v>
      </c>
      <c r="FO21" s="110">
        <v>0</v>
      </c>
      <c r="FP21" s="114">
        <v>226618</v>
      </c>
      <c r="FQ21" s="114">
        <v>354165</v>
      </c>
      <c r="FR21" s="114">
        <v>382543</v>
      </c>
      <c r="FS21" s="114">
        <v>336833</v>
      </c>
      <c r="FT21" s="114">
        <v>249543</v>
      </c>
      <c r="FU21" s="113">
        <v>1549702</v>
      </c>
      <c r="FV21" s="116">
        <v>1689233</v>
      </c>
      <c r="FW21" s="115">
        <v>38710</v>
      </c>
      <c r="FX21" s="114">
        <v>100821</v>
      </c>
      <c r="FY21" s="112">
        <v>139531</v>
      </c>
      <c r="FZ21" s="111">
        <v>0</v>
      </c>
      <c r="GA21" s="114">
        <v>86618</v>
      </c>
      <c r="GB21" s="114">
        <v>313817</v>
      </c>
      <c r="GC21" s="114">
        <v>331415</v>
      </c>
      <c r="GD21" s="114">
        <v>139314</v>
      </c>
      <c r="GE21" s="114">
        <v>249543</v>
      </c>
      <c r="GF21" s="113">
        <v>1120707</v>
      </c>
      <c r="GG21" s="319">
        <v>1260238</v>
      </c>
      <c r="GH21" s="115">
        <v>0</v>
      </c>
      <c r="GI21" s="114">
        <v>0</v>
      </c>
      <c r="GJ21" s="112">
        <v>0</v>
      </c>
      <c r="GK21" s="111">
        <v>0</v>
      </c>
      <c r="GL21" s="114">
        <v>0</v>
      </c>
      <c r="GM21" s="114">
        <v>40348</v>
      </c>
      <c r="GN21" s="114">
        <v>51128</v>
      </c>
      <c r="GO21" s="114">
        <v>57519</v>
      </c>
      <c r="GP21" s="114">
        <v>0</v>
      </c>
      <c r="GQ21" s="113">
        <v>148995</v>
      </c>
      <c r="GR21" s="116">
        <v>148995</v>
      </c>
      <c r="GS21" s="110">
        <v>0</v>
      </c>
      <c r="GT21" s="114">
        <v>0</v>
      </c>
      <c r="GU21" s="113">
        <v>0</v>
      </c>
      <c r="GV21" s="110">
        <v>0</v>
      </c>
      <c r="GW21" s="114">
        <v>140000</v>
      </c>
      <c r="GX21" s="114">
        <v>0</v>
      </c>
      <c r="GY21" s="114">
        <v>0</v>
      </c>
      <c r="GZ21" s="114">
        <v>140000</v>
      </c>
      <c r="HA21" s="114">
        <v>0</v>
      </c>
      <c r="HB21" s="112">
        <v>280000</v>
      </c>
      <c r="HC21" s="116">
        <v>280000</v>
      </c>
      <c r="HD21" s="110">
        <v>237643</v>
      </c>
      <c r="HE21" s="114">
        <v>0</v>
      </c>
      <c r="HF21" s="112">
        <v>237643</v>
      </c>
      <c r="HG21" s="111">
        <v>0</v>
      </c>
      <c r="HH21" s="114">
        <v>1695551</v>
      </c>
      <c r="HI21" s="114">
        <v>1685344</v>
      </c>
      <c r="HJ21" s="114">
        <v>528662</v>
      </c>
      <c r="HK21" s="114">
        <v>2192286</v>
      </c>
      <c r="HL21" s="114">
        <v>1375204</v>
      </c>
      <c r="HM21" s="113">
        <v>7477047</v>
      </c>
      <c r="HN21" s="109">
        <v>7714690</v>
      </c>
      <c r="HO21" s="329"/>
      <c r="HP21" s="330"/>
      <c r="HQ21" s="331"/>
      <c r="HR21" s="332"/>
      <c r="HS21" s="330"/>
      <c r="HT21" s="330"/>
      <c r="HU21" s="330"/>
      <c r="HV21" s="330"/>
      <c r="HW21" s="330"/>
      <c r="HX21" s="333"/>
      <c r="HY21" s="334"/>
      <c r="HZ21" s="131">
        <v>0</v>
      </c>
      <c r="IA21" s="132">
        <v>0</v>
      </c>
      <c r="IB21" s="133">
        <v>0</v>
      </c>
      <c r="IC21" s="146">
        <v>0</v>
      </c>
      <c r="ID21" s="132">
        <v>495684</v>
      </c>
      <c r="IE21" s="147">
        <v>547973</v>
      </c>
      <c r="IF21" s="133">
        <v>689867</v>
      </c>
      <c r="IG21" s="132">
        <v>222110</v>
      </c>
      <c r="IH21" s="133">
        <v>924813</v>
      </c>
      <c r="II21" s="148">
        <v>2880447</v>
      </c>
      <c r="IJ21" s="139">
        <v>2880447</v>
      </c>
      <c r="IK21" s="232">
        <v>0</v>
      </c>
      <c r="IL21" s="236">
        <v>0</v>
      </c>
      <c r="IM21" s="237">
        <v>0</v>
      </c>
      <c r="IN21" s="140"/>
      <c r="IO21" s="119">
        <v>0</v>
      </c>
      <c r="IP21" s="119">
        <v>0</v>
      </c>
      <c r="IQ21" s="119">
        <v>0</v>
      </c>
      <c r="IR21" s="119">
        <v>0</v>
      </c>
      <c r="IS21" s="119">
        <v>230723</v>
      </c>
      <c r="IT21" s="141">
        <v>230723</v>
      </c>
      <c r="IU21" s="321">
        <v>230723</v>
      </c>
      <c r="IV21" s="142">
        <v>0</v>
      </c>
      <c r="IW21" s="119">
        <v>0</v>
      </c>
      <c r="IX21" s="120">
        <v>0</v>
      </c>
      <c r="IY21" s="144"/>
      <c r="IZ21" s="119">
        <v>0</v>
      </c>
      <c r="JA21" s="119">
        <v>0</v>
      </c>
      <c r="JB21" s="119">
        <v>14062</v>
      </c>
      <c r="JC21" s="119">
        <v>0</v>
      </c>
      <c r="JD21" s="119">
        <v>0</v>
      </c>
      <c r="JE21" s="120">
        <v>14062</v>
      </c>
      <c r="JF21" s="121">
        <v>14062</v>
      </c>
      <c r="JG21" s="142">
        <v>0</v>
      </c>
      <c r="JH21" s="119">
        <v>0</v>
      </c>
      <c r="JI21" s="141">
        <v>0</v>
      </c>
      <c r="JJ21" s="118">
        <v>0</v>
      </c>
      <c r="JK21" s="119">
        <v>297498</v>
      </c>
      <c r="JL21" s="119">
        <v>194557</v>
      </c>
      <c r="JM21" s="119">
        <v>234337</v>
      </c>
      <c r="JN21" s="119">
        <v>0</v>
      </c>
      <c r="JO21" s="119">
        <v>211117</v>
      </c>
      <c r="JP21" s="120">
        <v>937509</v>
      </c>
      <c r="JQ21" s="321">
        <v>937509</v>
      </c>
      <c r="JR21" s="142">
        <v>0</v>
      </c>
      <c r="JS21" s="119">
        <v>0</v>
      </c>
      <c r="JT21" s="141">
        <v>0</v>
      </c>
      <c r="JU21" s="118">
        <v>0</v>
      </c>
      <c r="JV21" s="119">
        <v>0</v>
      </c>
      <c r="JW21" s="119">
        <v>142060</v>
      </c>
      <c r="JX21" s="119">
        <v>0</v>
      </c>
      <c r="JY21" s="119">
        <v>0</v>
      </c>
      <c r="JZ21" s="119">
        <v>0</v>
      </c>
      <c r="KA21" s="120">
        <v>142060</v>
      </c>
      <c r="KB21" s="321">
        <v>142060</v>
      </c>
      <c r="KC21" s="234">
        <v>0</v>
      </c>
      <c r="KD21" s="230">
        <v>0</v>
      </c>
      <c r="KE21" s="120">
        <v>0</v>
      </c>
      <c r="KF21" s="118">
        <v>0</v>
      </c>
      <c r="KG21" s="119">
        <v>0</v>
      </c>
      <c r="KH21" s="119">
        <v>0</v>
      </c>
      <c r="KI21" s="119">
        <v>0</v>
      </c>
      <c r="KJ21" s="119">
        <v>0</v>
      </c>
      <c r="KK21" s="119">
        <v>355865</v>
      </c>
      <c r="KL21" s="120">
        <v>355865</v>
      </c>
      <c r="KM21" s="143">
        <v>355865</v>
      </c>
      <c r="KN21" s="232">
        <v>0</v>
      </c>
      <c r="KO21" s="236">
        <v>0</v>
      </c>
      <c r="KP21" s="237">
        <v>0</v>
      </c>
      <c r="KQ21" s="140"/>
      <c r="KR21" s="119">
        <v>198186</v>
      </c>
      <c r="KS21" s="119">
        <v>211356</v>
      </c>
      <c r="KT21" s="119">
        <v>441468</v>
      </c>
      <c r="KU21" s="119">
        <v>222110</v>
      </c>
      <c r="KV21" s="119">
        <v>127108</v>
      </c>
      <c r="KW21" s="120">
        <v>1200228</v>
      </c>
      <c r="KX21" s="321">
        <v>1200228</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1">
        <v>0</v>
      </c>
      <c r="LU21" s="142">
        <v>0</v>
      </c>
      <c r="LV21" s="119">
        <v>0</v>
      </c>
      <c r="LW21" s="120">
        <v>0</v>
      </c>
      <c r="LX21" s="145"/>
      <c r="LY21" s="119">
        <v>0</v>
      </c>
      <c r="LZ21" s="119">
        <v>0</v>
      </c>
      <c r="MA21" s="119">
        <v>0</v>
      </c>
      <c r="MB21" s="119">
        <v>0</v>
      </c>
      <c r="MC21" s="119">
        <v>0</v>
      </c>
      <c r="MD21" s="120">
        <v>0</v>
      </c>
      <c r="ME21" s="121">
        <v>0</v>
      </c>
      <c r="MF21" s="142">
        <v>0</v>
      </c>
      <c r="MG21" s="119">
        <v>0</v>
      </c>
      <c r="MH21" s="120">
        <v>0</v>
      </c>
      <c r="MI21" s="145"/>
      <c r="MJ21" s="119">
        <v>206934</v>
      </c>
      <c r="MK21" s="119">
        <v>595143</v>
      </c>
      <c r="ML21" s="119">
        <v>1870808</v>
      </c>
      <c r="MM21" s="119">
        <v>3466414</v>
      </c>
      <c r="MN21" s="119">
        <v>1163076</v>
      </c>
      <c r="MO21" s="120">
        <v>7302375</v>
      </c>
      <c r="MP21" s="143">
        <v>7302375</v>
      </c>
      <c r="MQ21" s="142">
        <v>0</v>
      </c>
      <c r="MR21" s="119">
        <v>0</v>
      </c>
      <c r="MS21" s="120">
        <v>0</v>
      </c>
      <c r="MT21" s="145"/>
      <c r="MU21" s="119">
        <v>0</v>
      </c>
      <c r="MV21" s="119">
        <v>0</v>
      </c>
      <c r="MW21" s="119">
        <v>1010532</v>
      </c>
      <c r="MX21" s="119">
        <v>1581674</v>
      </c>
      <c r="MY21" s="119">
        <v>387263</v>
      </c>
      <c r="MZ21" s="120">
        <v>2979469</v>
      </c>
      <c r="NA21" s="143">
        <v>2979469</v>
      </c>
      <c r="NB21" s="142">
        <v>0</v>
      </c>
      <c r="NC21" s="119">
        <v>0</v>
      </c>
      <c r="ND21" s="120">
        <v>0</v>
      </c>
      <c r="NE21" s="145"/>
      <c r="NF21" s="119">
        <v>206934</v>
      </c>
      <c r="NG21" s="119">
        <v>595143</v>
      </c>
      <c r="NH21" s="119">
        <v>860276</v>
      </c>
      <c r="NI21" s="119">
        <v>1234576</v>
      </c>
      <c r="NJ21" s="119">
        <v>775813</v>
      </c>
      <c r="NK21" s="120">
        <v>3672742</v>
      </c>
      <c r="NL21" s="321">
        <v>3672742</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650164</v>
      </c>
      <c r="OF21" s="119">
        <v>0</v>
      </c>
      <c r="OG21" s="120">
        <v>650164</v>
      </c>
      <c r="OH21" s="121">
        <v>650164</v>
      </c>
      <c r="OI21" s="142">
        <v>417242</v>
      </c>
      <c r="OJ21" s="119">
        <v>330147</v>
      </c>
      <c r="OK21" s="141">
        <v>747389</v>
      </c>
      <c r="OL21" s="118">
        <v>0</v>
      </c>
      <c r="OM21" s="119">
        <v>4487318</v>
      </c>
      <c r="ON21" s="119">
        <v>6138945</v>
      </c>
      <c r="OO21" s="119">
        <v>5344923</v>
      </c>
      <c r="OP21" s="119">
        <v>7079668</v>
      </c>
      <c r="OQ21" s="119">
        <v>4431255</v>
      </c>
      <c r="OR21" s="120">
        <v>27482109</v>
      </c>
      <c r="OS21" s="143">
        <v>28229498</v>
      </c>
    </row>
    <row r="22" spans="2:409" ht="20.25" customHeight="1" x14ac:dyDescent="0.2">
      <c r="B22" s="126" t="s">
        <v>17</v>
      </c>
      <c r="C22" s="110">
        <v>319542</v>
      </c>
      <c r="D22" s="114">
        <v>890625</v>
      </c>
      <c r="E22" s="113">
        <v>1210167</v>
      </c>
      <c r="F22" s="109">
        <v>0</v>
      </c>
      <c r="G22" s="114">
        <v>4204243</v>
      </c>
      <c r="H22" s="114">
        <v>6134394</v>
      </c>
      <c r="I22" s="114">
        <v>5481088</v>
      </c>
      <c r="J22" s="114">
        <v>5880291</v>
      </c>
      <c r="K22" s="114">
        <v>5354592</v>
      </c>
      <c r="L22" s="109">
        <v>27054608</v>
      </c>
      <c r="M22" s="116">
        <v>28264775</v>
      </c>
      <c r="N22" s="110">
        <v>107818</v>
      </c>
      <c r="O22" s="114">
        <v>274628</v>
      </c>
      <c r="P22" s="113">
        <v>382446</v>
      </c>
      <c r="Q22" s="110">
        <v>0</v>
      </c>
      <c r="R22" s="114">
        <v>796193</v>
      </c>
      <c r="S22" s="114">
        <v>1822422</v>
      </c>
      <c r="T22" s="114">
        <v>2128667</v>
      </c>
      <c r="U22" s="114">
        <v>1065062</v>
      </c>
      <c r="V22" s="114">
        <v>3224320</v>
      </c>
      <c r="W22" s="113">
        <v>9036664</v>
      </c>
      <c r="X22" s="116">
        <v>9419110</v>
      </c>
      <c r="Y22" s="110">
        <v>0</v>
      </c>
      <c r="Z22" s="114">
        <v>0</v>
      </c>
      <c r="AA22" s="113">
        <v>0</v>
      </c>
      <c r="AB22" s="110">
        <v>0</v>
      </c>
      <c r="AC22" s="114">
        <v>170444</v>
      </c>
      <c r="AD22" s="114">
        <v>767299</v>
      </c>
      <c r="AE22" s="114">
        <v>1241427</v>
      </c>
      <c r="AF22" s="114">
        <v>274401</v>
      </c>
      <c r="AG22" s="114">
        <v>2327746</v>
      </c>
      <c r="AH22" s="113">
        <v>4781317</v>
      </c>
      <c r="AI22" s="116">
        <v>4781317</v>
      </c>
      <c r="AJ22" s="110">
        <v>0</v>
      </c>
      <c r="AK22" s="114">
        <v>0</v>
      </c>
      <c r="AL22" s="113">
        <v>0</v>
      </c>
      <c r="AM22" s="110">
        <v>0</v>
      </c>
      <c r="AN22" s="114">
        <v>0</v>
      </c>
      <c r="AO22" s="114">
        <v>92051</v>
      </c>
      <c r="AP22" s="114">
        <v>93769</v>
      </c>
      <c r="AQ22" s="114">
        <v>133364</v>
      </c>
      <c r="AR22" s="114">
        <v>223448</v>
      </c>
      <c r="AS22" s="113">
        <v>542632</v>
      </c>
      <c r="AT22" s="116">
        <v>542632</v>
      </c>
      <c r="AU22" s="110">
        <v>75072</v>
      </c>
      <c r="AV22" s="114">
        <v>207078</v>
      </c>
      <c r="AW22" s="113">
        <v>282150</v>
      </c>
      <c r="AX22" s="110">
        <v>0</v>
      </c>
      <c r="AY22" s="114">
        <v>436217</v>
      </c>
      <c r="AZ22" s="114">
        <v>648636</v>
      </c>
      <c r="BA22" s="114">
        <v>526747</v>
      </c>
      <c r="BB22" s="114">
        <v>234561</v>
      </c>
      <c r="BC22" s="114">
        <v>434321</v>
      </c>
      <c r="BD22" s="113">
        <v>2280482</v>
      </c>
      <c r="BE22" s="116">
        <v>2562632</v>
      </c>
      <c r="BF22" s="110">
        <v>0</v>
      </c>
      <c r="BG22" s="114">
        <v>0</v>
      </c>
      <c r="BH22" s="112">
        <v>0</v>
      </c>
      <c r="BI22" s="111">
        <v>0</v>
      </c>
      <c r="BJ22" s="114">
        <v>0</v>
      </c>
      <c r="BK22" s="114">
        <v>37369</v>
      </c>
      <c r="BL22" s="114">
        <v>31951</v>
      </c>
      <c r="BM22" s="114">
        <v>57994</v>
      </c>
      <c r="BN22" s="114">
        <v>0</v>
      </c>
      <c r="BO22" s="113">
        <v>127314</v>
      </c>
      <c r="BP22" s="116">
        <v>127314</v>
      </c>
      <c r="BQ22" s="110">
        <v>32746</v>
      </c>
      <c r="BR22" s="114">
        <v>67550</v>
      </c>
      <c r="BS22" s="113">
        <v>100296</v>
      </c>
      <c r="BT22" s="110">
        <v>0</v>
      </c>
      <c r="BU22" s="114">
        <v>189532</v>
      </c>
      <c r="BV22" s="114">
        <v>277067</v>
      </c>
      <c r="BW22" s="114">
        <v>234773</v>
      </c>
      <c r="BX22" s="114">
        <v>364742</v>
      </c>
      <c r="BY22" s="114">
        <v>238805</v>
      </c>
      <c r="BZ22" s="113">
        <v>1304919</v>
      </c>
      <c r="CA22" s="116">
        <v>1405215</v>
      </c>
      <c r="CB22" s="110">
        <v>55808</v>
      </c>
      <c r="CC22" s="114">
        <v>182141</v>
      </c>
      <c r="CD22" s="113">
        <v>237949</v>
      </c>
      <c r="CE22" s="110">
        <v>0</v>
      </c>
      <c r="CF22" s="114">
        <v>1650945</v>
      </c>
      <c r="CG22" s="114">
        <v>2317882</v>
      </c>
      <c r="CH22" s="114">
        <v>1422510</v>
      </c>
      <c r="CI22" s="114">
        <v>499659</v>
      </c>
      <c r="CJ22" s="114">
        <v>173240</v>
      </c>
      <c r="CK22" s="113">
        <v>6064236</v>
      </c>
      <c r="CL22" s="116">
        <v>6302185</v>
      </c>
      <c r="CM22" s="110">
        <v>0</v>
      </c>
      <c r="CN22" s="114">
        <v>0</v>
      </c>
      <c r="CO22" s="113">
        <v>0</v>
      </c>
      <c r="CP22" s="111">
        <v>0</v>
      </c>
      <c r="CQ22" s="114">
        <v>1337079</v>
      </c>
      <c r="CR22" s="114">
        <v>1998146</v>
      </c>
      <c r="CS22" s="114">
        <v>1229972</v>
      </c>
      <c r="CT22" s="114">
        <v>363382</v>
      </c>
      <c r="CU22" s="114">
        <v>163776</v>
      </c>
      <c r="CV22" s="113">
        <v>5092355</v>
      </c>
      <c r="CW22" s="116">
        <v>5092355</v>
      </c>
      <c r="CX22" s="110">
        <v>55808</v>
      </c>
      <c r="CY22" s="114">
        <v>182141</v>
      </c>
      <c r="CZ22" s="113">
        <v>237949</v>
      </c>
      <c r="DA22" s="110">
        <v>0</v>
      </c>
      <c r="DB22" s="114">
        <v>313866</v>
      </c>
      <c r="DC22" s="114">
        <v>319736</v>
      </c>
      <c r="DD22" s="114">
        <v>192538</v>
      </c>
      <c r="DE22" s="114">
        <v>136277</v>
      </c>
      <c r="DF22" s="114">
        <v>9464</v>
      </c>
      <c r="DG22" s="113">
        <v>971881</v>
      </c>
      <c r="DH22" s="116">
        <v>1209830</v>
      </c>
      <c r="DI22" s="110">
        <v>0</v>
      </c>
      <c r="DJ22" s="114">
        <v>0</v>
      </c>
      <c r="DK22" s="112">
        <v>0</v>
      </c>
      <c r="DL22" s="111">
        <v>0</v>
      </c>
      <c r="DM22" s="114">
        <v>103987</v>
      </c>
      <c r="DN22" s="114">
        <v>373721</v>
      </c>
      <c r="DO22" s="114">
        <v>469787</v>
      </c>
      <c r="DP22" s="114">
        <v>451921</v>
      </c>
      <c r="DQ22" s="114">
        <v>55957</v>
      </c>
      <c r="DR22" s="113">
        <v>1455373</v>
      </c>
      <c r="DS22" s="116">
        <v>1455373</v>
      </c>
      <c r="DT22" s="110">
        <v>0</v>
      </c>
      <c r="DU22" s="114">
        <v>0</v>
      </c>
      <c r="DV22" s="113">
        <v>0</v>
      </c>
      <c r="DW22" s="110">
        <v>0</v>
      </c>
      <c r="DX22" s="114">
        <v>68618</v>
      </c>
      <c r="DY22" s="114">
        <v>373721</v>
      </c>
      <c r="DZ22" s="114">
        <v>469787</v>
      </c>
      <c r="EA22" s="114">
        <v>356695</v>
      </c>
      <c r="EB22" s="114">
        <v>55957</v>
      </c>
      <c r="EC22" s="113">
        <v>1324778</v>
      </c>
      <c r="ED22" s="116">
        <v>1324778</v>
      </c>
      <c r="EE22" s="110">
        <v>0</v>
      </c>
      <c r="EF22" s="112">
        <v>0</v>
      </c>
      <c r="EG22" s="113">
        <v>0</v>
      </c>
      <c r="EH22" s="110">
        <v>0</v>
      </c>
      <c r="EI22" s="114">
        <v>35369</v>
      </c>
      <c r="EJ22" s="114">
        <v>0</v>
      </c>
      <c r="EK22" s="114">
        <v>0</v>
      </c>
      <c r="EL22" s="114">
        <v>95226</v>
      </c>
      <c r="EM22" s="114">
        <v>0</v>
      </c>
      <c r="EN22" s="112">
        <v>130595</v>
      </c>
      <c r="EO22" s="116">
        <v>130595</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8"/>
      <c r="FE22" s="114">
        <v>0</v>
      </c>
      <c r="FF22" s="114">
        <v>0</v>
      </c>
      <c r="FG22" s="114">
        <v>0</v>
      </c>
      <c r="FH22" s="114">
        <v>0</v>
      </c>
      <c r="FI22" s="114">
        <v>0</v>
      </c>
      <c r="FJ22" s="113">
        <v>0</v>
      </c>
      <c r="FK22" s="116">
        <v>0</v>
      </c>
      <c r="FL22" s="110">
        <v>56588</v>
      </c>
      <c r="FM22" s="114">
        <v>116088</v>
      </c>
      <c r="FN22" s="113">
        <v>172676</v>
      </c>
      <c r="FO22" s="110">
        <v>0</v>
      </c>
      <c r="FP22" s="114">
        <v>202349</v>
      </c>
      <c r="FQ22" s="114">
        <v>794176</v>
      </c>
      <c r="FR22" s="114">
        <v>507682</v>
      </c>
      <c r="FS22" s="114">
        <v>481432</v>
      </c>
      <c r="FT22" s="114">
        <v>361669</v>
      </c>
      <c r="FU22" s="113">
        <v>2347308</v>
      </c>
      <c r="FV22" s="116">
        <v>2519984</v>
      </c>
      <c r="FW22" s="115">
        <v>56588</v>
      </c>
      <c r="FX22" s="114">
        <v>99456</v>
      </c>
      <c r="FY22" s="112">
        <v>156044</v>
      </c>
      <c r="FZ22" s="111">
        <v>0</v>
      </c>
      <c r="GA22" s="114">
        <v>109319</v>
      </c>
      <c r="GB22" s="114">
        <v>596232</v>
      </c>
      <c r="GC22" s="114">
        <v>507682</v>
      </c>
      <c r="GD22" s="114">
        <v>425376</v>
      </c>
      <c r="GE22" s="114">
        <v>361669</v>
      </c>
      <c r="GF22" s="113">
        <v>2000278</v>
      </c>
      <c r="GG22" s="319">
        <v>2156322</v>
      </c>
      <c r="GH22" s="115">
        <v>0</v>
      </c>
      <c r="GI22" s="114">
        <v>16632</v>
      </c>
      <c r="GJ22" s="112">
        <v>16632</v>
      </c>
      <c r="GK22" s="111">
        <v>0</v>
      </c>
      <c r="GL22" s="114">
        <v>29890</v>
      </c>
      <c r="GM22" s="114">
        <v>98682</v>
      </c>
      <c r="GN22" s="114">
        <v>0</v>
      </c>
      <c r="GO22" s="114">
        <v>56056</v>
      </c>
      <c r="GP22" s="114">
        <v>0</v>
      </c>
      <c r="GQ22" s="113">
        <v>184628</v>
      </c>
      <c r="GR22" s="116">
        <v>201260</v>
      </c>
      <c r="GS22" s="110">
        <v>0</v>
      </c>
      <c r="GT22" s="114">
        <v>0</v>
      </c>
      <c r="GU22" s="113">
        <v>0</v>
      </c>
      <c r="GV22" s="110">
        <v>0</v>
      </c>
      <c r="GW22" s="114">
        <v>63140</v>
      </c>
      <c r="GX22" s="114">
        <v>99262</v>
      </c>
      <c r="GY22" s="114">
        <v>0</v>
      </c>
      <c r="GZ22" s="114">
        <v>0</v>
      </c>
      <c r="HA22" s="114">
        <v>0</v>
      </c>
      <c r="HB22" s="112">
        <v>162402</v>
      </c>
      <c r="HC22" s="116">
        <v>162402</v>
      </c>
      <c r="HD22" s="110">
        <v>99328</v>
      </c>
      <c r="HE22" s="114">
        <v>317768</v>
      </c>
      <c r="HF22" s="112">
        <v>417096</v>
      </c>
      <c r="HG22" s="111">
        <v>0</v>
      </c>
      <c r="HH22" s="114">
        <v>1450769</v>
      </c>
      <c r="HI22" s="114">
        <v>826193</v>
      </c>
      <c r="HJ22" s="114">
        <v>952442</v>
      </c>
      <c r="HK22" s="114">
        <v>3382217</v>
      </c>
      <c r="HL22" s="114">
        <v>1539406</v>
      </c>
      <c r="HM22" s="113">
        <v>8151027</v>
      </c>
      <c r="HN22" s="109">
        <v>8568123</v>
      </c>
      <c r="HO22" s="329"/>
      <c r="HP22" s="330"/>
      <c r="HQ22" s="331"/>
      <c r="HR22" s="332"/>
      <c r="HS22" s="330"/>
      <c r="HT22" s="330"/>
      <c r="HU22" s="330"/>
      <c r="HV22" s="330"/>
      <c r="HW22" s="330"/>
      <c r="HX22" s="333"/>
      <c r="HY22" s="334"/>
      <c r="HZ22" s="150">
        <v>0</v>
      </c>
      <c r="IA22" s="135">
        <v>0</v>
      </c>
      <c r="IB22" s="150">
        <v>0</v>
      </c>
      <c r="IC22" s="134">
        <v>0</v>
      </c>
      <c r="ID22" s="135">
        <v>970301</v>
      </c>
      <c r="IE22" s="136">
        <v>2222702</v>
      </c>
      <c r="IF22" s="137">
        <v>1386340</v>
      </c>
      <c r="IG22" s="135">
        <v>1165573</v>
      </c>
      <c r="IH22" s="137">
        <v>1737221</v>
      </c>
      <c r="II22" s="138">
        <v>7482137</v>
      </c>
      <c r="IJ22" s="150">
        <v>7482137</v>
      </c>
      <c r="IK22" s="232">
        <v>0</v>
      </c>
      <c r="IL22" s="236">
        <v>0</v>
      </c>
      <c r="IM22" s="237">
        <v>0</v>
      </c>
      <c r="IN22" s="140"/>
      <c r="IO22" s="119">
        <v>0</v>
      </c>
      <c r="IP22" s="119">
        <v>0</v>
      </c>
      <c r="IQ22" s="119">
        <v>0</v>
      </c>
      <c r="IR22" s="119">
        <v>0</v>
      </c>
      <c r="IS22" s="119">
        <v>0</v>
      </c>
      <c r="IT22" s="141">
        <v>0</v>
      </c>
      <c r="IU22" s="321">
        <v>0</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446240</v>
      </c>
      <c r="JL22" s="119">
        <v>832174</v>
      </c>
      <c r="JM22" s="119">
        <v>328574</v>
      </c>
      <c r="JN22" s="119">
        <v>244327</v>
      </c>
      <c r="JO22" s="119">
        <v>95876</v>
      </c>
      <c r="JP22" s="120">
        <v>1947191</v>
      </c>
      <c r="JQ22" s="321">
        <v>1947191</v>
      </c>
      <c r="JR22" s="142">
        <v>0</v>
      </c>
      <c r="JS22" s="119">
        <v>0</v>
      </c>
      <c r="JT22" s="141">
        <v>0</v>
      </c>
      <c r="JU22" s="118">
        <v>0</v>
      </c>
      <c r="JV22" s="119">
        <v>0</v>
      </c>
      <c r="JW22" s="119">
        <v>0</v>
      </c>
      <c r="JX22" s="119">
        <v>0</v>
      </c>
      <c r="JY22" s="119">
        <v>0</v>
      </c>
      <c r="JZ22" s="119">
        <v>0</v>
      </c>
      <c r="KA22" s="120">
        <v>0</v>
      </c>
      <c r="KB22" s="321">
        <v>0</v>
      </c>
      <c r="KC22" s="234">
        <v>0</v>
      </c>
      <c r="KD22" s="230">
        <v>0</v>
      </c>
      <c r="KE22" s="120">
        <v>0</v>
      </c>
      <c r="KF22" s="118">
        <v>0</v>
      </c>
      <c r="KG22" s="119">
        <v>111078</v>
      </c>
      <c r="KH22" s="119">
        <v>310134</v>
      </c>
      <c r="KI22" s="119">
        <v>220233</v>
      </c>
      <c r="KJ22" s="119">
        <v>234194</v>
      </c>
      <c r="KK22" s="119">
        <v>246029</v>
      </c>
      <c r="KL22" s="120">
        <v>1121668</v>
      </c>
      <c r="KM22" s="143">
        <v>1121668</v>
      </c>
      <c r="KN22" s="232">
        <v>0</v>
      </c>
      <c r="KO22" s="236">
        <v>0</v>
      </c>
      <c r="KP22" s="237">
        <v>0</v>
      </c>
      <c r="KQ22" s="140"/>
      <c r="KR22" s="119">
        <v>412983</v>
      </c>
      <c r="KS22" s="119">
        <v>1080394</v>
      </c>
      <c r="KT22" s="119">
        <v>483125</v>
      </c>
      <c r="KU22" s="119">
        <v>457140</v>
      </c>
      <c r="KV22" s="119">
        <v>637288</v>
      </c>
      <c r="KW22" s="120">
        <v>3070930</v>
      </c>
      <c r="KX22" s="321">
        <v>3070930</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354408</v>
      </c>
      <c r="LQ22" s="119">
        <v>229912</v>
      </c>
      <c r="LR22" s="119">
        <v>758028</v>
      </c>
      <c r="LS22" s="120">
        <v>1342348</v>
      </c>
      <c r="LT22" s="321">
        <v>1342348</v>
      </c>
      <c r="LU22" s="142">
        <v>0</v>
      </c>
      <c r="LV22" s="119">
        <v>0</v>
      </c>
      <c r="LW22" s="120">
        <v>0</v>
      </c>
      <c r="LX22" s="145"/>
      <c r="LY22" s="119">
        <v>0</v>
      </c>
      <c r="LZ22" s="119">
        <v>0</v>
      </c>
      <c r="MA22" s="119">
        <v>0</v>
      </c>
      <c r="MB22" s="119">
        <v>0</v>
      </c>
      <c r="MC22" s="119">
        <v>0</v>
      </c>
      <c r="MD22" s="120">
        <v>0</v>
      </c>
      <c r="ME22" s="121">
        <v>0</v>
      </c>
      <c r="MF22" s="142">
        <v>0</v>
      </c>
      <c r="MG22" s="119">
        <v>0</v>
      </c>
      <c r="MH22" s="120">
        <v>0</v>
      </c>
      <c r="MI22" s="145"/>
      <c r="MJ22" s="119">
        <v>371326</v>
      </c>
      <c r="MK22" s="119">
        <v>879469</v>
      </c>
      <c r="ML22" s="119">
        <v>4708844</v>
      </c>
      <c r="MM22" s="119">
        <v>2162202</v>
      </c>
      <c r="MN22" s="119">
        <v>2434653</v>
      </c>
      <c r="MO22" s="120">
        <v>10556494</v>
      </c>
      <c r="MP22" s="143">
        <v>10556494</v>
      </c>
      <c r="MQ22" s="142">
        <v>0</v>
      </c>
      <c r="MR22" s="119">
        <v>0</v>
      </c>
      <c r="MS22" s="120">
        <v>0</v>
      </c>
      <c r="MT22" s="145"/>
      <c r="MU22" s="119">
        <v>192757</v>
      </c>
      <c r="MV22" s="119">
        <v>209446</v>
      </c>
      <c r="MW22" s="119">
        <v>1700808</v>
      </c>
      <c r="MX22" s="119">
        <v>909534</v>
      </c>
      <c r="MY22" s="119">
        <v>1272529</v>
      </c>
      <c r="MZ22" s="120">
        <v>4285074</v>
      </c>
      <c r="NA22" s="143">
        <v>4285074</v>
      </c>
      <c r="NB22" s="142">
        <v>0</v>
      </c>
      <c r="NC22" s="119">
        <v>0</v>
      </c>
      <c r="ND22" s="120">
        <v>0</v>
      </c>
      <c r="NE22" s="145"/>
      <c r="NF22" s="119">
        <v>178569</v>
      </c>
      <c r="NG22" s="119">
        <v>670023</v>
      </c>
      <c r="NH22" s="119">
        <v>2946350</v>
      </c>
      <c r="NI22" s="119">
        <v>1252668</v>
      </c>
      <c r="NJ22" s="119">
        <v>1162124</v>
      </c>
      <c r="NK22" s="120">
        <v>6209734</v>
      </c>
      <c r="NL22" s="321">
        <v>6209734</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61686</v>
      </c>
      <c r="OE22" s="119">
        <v>0</v>
      </c>
      <c r="OF22" s="119">
        <v>0</v>
      </c>
      <c r="OG22" s="120">
        <v>61686</v>
      </c>
      <c r="OH22" s="121">
        <v>61686</v>
      </c>
      <c r="OI22" s="142">
        <v>319542</v>
      </c>
      <c r="OJ22" s="119">
        <v>890625</v>
      </c>
      <c r="OK22" s="141">
        <v>1210167</v>
      </c>
      <c r="OL22" s="118">
        <v>0</v>
      </c>
      <c r="OM22" s="119">
        <v>5545870</v>
      </c>
      <c r="ON22" s="119">
        <v>9236565</v>
      </c>
      <c r="OO22" s="119">
        <v>11576272</v>
      </c>
      <c r="OP22" s="119">
        <v>9208066</v>
      </c>
      <c r="OQ22" s="119">
        <v>9526466</v>
      </c>
      <c r="OR22" s="120">
        <v>45093239</v>
      </c>
      <c r="OS22" s="143">
        <v>46303406</v>
      </c>
    </row>
    <row r="23" spans="2:409" ht="20.25" customHeight="1" x14ac:dyDescent="0.2">
      <c r="B23" s="126" t="s">
        <v>18</v>
      </c>
      <c r="C23" s="110">
        <v>649944</v>
      </c>
      <c r="D23" s="114">
        <v>279631</v>
      </c>
      <c r="E23" s="113">
        <v>929575</v>
      </c>
      <c r="F23" s="109">
        <v>0</v>
      </c>
      <c r="G23" s="114">
        <v>5634733</v>
      </c>
      <c r="H23" s="114">
        <v>9066945</v>
      </c>
      <c r="I23" s="114">
        <v>4464250</v>
      </c>
      <c r="J23" s="114">
        <v>8363171</v>
      </c>
      <c r="K23" s="114">
        <v>6255181</v>
      </c>
      <c r="L23" s="109">
        <v>33784280</v>
      </c>
      <c r="M23" s="116">
        <v>34713855</v>
      </c>
      <c r="N23" s="110">
        <v>170666</v>
      </c>
      <c r="O23" s="114">
        <v>105722</v>
      </c>
      <c r="P23" s="113">
        <v>276388</v>
      </c>
      <c r="Q23" s="110">
        <v>0</v>
      </c>
      <c r="R23" s="114">
        <v>1456705</v>
      </c>
      <c r="S23" s="114">
        <v>2895860</v>
      </c>
      <c r="T23" s="114">
        <v>2199781</v>
      </c>
      <c r="U23" s="114">
        <v>3570137</v>
      </c>
      <c r="V23" s="114">
        <v>2497169</v>
      </c>
      <c r="W23" s="113">
        <v>12619652</v>
      </c>
      <c r="X23" s="116">
        <v>12896040</v>
      </c>
      <c r="Y23" s="110">
        <v>0</v>
      </c>
      <c r="Z23" s="114">
        <v>0</v>
      </c>
      <c r="AA23" s="113">
        <v>0</v>
      </c>
      <c r="AB23" s="110">
        <v>0</v>
      </c>
      <c r="AC23" s="114">
        <v>655360</v>
      </c>
      <c r="AD23" s="114">
        <v>1262133</v>
      </c>
      <c r="AE23" s="114">
        <v>1282770</v>
      </c>
      <c r="AF23" s="114">
        <v>2021793</v>
      </c>
      <c r="AG23" s="114">
        <v>1227514</v>
      </c>
      <c r="AH23" s="113">
        <v>6449570</v>
      </c>
      <c r="AI23" s="116">
        <v>6449570</v>
      </c>
      <c r="AJ23" s="110">
        <v>0</v>
      </c>
      <c r="AK23" s="114">
        <v>0</v>
      </c>
      <c r="AL23" s="113">
        <v>0</v>
      </c>
      <c r="AM23" s="110">
        <v>0</v>
      </c>
      <c r="AN23" s="114">
        <v>0</v>
      </c>
      <c r="AO23" s="114">
        <v>42161</v>
      </c>
      <c r="AP23" s="114">
        <v>79872</v>
      </c>
      <c r="AQ23" s="114">
        <v>134224</v>
      </c>
      <c r="AR23" s="114">
        <v>159206</v>
      </c>
      <c r="AS23" s="113">
        <v>415463</v>
      </c>
      <c r="AT23" s="116">
        <v>415463</v>
      </c>
      <c r="AU23" s="110">
        <v>79869</v>
      </c>
      <c r="AV23" s="114">
        <v>99464</v>
      </c>
      <c r="AW23" s="113">
        <v>179333</v>
      </c>
      <c r="AX23" s="110">
        <v>0</v>
      </c>
      <c r="AY23" s="114">
        <v>428194</v>
      </c>
      <c r="AZ23" s="114">
        <v>1094220</v>
      </c>
      <c r="BA23" s="114">
        <v>446679</v>
      </c>
      <c r="BB23" s="114">
        <v>792719</v>
      </c>
      <c r="BC23" s="114">
        <v>665774</v>
      </c>
      <c r="BD23" s="113">
        <v>3427586</v>
      </c>
      <c r="BE23" s="116">
        <v>3606919</v>
      </c>
      <c r="BF23" s="110">
        <v>0</v>
      </c>
      <c r="BG23" s="114">
        <v>0</v>
      </c>
      <c r="BH23" s="112">
        <v>0</v>
      </c>
      <c r="BI23" s="111">
        <v>0</v>
      </c>
      <c r="BJ23" s="114">
        <v>64934</v>
      </c>
      <c r="BK23" s="114">
        <v>118793</v>
      </c>
      <c r="BL23" s="114">
        <v>147329</v>
      </c>
      <c r="BM23" s="114">
        <v>208757</v>
      </c>
      <c r="BN23" s="114">
        <v>38556</v>
      </c>
      <c r="BO23" s="113">
        <v>578369</v>
      </c>
      <c r="BP23" s="116">
        <v>578369</v>
      </c>
      <c r="BQ23" s="110">
        <v>90797</v>
      </c>
      <c r="BR23" s="114">
        <v>6258</v>
      </c>
      <c r="BS23" s="113">
        <v>97055</v>
      </c>
      <c r="BT23" s="110">
        <v>0</v>
      </c>
      <c r="BU23" s="114">
        <v>308217</v>
      </c>
      <c r="BV23" s="114">
        <v>378553</v>
      </c>
      <c r="BW23" s="114">
        <v>243131</v>
      </c>
      <c r="BX23" s="114">
        <v>412644</v>
      </c>
      <c r="BY23" s="114">
        <v>406119</v>
      </c>
      <c r="BZ23" s="113">
        <v>1748664</v>
      </c>
      <c r="CA23" s="116">
        <v>1845719</v>
      </c>
      <c r="CB23" s="110">
        <v>72945</v>
      </c>
      <c r="CC23" s="114">
        <v>99373</v>
      </c>
      <c r="CD23" s="113">
        <v>172318</v>
      </c>
      <c r="CE23" s="110">
        <v>0</v>
      </c>
      <c r="CF23" s="114">
        <v>2191435</v>
      </c>
      <c r="CG23" s="114">
        <v>3381286</v>
      </c>
      <c r="CH23" s="114">
        <v>1589360</v>
      </c>
      <c r="CI23" s="114">
        <v>1334815</v>
      </c>
      <c r="CJ23" s="114">
        <v>576014</v>
      </c>
      <c r="CK23" s="113">
        <v>9072910</v>
      </c>
      <c r="CL23" s="116">
        <v>9245228</v>
      </c>
      <c r="CM23" s="110">
        <v>0</v>
      </c>
      <c r="CN23" s="114">
        <v>0</v>
      </c>
      <c r="CO23" s="113">
        <v>0</v>
      </c>
      <c r="CP23" s="111">
        <v>0</v>
      </c>
      <c r="CQ23" s="114">
        <v>1675654</v>
      </c>
      <c r="CR23" s="114">
        <v>2760693</v>
      </c>
      <c r="CS23" s="114">
        <v>1224867</v>
      </c>
      <c r="CT23" s="114">
        <v>996321</v>
      </c>
      <c r="CU23" s="114">
        <v>398821</v>
      </c>
      <c r="CV23" s="113">
        <v>7056356</v>
      </c>
      <c r="CW23" s="116">
        <v>7056356</v>
      </c>
      <c r="CX23" s="110">
        <v>72945</v>
      </c>
      <c r="CY23" s="114">
        <v>99373</v>
      </c>
      <c r="CZ23" s="113">
        <v>172318</v>
      </c>
      <c r="DA23" s="110">
        <v>0</v>
      </c>
      <c r="DB23" s="114">
        <v>515781</v>
      </c>
      <c r="DC23" s="114">
        <v>620593</v>
      </c>
      <c r="DD23" s="114">
        <v>364493</v>
      </c>
      <c r="DE23" s="114">
        <v>338494</v>
      </c>
      <c r="DF23" s="114">
        <v>177193</v>
      </c>
      <c r="DG23" s="113">
        <v>2016554</v>
      </c>
      <c r="DH23" s="116">
        <v>2188872</v>
      </c>
      <c r="DI23" s="110">
        <v>0</v>
      </c>
      <c r="DJ23" s="114">
        <v>0</v>
      </c>
      <c r="DK23" s="112">
        <v>0</v>
      </c>
      <c r="DL23" s="111">
        <v>0</v>
      </c>
      <c r="DM23" s="114">
        <v>125137</v>
      </c>
      <c r="DN23" s="114">
        <v>417908</v>
      </c>
      <c r="DO23" s="114">
        <v>-679895</v>
      </c>
      <c r="DP23" s="114">
        <v>804172</v>
      </c>
      <c r="DQ23" s="114">
        <v>318258</v>
      </c>
      <c r="DR23" s="113">
        <v>985580</v>
      </c>
      <c r="DS23" s="116">
        <v>985580</v>
      </c>
      <c r="DT23" s="110">
        <v>0</v>
      </c>
      <c r="DU23" s="114">
        <v>0</v>
      </c>
      <c r="DV23" s="113">
        <v>0</v>
      </c>
      <c r="DW23" s="110">
        <v>0</v>
      </c>
      <c r="DX23" s="114">
        <v>125137</v>
      </c>
      <c r="DY23" s="114">
        <v>417908</v>
      </c>
      <c r="DZ23" s="114">
        <v>-679895</v>
      </c>
      <c r="EA23" s="114">
        <v>804172</v>
      </c>
      <c r="EB23" s="114">
        <v>294591</v>
      </c>
      <c r="EC23" s="113">
        <v>961913</v>
      </c>
      <c r="ED23" s="116">
        <v>961913</v>
      </c>
      <c r="EE23" s="110">
        <v>0</v>
      </c>
      <c r="EF23" s="112">
        <v>0</v>
      </c>
      <c r="EG23" s="113">
        <v>0</v>
      </c>
      <c r="EH23" s="110">
        <v>0</v>
      </c>
      <c r="EI23" s="114">
        <v>0</v>
      </c>
      <c r="EJ23" s="114">
        <v>0</v>
      </c>
      <c r="EK23" s="114">
        <v>0</v>
      </c>
      <c r="EL23" s="114">
        <v>0</v>
      </c>
      <c r="EM23" s="114">
        <v>23667</v>
      </c>
      <c r="EN23" s="112">
        <v>23667</v>
      </c>
      <c r="EO23" s="116">
        <v>23667</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8"/>
      <c r="FE23" s="114">
        <v>0</v>
      </c>
      <c r="FF23" s="114">
        <v>0</v>
      </c>
      <c r="FG23" s="114">
        <v>0</v>
      </c>
      <c r="FH23" s="114">
        <v>0</v>
      </c>
      <c r="FI23" s="114">
        <v>0</v>
      </c>
      <c r="FJ23" s="113">
        <v>0</v>
      </c>
      <c r="FK23" s="116">
        <v>0</v>
      </c>
      <c r="FL23" s="110">
        <v>168875</v>
      </c>
      <c r="FM23" s="114">
        <v>74536</v>
      </c>
      <c r="FN23" s="113">
        <v>243411</v>
      </c>
      <c r="FO23" s="110">
        <v>0</v>
      </c>
      <c r="FP23" s="114">
        <v>190939</v>
      </c>
      <c r="FQ23" s="114">
        <v>637987</v>
      </c>
      <c r="FR23" s="114">
        <v>482055</v>
      </c>
      <c r="FS23" s="114">
        <v>679566</v>
      </c>
      <c r="FT23" s="114">
        <v>743708</v>
      </c>
      <c r="FU23" s="113">
        <v>2734255</v>
      </c>
      <c r="FV23" s="116">
        <v>2977666</v>
      </c>
      <c r="FW23" s="115">
        <v>50295</v>
      </c>
      <c r="FX23" s="114">
        <v>74536</v>
      </c>
      <c r="FY23" s="112">
        <v>124831</v>
      </c>
      <c r="FZ23" s="111">
        <v>0</v>
      </c>
      <c r="GA23" s="114">
        <v>190939</v>
      </c>
      <c r="GB23" s="114">
        <v>602525</v>
      </c>
      <c r="GC23" s="114">
        <v>419055</v>
      </c>
      <c r="GD23" s="114">
        <v>663242</v>
      </c>
      <c r="GE23" s="114">
        <v>440958</v>
      </c>
      <c r="GF23" s="113">
        <v>2316719</v>
      </c>
      <c r="GG23" s="319">
        <v>2441550</v>
      </c>
      <c r="GH23" s="115">
        <v>0</v>
      </c>
      <c r="GI23" s="114">
        <v>0</v>
      </c>
      <c r="GJ23" s="112">
        <v>0</v>
      </c>
      <c r="GK23" s="111">
        <v>0</v>
      </c>
      <c r="GL23" s="114">
        <v>0</v>
      </c>
      <c r="GM23" s="114">
        <v>35462</v>
      </c>
      <c r="GN23" s="114">
        <v>0</v>
      </c>
      <c r="GO23" s="114">
        <v>16324</v>
      </c>
      <c r="GP23" s="114">
        <v>34650</v>
      </c>
      <c r="GQ23" s="113">
        <v>86436</v>
      </c>
      <c r="GR23" s="116">
        <v>86436</v>
      </c>
      <c r="GS23" s="110">
        <v>118580</v>
      </c>
      <c r="GT23" s="114">
        <v>0</v>
      </c>
      <c r="GU23" s="113">
        <v>118580</v>
      </c>
      <c r="GV23" s="110">
        <v>0</v>
      </c>
      <c r="GW23" s="114">
        <v>0</v>
      </c>
      <c r="GX23" s="114">
        <v>0</v>
      </c>
      <c r="GY23" s="114">
        <v>63000</v>
      </c>
      <c r="GZ23" s="114">
        <v>0</v>
      </c>
      <c r="HA23" s="114">
        <v>268100</v>
      </c>
      <c r="HB23" s="112">
        <v>331100</v>
      </c>
      <c r="HC23" s="116">
        <v>449680</v>
      </c>
      <c r="HD23" s="110">
        <v>237458</v>
      </c>
      <c r="HE23" s="114">
        <v>0</v>
      </c>
      <c r="HF23" s="112">
        <v>237458</v>
      </c>
      <c r="HG23" s="111">
        <v>0</v>
      </c>
      <c r="HH23" s="114">
        <v>1670517</v>
      </c>
      <c r="HI23" s="114">
        <v>1733904</v>
      </c>
      <c r="HJ23" s="114">
        <v>872949</v>
      </c>
      <c r="HK23" s="114">
        <v>1974481</v>
      </c>
      <c r="HL23" s="114">
        <v>2120032</v>
      </c>
      <c r="HM23" s="113">
        <v>8371883</v>
      </c>
      <c r="HN23" s="109">
        <v>8609341</v>
      </c>
      <c r="HO23" s="329"/>
      <c r="HP23" s="330"/>
      <c r="HQ23" s="331"/>
      <c r="HR23" s="332"/>
      <c r="HS23" s="330"/>
      <c r="HT23" s="330"/>
      <c r="HU23" s="330"/>
      <c r="HV23" s="330"/>
      <c r="HW23" s="330"/>
      <c r="HX23" s="333"/>
      <c r="HY23" s="334"/>
      <c r="HZ23" s="131">
        <v>0</v>
      </c>
      <c r="IA23" s="132">
        <v>0</v>
      </c>
      <c r="IB23" s="133">
        <v>0</v>
      </c>
      <c r="IC23" s="146">
        <v>0</v>
      </c>
      <c r="ID23" s="132">
        <v>806498</v>
      </c>
      <c r="IE23" s="147">
        <v>573421</v>
      </c>
      <c r="IF23" s="133">
        <v>1645952</v>
      </c>
      <c r="IG23" s="132">
        <v>896160</v>
      </c>
      <c r="IH23" s="133">
        <v>1358219</v>
      </c>
      <c r="II23" s="148">
        <v>5280250</v>
      </c>
      <c r="IJ23" s="139">
        <v>5280250</v>
      </c>
      <c r="IK23" s="232">
        <v>0</v>
      </c>
      <c r="IL23" s="236">
        <v>0</v>
      </c>
      <c r="IM23" s="237">
        <v>0</v>
      </c>
      <c r="IN23" s="140"/>
      <c r="IO23" s="119">
        <v>0</v>
      </c>
      <c r="IP23" s="119">
        <v>0</v>
      </c>
      <c r="IQ23" s="119">
        <v>0</v>
      </c>
      <c r="IR23" s="119">
        <v>0</v>
      </c>
      <c r="IS23" s="119">
        <v>237450</v>
      </c>
      <c r="IT23" s="141">
        <v>237450</v>
      </c>
      <c r="IU23" s="321">
        <v>23745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604232</v>
      </c>
      <c r="JL23" s="119">
        <v>207673</v>
      </c>
      <c r="JM23" s="119">
        <v>654635</v>
      </c>
      <c r="JN23" s="119">
        <v>4893</v>
      </c>
      <c r="JO23" s="119">
        <v>0</v>
      </c>
      <c r="JP23" s="120">
        <v>1471433</v>
      </c>
      <c r="JQ23" s="321">
        <v>1471433</v>
      </c>
      <c r="JR23" s="142">
        <v>0</v>
      </c>
      <c r="JS23" s="119">
        <v>0</v>
      </c>
      <c r="JT23" s="141">
        <v>0</v>
      </c>
      <c r="JU23" s="118">
        <v>0</v>
      </c>
      <c r="JV23" s="119">
        <v>0</v>
      </c>
      <c r="JW23" s="119">
        <v>0</v>
      </c>
      <c r="JX23" s="119">
        <v>303971</v>
      </c>
      <c r="JY23" s="119">
        <v>0</v>
      </c>
      <c r="JZ23" s="119">
        <v>0</v>
      </c>
      <c r="KA23" s="120">
        <v>303971</v>
      </c>
      <c r="KB23" s="321">
        <v>303971</v>
      </c>
      <c r="KC23" s="234">
        <v>0</v>
      </c>
      <c r="KD23" s="230">
        <v>0</v>
      </c>
      <c r="KE23" s="120">
        <v>0</v>
      </c>
      <c r="KF23" s="118">
        <v>0</v>
      </c>
      <c r="KG23" s="119">
        <v>202266</v>
      </c>
      <c r="KH23" s="119">
        <v>152758</v>
      </c>
      <c r="KI23" s="119">
        <v>0</v>
      </c>
      <c r="KJ23" s="119">
        <v>387098</v>
      </c>
      <c r="KK23" s="119">
        <v>92777</v>
      </c>
      <c r="KL23" s="120">
        <v>834899</v>
      </c>
      <c r="KM23" s="143">
        <v>834899</v>
      </c>
      <c r="KN23" s="232">
        <v>0</v>
      </c>
      <c r="KO23" s="236">
        <v>0</v>
      </c>
      <c r="KP23" s="237">
        <v>0</v>
      </c>
      <c r="KQ23" s="140"/>
      <c r="KR23" s="119">
        <v>0</v>
      </c>
      <c r="KS23" s="119">
        <v>212990</v>
      </c>
      <c r="KT23" s="119">
        <v>440230</v>
      </c>
      <c r="KU23" s="119">
        <v>0</v>
      </c>
      <c r="KV23" s="119">
        <v>460390</v>
      </c>
      <c r="KW23" s="120">
        <v>1113610</v>
      </c>
      <c r="KX23" s="321">
        <v>1113610</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246581</v>
      </c>
      <c r="LR23" s="119">
        <v>0</v>
      </c>
      <c r="LS23" s="120">
        <v>246581</v>
      </c>
      <c r="LT23" s="321">
        <v>246581</v>
      </c>
      <c r="LU23" s="142">
        <v>0</v>
      </c>
      <c r="LV23" s="119">
        <v>0</v>
      </c>
      <c r="LW23" s="120">
        <v>0</v>
      </c>
      <c r="LX23" s="145"/>
      <c r="LY23" s="119">
        <v>0</v>
      </c>
      <c r="LZ23" s="119">
        <v>0</v>
      </c>
      <c r="MA23" s="119">
        <v>247116</v>
      </c>
      <c r="MB23" s="119">
        <v>257588</v>
      </c>
      <c r="MC23" s="119">
        <v>567602</v>
      </c>
      <c r="MD23" s="120">
        <v>1072306</v>
      </c>
      <c r="ME23" s="121">
        <v>1072306</v>
      </c>
      <c r="MF23" s="142">
        <v>0</v>
      </c>
      <c r="MG23" s="119">
        <v>0</v>
      </c>
      <c r="MH23" s="120">
        <v>0</v>
      </c>
      <c r="MI23" s="145"/>
      <c r="MJ23" s="119">
        <v>778503</v>
      </c>
      <c r="MK23" s="119">
        <v>228459</v>
      </c>
      <c r="ML23" s="119">
        <v>2418703</v>
      </c>
      <c r="MM23" s="119">
        <v>3425421</v>
      </c>
      <c r="MN23" s="119">
        <v>1860334</v>
      </c>
      <c r="MO23" s="120">
        <v>8711420</v>
      </c>
      <c r="MP23" s="143">
        <v>8711420</v>
      </c>
      <c r="MQ23" s="142">
        <v>0</v>
      </c>
      <c r="MR23" s="119">
        <v>0</v>
      </c>
      <c r="MS23" s="120">
        <v>0</v>
      </c>
      <c r="MT23" s="145"/>
      <c r="MU23" s="119">
        <v>0</v>
      </c>
      <c r="MV23" s="119">
        <v>0</v>
      </c>
      <c r="MW23" s="119">
        <v>1273572</v>
      </c>
      <c r="MX23" s="119">
        <v>2686008</v>
      </c>
      <c r="MY23" s="119">
        <v>766038</v>
      </c>
      <c r="MZ23" s="120">
        <v>4725618</v>
      </c>
      <c r="NA23" s="143">
        <v>4725618</v>
      </c>
      <c r="NB23" s="142">
        <v>0</v>
      </c>
      <c r="NC23" s="119">
        <v>0</v>
      </c>
      <c r="ND23" s="120">
        <v>0</v>
      </c>
      <c r="NE23" s="145"/>
      <c r="NF23" s="119">
        <v>778503</v>
      </c>
      <c r="NG23" s="119">
        <v>228459</v>
      </c>
      <c r="NH23" s="119">
        <v>1145131</v>
      </c>
      <c r="NI23" s="119">
        <v>739413</v>
      </c>
      <c r="NJ23" s="119">
        <v>822034</v>
      </c>
      <c r="NK23" s="120">
        <v>3713540</v>
      </c>
      <c r="NL23" s="321">
        <v>3713540</v>
      </c>
      <c r="NM23" s="142">
        <v>0</v>
      </c>
      <c r="NN23" s="119">
        <v>0</v>
      </c>
      <c r="NO23" s="120">
        <v>0</v>
      </c>
      <c r="NP23" s="145"/>
      <c r="NQ23" s="119">
        <v>0</v>
      </c>
      <c r="NR23" s="119">
        <v>0</v>
      </c>
      <c r="NS23" s="119">
        <v>0</v>
      </c>
      <c r="NT23" s="119">
        <v>0</v>
      </c>
      <c r="NU23" s="119">
        <v>272262</v>
      </c>
      <c r="NV23" s="120">
        <v>272262</v>
      </c>
      <c r="NW23" s="121">
        <v>272262</v>
      </c>
      <c r="NX23" s="142">
        <v>0</v>
      </c>
      <c r="NY23" s="119">
        <v>0</v>
      </c>
      <c r="NZ23" s="120">
        <v>0</v>
      </c>
      <c r="OA23" s="145"/>
      <c r="OB23" s="119">
        <v>0</v>
      </c>
      <c r="OC23" s="119">
        <v>0</v>
      </c>
      <c r="OD23" s="119">
        <v>0</v>
      </c>
      <c r="OE23" s="119">
        <v>0</v>
      </c>
      <c r="OF23" s="119">
        <v>0</v>
      </c>
      <c r="OG23" s="120">
        <v>0</v>
      </c>
      <c r="OH23" s="121">
        <v>0</v>
      </c>
      <c r="OI23" s="142">
        <v>649944</v>
      </c>
      <c r="OJ23" s="119">
        <v>279631</v>
      </c>
      <c r="OK23" s="141">
        <v>929575</v>
      </c>
      <c r="OL23" s="118">
        <v>0</v>
      </c>
      <c r="OM23" s="119">
        <v>7219734</v>
      </c>
      <c r="ON23" s="119">
        <v>9868825</v>
      </c>
      <c r="OO23" s="119">
        <v>8528905</v>
      </c>
      <c r="OP23" s="119">
        <v>12684752</v>
      </c>
      <c r="OQ23" s="119">
        <v>9473734</v>
      </c>
      <c r="OR23" s="120">
        <v>47775950</v>
      </c>
      <c r="OS23" s="143">
        <v>48705525</v>
      </c>
    </row>
    <row r="24" spans="2:409" ht="20.25" customHeight="1" x14ac:dyDescent="0.2">
      <c r="B24" s="126" t="s">
        <v>19</v>
      </c>
      <c r="C24" s="110">
        <v>186412</v>
      </c>
      <c r="D24" s="114">
        <v>498469</v>
      </c>
      <c r="E24" s="113">
        <v>684881</v>
      </c>
      <c r="F24" s="109">
        <v>0</v>
      </c>
      <c r="G24" s="114">
        <v>2841155</v>
      </c>
      <c r="H24" s="114">
        <v>2573559</v>
      </c>
      <c r="I24" s="114">
        <v>2732731</v>
      </c>
      <c r="J24" s="114">
        <v>1862113</v>
      </c>
      <c r="K24" s="114">
        <v>1907380</v>
      </c>
      <c r="L24" s="109">
        <v>11916938</v>
      </c>
      <c r="M24" s="116">
        <v>12601819</v>
      </c>
      <c r="N24" s="110">
        <v>72636</v>
      </c>
      <c r="O24" s="114">
        <v>102480</v>
      </c>
      <c r="P24" s="113">
        <v>175116</v>
      </c>
      <c r="Q24" s="110">
        <v>0</v>
      </c>
      <c r="R24" s="114">
        <v>610901</v>
      </c>
      <c r="S24" s="114">
        <v>914764</v>
      </c>
      <c r="T24" s="114">
        <v>921494</v>
      </c>
      <c r="U24" s="114">
        <v>522130</v>
      </c>
      <c r="V24" s="114">
        <v>424130</v>
      </c>
      <c r="W24" s="113">
        <v>3393419</v>
      </c>
      <c r="X24" s="116">
        <v>3568535</v>
      </c>
      <c r="Y24" s="110">
        <v>0</v>
      </c>
      <c r="Z24" s="114">
        <v>0</v>
      </c>
      <c r="AA24" s="113">
        <v>0</v>
      </c>
      <c r="AB24" s="110">
        <v>0</v>
      </c>
      <c r="AC24" s="114">
        <v>205123</v>
      </c>
      <c r="AD24" s="114">
        <v>412255</v>
      </c>
      <c r="AE24" s="114">
        <v>449958</v>
      </c>
      <c r="AF24" s="114">
        <v>199220</v>
      </c>
      <c r="AG24" s="114">
        <v>16365</v>
      </c>
      <c r="AH24" s="113">
        <v>1282921</v>
      </c>
      <c r="AI24" s="116">
        <v>1282921</v>
      </c>
      <c r="AJ24" s="110">
        <v>0</v>
      </c>
      <c r="AK24" s="114">
        <v>0</v>
      </c>
      <c r="AL24" s="113">
        <v>0</v>
      </c>
      <c r="AM24" s="110">
        <v>0</v>
      </c>
      <c r="AN24" s="114">
        <v>0</v>
      </c>
      <c r="AO24" s="114">
        <v>0</v>
      </c>
      <c r="AP24" s="114">
        <v>79381</v>
      </c>
      <c r="AQ24" s="114">
        <v>108474</v>
      </c>
      <c r="AR24" s="114">
        <v>143117</v>
      </c>
      <c r="AS24" s="113">
        <v>330972</v>
      </c>
      <c r="AT24" s="116">
        <v>330972</v>
      </c>
      <c r="AU24" s="110">
        <v>46099</v>
      </c>
      <c r="AV24" s="114">
        <v>68817</v>
      </c>
      <c r="AW24" s="113">
        <v>114916</v>
      </c>
      <c r="AX24" s="110">
        <v>0</v>
      </c>
      <c r="AY24" s="114">
        <v>161390</v>
      </c>
      <c r="AZ24" s="114">
        <v>363457</v>
      </c>
      <c r="BA24" s="114">
        <v>218394</v>
      </c>
      <c r="BB24" s="114">
        <v>85902</v>
      </c>
      <c r="BC24" s="114">
        <v>204728</v>
      </c>
      <c r="BD24" s="113">
        <v>1033871</v>
      </c>
      <c r="BE24" s="116">
        <v>1148787</v>
      </c>
      <c r="BF24" s="110">
        <v>0</v>
      </c>
      <c r="BG24" s="114">
        <v>0</v>
      </c>
      <c r="BH24" s="112">
        <v>0</v>
      </c>
      <c r="BI24" s="111">
        <v>0</v>
      </c>
      <c r="BJ24" s="114">
        <v>129525</v>
      </c>
      <c r="BK24" s="114">
        <v>20738</v>
      </c>
      <c r="BL24" s="114">
        <v>0</v>
      </c>
      <c r="BM24" s="114">
        <v>0</v>
      </c>
      <c r="BN24" s="114">
        <v>0</v>
      </c>
      <c r="BO24" s="113">
        <v>150263</v>
      </c>
      <c r="BP24" s="116">
        <v>150263</v>
      </c>
      <c r="BQ24" s="110">
        <v>26537</v>
      </c>
      <c r="BR24" s="114">
        <v>33663</v>
      </c>
      <c r="BS24" s="113">
        <v>60200</v>
      </c>
      <c r="BT24" s="110">
        <v>0</v>
      </c>
      <c r="BU24" s="114">
        <v>114863</v>
      </c>
      <c r="BV24" s="114">
        <v>118314</v>
      </c>
      <c r="BW24" s="114">
        <v>173761</v>
      </c>
      <c r="BX24" s="114">
        <v>128534</v>
      </c>
      <c r="BY24" s="114">
        <v>59920</v>
      </c>
      <c r="BZ24" s="113">
        <v>595392</v>
      </c>
      <c r="CA24" s="116">
        <v>655592</v>
      </c>
      <c r="CB24" s="110">
        <v>0</v>
      </c>
      <c r="CC24" s="114">
        <v>105100</v>
      </c>
      <c r="CD24" s="113">
        <v>105100</v>
      </c>
      <c r="CE24" s="110">
        <v>0</v>
      </c>
      <c r="CF24" s="114">
        <v>998489</v>
      </c>
      <c r="CG24" s="114">
        <v>550432</v>
      </c>
      <c r="CH24" s="114">
        <v>568393</v>
      </c>
      <c r="CI24" s="114">
        <v>435579</v>
      </c>
      <c r="CJ24" s="114">
        <v>432328</v>
      </c>
      <c r="CK24" s="113">
        <v>2985221</v>
      </c>
      <c r="CL24" s="116">
        <v>3090321</v>
      </c>
      <c r="CM24" s="110">
        <v>0</v>
      </c>
      <c r="CN24" s="114">
        <v>0</v>
      </c>
      <c r="CO24" s="113">
        <v>0</v>
      </c>
      <c r="CP24" s="111">
        <v>0</v>
      </c>
      <c r="CQ24" s="114">
        <v>808157</v>
      </c>
      <c r="CR24" s="114">
        <v>364407</v>
      </c>
      <c r="CS24" s="114">
        <v>334291</v>
      </c>
      <c r="CT24" s="114">
        <v>30086</v>
      </c>
      <c r="CU24" s="114">
        <v>289097</v>
      </c>
      <c r="CV24" s="113">
        <v>1826038</v>
      </c>
      <c r="CW24" s="116">
        <v>1826038</v>
      </c>
      <c r="CX24" s="110">
        <v>0</v>
      </c>
      <c r="CY24" s="114">
        <v>105100</v>
      </c>
      <c r="CZ24" s="113">
        <v>105100</v>
      </c>
      <c r="DA24" s="110">
        <v>0</v>
      </c>
      <c r="DB24" s="114">
        <v>190332</v>
      </c>
      <c r="DC24" s="114">
        <v>186025</v>
      </c>
      <c r="DD24" s="114">
        <v>234102</v>
      </c>
      <c r="DE24" s="114">
        <v>405493</v>
      </c>
      <c r="DF24" s="114">
        <v>143231</v>
      </c>
      <c r="DG24" s="113">
        <v>1159183</v>
      </c>
      <c r="DH24" s="116">
        <v>1264283</v>
      </c>
      <c r="DI24" s="110">
        <v>0</v>
      </c>
      <c r="DJ24" s="114">
        <v>16030</v>
      </c>
      <c r="DK24" s="112">
        <v>16030</v>
      </c>
      <c r="DL24" s="111">
        <v>0</v>
      </c>
      <c r="DM24" s="114">
        <v>17972</v>
      </c>
      <c r="DN24" s="114">
        <v>193765</v>
      </c>
      <c r="DO24" s="114">
        <v>138705</v>
      </c>
      <c r="DP24" s="114">
        <v>125481</v>
      </c>
      <c r="DQ24" s="114">
        <v>180385</v>
      </c>
      <c r="DR24" s="113">
        <v>656308</v>
      </c>
      <c r="DS24" s="116">
        <v>672338</v>
      </c>
      <c r="DT24" s="110">
        <v>0</v>
      </c>
      <c r="DU24" s="114">
        <v>16030</v>
      </c>
      <c r="DV24" s="113">
        <v>16030</v>
      </c>
      <c r="DW24" s="110">
        <v>0</v>
      </c>
      <c r="DX24" s="114">
        <v>0</v>
      </c>
      <c r="DY24" s="114">
        <v>193765</v>
      </c>
      <c r="DZ24" s="114">
        <v>102942</v>
      </c>
      <c r="EA24" s="114">
        <v>0</v>
      </c>
      <c r="EB24" s="114">
        <v>180385</v>
      </c>
      <c r="EC24" s="113">
        <v>477092</v>
      </c>
      <c r="ED24" s="116">
        <v>493122</v>
      </c>
      <c r="EE24" s="110">
        <v>0</v>
      </c>
      <c r="EF24" s="112">
        <v>0</v>
      </c>
      <c r="EG24" s="113">
        <v>0</v>
      </c>
      <c r="EH24" s="110">
        <v>0</v>
      </c>
      <c r="EI24" s="114">
        <v>17972</v>
      </c>
      <c r="EJ24" s="114">
        <v>0</v>
      </c>
      <c r="EK24" s="114">
        <v>35763</v>
      </c>
      <c r="EL24" s="114">
        <v>125481</v>
      </c>
      <c r="EM24" s="114">
        <v>0</v>
      </c>
      <c r="EN24" s="112">
        <v>179216</v>
      </c>
      <c r="EO24" s="116">
        <v>179216</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8"/>
      <c r="FE24" s="114">
        <v>0</v>
      </c>
      <c r="FF24" s="114">
        <v>0</v>
      </c>
      <c r="FG24" s="114">
        <v>0</v>
      </c>
      <c r="FH24" s="114">
        <v>0</v>
      </c>
      <c r="FI24" s="114">
        <v>0</v>
      </c>
      <c r="FJ24" s="113">
        <v>0</v>
      </c>
      <c r="FK24" s="116">
        <v>0</v>
      </c>
      <c r="FL24" s="110">
        <v>65525</v>
      </c>
      <c r="FM24" s="114">
        <v>33320</v>
      </c>
      <c r="FN24" s="113">
        <v>98845</v>
      </c>
      <c r="FO24" s="110">
        <v>0</v>
      </c>
      <c r="FP24" s="114">
        <v>154185</v>
      </c>
      <c r="FQ24" s="114">
        <v>249004</v>
      </c>
      <c r="FR24" s="114">
        <v>177562</v>
      </c>
      <c r="FS24" s="114">
        <v>226548</v>
      </c>
      <c r="FT24" s="114">
        <v>250082</v>
      </c>
      <c r="FU24" s="113">
        <v>1057381</v>
      </c>
      <c r="FV24" s="116">
        <v>1156226</v>
      </c>
      <c r="FW24" s="115">
        <v>17570</v>
      </c>
      <c r="FX24" s="114">
        <v>33320</v>
      </c>
      <c r="FY24" s="112">
        <v>50890</v>
      </c>
      <c r="FZ24" s="111">
        <v>0</v>
      </c>
      <c r="GA24" s="114">
        <v>95130</v>
      </c>
      <c r="GB24" s="114">
        <v>235452</v>
      </c>
      <c r="GC24" s="114">
        <v>177562</v>
      </c>
      <c r="GD24" s="114">
        <v>226548</v>
      </c>
      <c r="GE24" s="114">
        <v>110082</v>
      </c>
      <c r="GF24" s="113">
        <v>844774</v>
      </c>
      <c r="GG24" s="319">
        <v>895664</v>
      </c>
      <c r="GH24" s="115">
        <v>0</v>
      </c>
      <c r="GI24" s="114">
        <v>0</v>
      </c>
      <c r="GJ24" s="112">
        <v>0</v>
      </c>
      <c r="GK24" s="111">
        <v>0</v>
      </c>
      <c r="GL24" s="114">
        <v>31339</v>
      </c>
      <c r="GM24" s="114">
        <v>13552</v>
      </c>
      <c r="GN24" s="114">
        <v>0</v>
      </c>
      <c r="GO24" s="114">
        <v>0</v>
      </c>
      <c r="GP24" s="114">
        <v>0</v>
      </c>
      <c r="GQ24" s="113">
        <v>44891</v>
      </c>
      <c r="GR24" s="116">
        <v>44891</v>
      </c>
      <c r="GS24" s="110">
        <v>47955</v>
      </c>
      <c r="GT24" s="114">
        <v>0</v>
      </c>
      <c r="GU24" s="113">
        <v>47955</v>
      </c>
      <c r="GV24" s="110">
        <v>0</v>
      </c>
      <c r="GW24" s="114">
        <v>27716</v>
      </c>
      <c r="GX24" s="114">
        <v>0</v>
      </c>
      <c r="GY24" s="114">
        <v>0</v>
      </c>
      <c r="GZ24" s="114">
        <v>0</v>
      </c>
      <c r="HA24" s="114">
        <v>140000</v>
      </c>
      <c r="HB24" s="112">
        <v>167716</v>
      </c>
      <c r="HC24" s="116">
        <v>215671</v>
      </c>
      <c r="HD24" s="110">
        <v>48251</v>
      </c>
      <c r="HE24" s="114">
        <v>241539</v>
      </c>
      <c r="HF24" s="112">
        <v>289790</v>
      </c>
      <c r="HG24" s="111">
        <v>0</v>
      </c>
      <c r="HH24" s="114">
        <v>1059608</v>
      </c>
      <c r="HI24" s="114">
        <v>665594</v>
      </c>
      <c r="HJ24" s="114">
        <v>926577</v>
      </c>
      <c r="HK24" s="114">
        <v>552375</v>
      </c>
      <c r="HL24" s="114">
        <v>620455</v>
      </c>
      <c r="HM24" s="113">
        <v>3824609</v>
      </c>
      <c r="HN24" s="109">
        <v>4114399</v>
      </c>
      <c r="HO24" s="329"/>
      <c r="HP24" s="330"/>
      <c r="HQ24" s="331"/>
      <c r="HR24" s="332"/>
      <c r="HS24" s="330"/>
      <c r="HT24" s="330"/>
      <c r="HU24" s="330"/>
      <c r="HV24" s="330"/>
      <c r="HW24" s="330"/>
      <c r="HX24" s="333"/>
      <c r="HY24" s="334"/>
      <c r="HZ24" s="150">
        <v>0</v>
      </c>
      <c r="IA24" s="135">
        <v>0</v>
      </c>
      <c r="IB24" s="150">
        <v>0</v>
      </c>
      <c r="IC24" s="134">
        <v>0</v>
      </c>
      <c r="ID24" s="135">
        <v>597666</v>
      </c>
      <c r="IE24" s="136">
        <v>999692</v>
      </c>
      <c r="IF24" s="137">
        <v>482383</v>
      </c>
      <c r="IG24" s="135">
        <v>1177875</v>
      </c>
      <c r="IH24" s="137">
        <v>250387</v>
      </c>
      <c r="II24" s="138">
        <v>3508003</v>
      </c>
      <c r="IJ24" s="150">
        <v>3508003</v>
      </c>
      <c r="IK24" s="232">
        <v>0</v>
      </c>
      <c r="IL24" s="236">
        <v>0</v>
      </c>
      <c r="IM24" s="237">
        <v>0</v>
      </c>
      <c r="IN24" s="140"/>
      <c r="IO24" s="119">
        <v>0</v>
      </c>
      <c r="IP24" s="119">
        <v>0</v>
      </c>
      <c r="IQ24" s="119">
        <v>63597</v>
      </c>
      <c r="IR24" s="119">
        <v>344681</v>
      </c>
      <c r="IS24" s="119">
        <v>0</v>
      </c>
      <c r="IT24" s="141">
        <v>408278</v>
      </c>
      <c r="IU24" s="321">
        <v>408278</v>
      </c>
      <c r="IV24" s="142">
        <v>0</v>
      </c>
      <c r="IW24" s="119">
        <v>0</v>
      </c>
      <c r="IX24" s="120">
        <v>0</v>
      </c>
      <c r="IY24" s="144"/>
      <c r="IZ24" s="119">
        <v>0</v>
      </c>
      <c r="JA24" s="119">
        <v>0</v>
      </c>
      <c r="JB24" s="119">
        <v>0</v>
      </c>
      <c r="JC24" s="119">
        <v>8725</v>
      </c>
      <c r="JD24" s="119">
        <v>0</v>
      </c>
      <c r="JE24" s="120">
        <v>8725</v>
      </c>
      <c r="JF24" s="121">
        <v>8725</v>
      </c>
      <c r="JG24" s="142">
        <v>0</v>
      </c>
      <c r="JH24" s="119">
        <v>0</v>
      </c>
      <c r="JI24" s="141">
        <v>0</v>
      </c>
      <c r="JJ24" s="118">
        <v>0</v>
      </c>
      <c r="JK24" s="119">
        <v>446910</v>
      </c>
      <c r="JL24" s="119">
        <v>271019</v>
      </c>
      <c r="JM24" s="119">
        <v>204533</v>
      </c>
      <c r="JN24" s="119">
        <v>121368</v>
      </c>
      <c r="JO24" s="119">
        <v>0</v>
      </c>
      <c r="JP24" s="120">
        <v>1043830</v>
      </c>
      <c r="JQ24" s="321">
        <v>1043830</v>
      </c>
      <c r="JR24" s="142">
        <v>0</v>
      </c>
      <c r="JS24" s="119">
        <v>0</v>
      </c>
      <c r="JT24" s="141">
        <v>0</v>
      </c>
      <c r="JU24" s="118">
        <v>0</v>
      </c>
      <c r="JV24" s="119">
        <v>34332</v>
      </c>
      <c r="JW24" s="119">
        <v>136347</v>
      </c>
      <c r="JX24" s="119">
        <v>0</v>
      </c>
      <c r="JY24" s="119">
        <v>0</v>
      </c>
      <c r="JZ24" s="119">
        <v>0</v>
      </c>
      <c r="KA24" s="120">
        <v>170679</v>
      </c>
      <c r="KB24" s="321">
        <v>170679</v>
      </c>
      <c r="KC24" s="234">
        <v>0</v>
      </c>
      <c r="KD24" s="230">
        <v>0</v>
      </c>
      <c r="KE24" s="120">
        <v>0</v>
      </c>
      <c r="KF24" s="118">
        <v>0</v>
      </c>
      <c r="KG24" s="119">
        <v>116424</v>
      </c>
      <c r="KH24" s="119">
        <v>160926</v>
      </c>
      <c r="KI24" s="119">
        <v>214253</v>
      </c>
      <c r="KJ24" s="119">
        <v>438084</v>
      </c>
      <c r="KK24" s="119">
        <v>250387</v>
      </c>
      <c r="KL24" s="120">
        <v>1180074</v>
      </c>
      <c r="KM24" s="143">
        <v>1180074</v>
      </c>
      <c r="KN24" s="232">
        <v>0</v>
      </c>
      <c r="KO24" s="236">
        <v>0</v>
      </c>
      <c r="KP24" s="237">
        <v>0</v>
      </c>
      <c r="KQ24" s="140"/>
      <c r="KR24" s="119">
        <v>0</v>
      </c>
      <c r="KS24" s="119">
        <v>431400</v>
      </c>
      <c r="KT24" s="119">
        <v>0</v>
      </c>
      <c r="KU24" s="119">
        <v>0</v>
      </c>
      <c r="KV24" s="119">
        <v>0</v>
      </c>
      <c r="KW24" s="120">
        <v>431400</v>
      </c>
      <c r="KX24" s="321">
        <v>431400</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1">
        <v>0</v>
      </c>
      <c r="LU24" s="142">
        <v>0</v>
      </c>
      <c r="LV24" s="119">
        <v>0</v>
      </c>
      <c r="LW24" s="120">
        <v>0</v>
      </c>
      <c r="LX24" s="145"/>
      <c r="LY24" s="119">
        <v>0</v>
      </c>
      <c r="LZ24" s="119">
        <v>0</v>
      </c>
      <c r="MA24" s="119">
        <v>0</v>
      </c>
      <c r="MB24" s="119">
        <v>265017</v>
      </c>
      <c r="MC24" s="119">
        <v>0</v>
      </c>
      <c r="MD24" s="120">
        <v>265017</v>
      </c>
      <c r="ME24" s="121">
        <v>265017</v>
      </c>
      <c r="MF24" s="142">
        <v>0</v>
      </c>
      <c r="MG24" s="119">
        <v>0</v>
      </c>
      <c r="MH24" s="120">
        <v>0</v>
      </c>
      <c r="MI24" s="145"/>
      <c r="MJ24" s="119">
        <v>0</v>
      </c>
      <c r="MK24" s="119">
        <v>423661</v>
      </c>
      <c r="ML24" s="119">
        <v>1230737</v>
      </c>
      <c r="MM24" s="119">
        <v>1352569</v>
      </c>
      <c r="MN24" s="119">
        <v>704080</v>
      </c>
      <c r="MO24" s="120">
        <v>3711047</v>
      </c>
      <c r="MP24" s="143">
        <v>3711047</v>
      </c>
      <c r="MQ24" s="142">
        <v>0</v>
      </c>
      <c r="MR24" s="119">
        <v>0</v>
      </c>
      <c r="MS24" s="120">
        <v>0</v>
      </c>
      <c r="MT24" s="145"/>
      <c r="MU24" s="119">
        <v>0</v>
      </c>
      <c r="MV24" s="119">
        <v>0</v>
      </c>
      <c r="MW24" s="119">
        <v>405696</v>
      </c>
      <c r="MX24" s="119">
        <v>1352569</v>
      </c>
      <c r="MY24" s="119">
        <v>493292</v>
      </c>
      <c r="MZ24" s="120">
        <v>2251557</v>
      </c>
      <c r="NA24" s="143">
        <v>2251557</v>
      </c>
      <c r="NB24" s="142">
        <v>0</v>
      </c>
      <c r="NC24" s="119">
        <v>0</v>
      </c>
      <c r="ND24" s="120">
        <v>0</v>
      </c>
      <c r="NE24" s="145"/>
      <c r="NF24" s="119">
        <v>0</v>
      </c>
      <c r="NG24" s="119">
        <v>423661</v>
      </c>
      <c r="NH24" s="119">
        <v>825041</v>
      </c>
      <c r="NI24" s="119">
        <v>0</v>
      </c>
      <c r="NJ24" s="119">
        <v>210788</v>
      </c>
      <c r="NK24" s="120">
        <v>1459490</v>
      </c>
      <c r="NL24" s="321">
        <v>1459490</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186412</v>
      </c>
      <c r="OJ24" s="119">
        <v>498469</v>
      </c>
      <c r="OK24" s="141">
        <v>684881</v>
      </c>
      <c r="OL24" s="118">
        <v>0</v>
      </c>
      <c r="OM24" s="119">
        <v>3438821</v>
      </c>
      <c r="ON24" s="119">
        <v>3996912</v>
      </c>
      <c r="OO24" s="119">
        <v>4445851</v>
      </c>
      <c r="OP24" s="119">
        <v>4392557</v>
      </c>
      <c r="OQ24" s="119">
        <v>2861847</v>
      </c>
      <c r="OR24" s="120">
        <v>19135988</v>
      </c>
      <c r="OS24" s="143">
        <v>19820869</v>
      </c>
    </row>
    <row r="25" spans="2:409" ht="20.25" customHeight="1" x14ac:dyDescent="0.2">
      <c r="B25" s="126" t="s">
        <v>20</v>
      </c>
      <c r="C25" s="110">
        <v>304906</v>
      </c>
      <c r="D25" s="114">
        <v>439444</v>
      </c>
      <c r="E25" s="113">
        <v>744350</v>
      </c>
      <c r="F25" s="110">
        <v>0</v>
      </c>
      <c r="G25" s="114">
        <v>3311301</v>
      </c>
      <c r="H25" s="114">
        <v>3790476</v>
      </c>
      <c r="I25" s="114">
        <v>3327712</v>
      </c>
      <c r="J25" s="114">
        <v>3123289</v>
      </c>
      <c r="K25" s="114">
        <v>1950817</v>
      </c>
      <c r="L25" s="173">
        <v>15503595</v>
      </c>
      <c r="M25" s="116">
        <v>16247945</v>
      </c>
      <c r="N25" s="110">
        <v>59123</v>
      </c>
      <c r="O25" s="114">
        <v>139482</v>
      </c>
      <c r="P25" s="113">
        <v>198605</v>
      </c>
      <c r="Q25" s="110">
        <v>0</v>
      </c>
      <c r="R25" s="114">
        <v>1446990</v>
      </c>
      <c r="S25" s="114">
        <v>1095569</v>
      </c>
      <c r="T25" s="114">
        <v>897712</v>
      </c>
      <c r="U25" s="114">
        <v>1037408</v>
      </c>
      <c r="V25" s="114">
        <v>713825</v>
      </c>
      <c r="W25" s="113">
        <v>5191504</v>
      </c>
      <c r="X25" s="116">
        <v>5390109</v>
      </c>
      <c r="Y25" s="110">
        <v>0</v>
      </c>
      <c r="Z25" s="114">
        <v>0</v>
      </c>
      <c r="AA25" s="113">
        <v>0</v>
      </c>
      <c r="AB25" s="110">
        <v>0</v>
      </c>
      <c r="AC25" s="114">
        <v>617479</v>
      </c>
      <c r="AD25" s="114">
        <v>372206</v>
      </c>
      <c r="AE25" s="114">
        <v>183667</v>
      </c>
      <c r="AF25" s="114">
        <v>621831</v>
      </c>
      <c r="AG25" s="114">
        <v>279928</v>
      </c>
      <c r="AH25" s="113">
        <v>2075111</v>
      </c>
      <c r="AI25" s="116">
        <v>2075111</v>
      </c>
      <c r="AJ25" s="110">
        <v>0</v>
      </c>
      <c r="AK25" s="114">
        <v>0</v>
      </c>
      <c r="AL25" s="113">
        <v>0</v>
      </c>
      <c r="AM25" s="110">
        <v>0</v>
      </c>
      <c r="AN25" s="114">
        <v>0</v>
      </c>
      <c r="AO25" s="114">
        <v>0</v>
      </c>
      <c r="AP25" s="114">
        <v>92328</v>
      </c>
      <c r="AQ25" s="114">
        <v>52924</v>
      </c>
      <c r="AR25" s="114">
        <v>230825</v>
      </c>
      <c r="AS25" s="113">
        <v>376077</v>
      </c>
      <c r="AT25" s="116">
        <v>376077</v>
      </c>
      <c r="AU25" s="110">
        <v>26197</v>
      </c>
      <c r="AV25" s="114">
        <v>104326</v>
      </c>
      <c r="AW25" s="113">
        <v>130523</v>
      </c>
      <c r="AX25" s="110">
        <v>0</v>
      </c>
      <c r="AY25" s="114">
        <v>535345</v>
      </c>
      <c r="AZ25" s="114">
        <v>449957</v>
      </c>
      <c r="BA25" s="114">
        <v>360138</v>
      </c>
      <c r="BB25" s="114">
        <v>212048</v>
      </c>
      <c r="BC25" s="114">
        <v>46692</v>
      </c>
      <c r="BD25" s="113">
        <v>1604180</v>
      </c>
      <c r="BE25" s="116">
        <v>1734703</v>
      </c>
      <c r="BF25" s="110">
        <v>28922</v>
      </c>
      <c r="BG25" s="114">
        <v>33070</v>
      </c>
      <c r="BH25" s="112">
        <v>61992</v>
      </c>
      <c r="BI25" s="111">
        <v>0</v>
      </c>
      <c r="BJ25" s="114">
        <v>54591</v>
      </c>
      <c r="BK25" s="114">
        <v>156569</v>
      </c>
      <c r="BL25" s="114">
        <v>108951</v>
      </c>
      <c r="BM25" s="114">
        <v>0</v>
      </c>
      <c r="BN25" s="114">
        <v>20258</v>
      </c>
      <c r="BO25" s="113">
        <v>340369</v>
      </c>
      <c r="BP25" s="116">
        <v>402361</v>
      </c>
      <c r="BQ25" s="110">
        <v>4004</v>
      </c>
      <c r="BR25" s="114">
        <v>2086</v>
      </c>
      <c r="BS25" s="113">
        <v>6090</v>
      </c>
      <c r="BT25" s="110">
        <v>0</v>
      </c>
      <c r="BU25" s="114">
        <v>239575</v>
      </c>
      <c r="BV25" s="114">
        <v>116837</v>
      </c>
      <c r="BW25" s="114">
        <v>152628</v>
      </c>
      <c r="BX25" s="114">
        <v>150605</v>
      </c>
      <c r="BY25" s="114">
        <v>136122</v>
      </c>
      <c r="BZ25" s="113">
        <v>795767</v>
      </c>
      <c r="CA25" s="116">
        <v>801857</v>
      </c>
      <c r="CB25" s="110">
        <v>35646</v>
      </c>
      <c r="CC25" s="114">
        <v>106072</v>
      </c>
      <c r="CD25" s="113">
        <v>141718</v>
      </c>
      <c r="CE25" s="110">
        <v>0</v>
      </c>
      <c r="CF25" s="114">
        <v>707133</v>
      </c>
      <c r="CG25" s="114">
        <v>1300477</v>
      </c>
      <c r="CH25" s="114">
        <v>712773</v>
      </c>
      <c r="CI25" s="114">
        <v>430683</v>
      </c>
      <c r="CJ25" s="114">
        <v>486709</v>
      </c>
      <c r="CK25" s="113">
        <v>3637775</v>
      </c>
      <c r="CL25" s="116">
        <v>3779493</v>
      </c>
      <c r="CM25" s="110">
        <v>0</v>
      </c>
      <c r="CN25" s="114">
        <v>0</v>
      </c>
      <c r="CO25" s="113">
        <v>0</v>
      </c>
      <c r="CP25" s="111">
        <v>0</v>
      </c>
      <c r="CQ25" s="114">
        <v>308969</v>
      </c>
      <c r="CR25" s="114">
        <v>602030</v>
      </c>
      <c r="CS25" s="114">
        <v>510907</v>
      </c>
      <c r="CT25" s="114">
        <v>361832</v>
      </c>
      <c r="CU25" s="114">
        <v>367833</v>
      </c>
      <c r="CV25" s="113">
        <v>2151571</v>
      </c>
      <c r="CW25" s="116">
        <v>2151571</v>
      </c>
      <c r="CX25" s="110">
        <v>35646</v>
      </c>
      <c r="CY25" s="114">
        <v>106072</v>
      </c>
      <c r="CZ25" s="113">
        <v>141718</v>
      </c>
      <c r="DA25" s="110">
        <v>0</v>
      </c>
      <c r="DB25" s="114">
        <v>398164</v>
      </c>
      <c r="DC25" s="114">
        <v>698447</v>
      </c>
      <c r="DD25" s="114">
        <v>201866</v>
      </c>
      <c r="DE25" s="114">
        <v>68851</v>
      </c>
      <c r="DF25" s="114">
        <v>118876</v>
      </c>
      <c r="DG25" s="113">
        <v>1486204</v>
      </c>
      <c r="DH25" s="116">
        <v>1627922</v>
      </c>
      <c r="DI25" s="110">
        <v>0</v>
      </c>
      <c r="DJ25" s="114">
        <v>0</v>
      </c>
      <c r="DK25" s="112">
        <v>0</v>
      </c>
      <c r="DL25" s="111">
        <v>0</v>
      </c>
      <c r="DM25" s="114">
        <v>56097</v>
      </c>
      <c r="DN25" s="114">
        <v>250053</v>
      </c>
      <c r="DO25" s="114">
        <v>622903</v>
      </c>
      <c r="DP25" s="114">
        <v>421638</v>
      </c>
      <c r="DQ25" s="114">
        <v>18967</v>
      </c>
      <c r="DR25" s="113">
        <v>1369658</v>
      </c>
      <c r="DS25" s="116">
        <v>1369658</v>
      </c>
      <c r="DT25" s="110">
        <v>0</v>
      </c>
      <c r="DU25" s="114">
        <v>0</v>
      </c>
      <c r="DV25" s="113">
        <v>0</v>
      </c>
      <c r="DW25" s="110">
        <v>0</v>
      </c>
      <c r="DX25" s="114">
        <v>56097</v>
      </c>
      <c r="DY25" s="114">
        <v>174526</v>
      </c>
      <c r="DZ25" s="114">
        <v>512411</v>
      </c>
      <c r="EA25" s="114">
        <v>421638</v>
      </c>
      <c r="EB25" s="114">
        <v>18967</v>
      </c>
      <c r="EC25" s="113">
        <v>1183639</v>
      </c>
      <c r="ED25" s="116">
        <v>1183639</v>
      </c>
      <c r="EE25" s="110">
        <v>0</v>
      </c>
      <c r="EF25" s="112">
        <v>0</v>
      </c>
      <c r="EG25" s="113">
        <v>0</v>
      </c>
      <c r="EH25" s="110">
        <v>0</v>
      </c>
      <c r="EI25" s="114">
        <v>0</v>
      </c>
      <c r="EJ25" s="114">
        <v>75527</v>
      </c>
      <c r="EK25" s="114">
        <v>110492</v>
      </c>
      <c r="EL25" s="114">
        <v>0</v>
      </c>
      <c r="EM25" s="114">
        <v>0</v>
      </c>
      <c r="EN25" s="112">
        <v>186019</v>
      </c>
      <c r="EO25" s="116">
        <v>186019</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8"/>
      <c r="FE25" s="114">
        <v>0</v>
      </c>
      <c r="FF25" s="114">
        <v>0</v>
      </c>
      <c r="FG25" s="114">
        <v>0</v>
      </c>
      <c r="FH25" s="114">
        <v>0</v>
      </c>
      <c r="FI25" s="114">
        <v>0</v>
      </c>
      <c r="FJ25" s="113">
        <v>0</v>
      </c>
      <c r="FK25" s="116">
        <v>0</v>
      </c>
      <c r="FL25" s="110">
        <v>161245</v>
      </c>
      <c r="FM25" s="114">
        <v>115976</v>
      </c>
      <c r="FN25" s="113">
        <v>277221</v>
      </c>
      <c r="FO25" s="110">
        <v>0</v>
      </c>
      <c r="FP25" s="114">
        <v>267666</v>
      </c>
      <c r="FQ25" s="114">
        <v>520716</v>
      </c>
      <c r="FR25" s="114">
        <v>295470</v>
      </c>
      <c r="FS25" s="114">
        <v>103817</v>
      </c>
      <c r="FT25" s="114">
        <v>111034</v>
      </c>
      <c r="FU25" s="113">
        <v>1298703</v>
      </c>
      <c r="FV25" s="116">
        <v>1575924</v>
      </c>
      <c r="FW25" s="115">
        <v>21245</v>
      </c>
      <c r="FX25" s="114">
        <v>64876</v>
      </c>
      <c r="FY25" s="112">
        <v>86121</v>
      </c>
      <c r="FZ25" s="111">
        <v>0</v>
      </c>
      <c r="GA25" s="114">
        <v>229166</v>
      </c>
      <c r="GB25" s="114">
        <v>319417</v>
      </c>
      <c r="GC25" s="114">
        <v>274050</v>
      </c>
      <c r="GD25" s="114">
        <v>103817</v>
      </c>
      <c r="GE25" s="114">
        <v>111034</v>
      </c>
      <c r="GF25" s="113">
        <v>1037484</v>
      </c>
      <c r="GG25" s="319">
        <v>1123605</v>
      </c>
      <c r="GH25" s="115">
        <v>0</v>
      </c>
      <c r="GI25" s="114">
        <v>0</v>
      </c>
      <c r="GJ25" s="112">
        <v>0</v>
      </c>
      <c r="GK25" s="111">
        <v>0</v>
      </c>
      <c r="GL25" s="114">
        <v>38500</v>
      </c>
      <c r="GM25" s="114">
        <v>63819</v>
      </c>
      <c r="GN25" s="114">
        <v>21420</v>
      </c>
      <c r="GO25" s="114">
        <v>0</v>
      </c>
      <c r="GP25" s="114">
        <v>0</v>
      </c>
      <c r="GQ25" s="113">
        <v>123739</v>
      </c>
      <c r="GR25" s="116">
        <v>123739</v>
      </c>
      <c r="GS25" s="110">
        <v>140000</v>
      </c>
      <c r="GT25" s="114">
        <v>51100</v>
      </c>
      <c r="GU25" s="113">
        <v>191100</v>
      </c>
      <c r="GV25" s="110">
        <v>0</v>
      </c>
      <c r="GW25" s="114">
        <v>0</v>
      </c>
      <c r="GX25" s="114">
        <v>137480</v>
      </c>
      <c r="GY25" s="114">
        <v>0</v>
      </c>
      <c r="GZ25" s="114">
        <v>0</v>
      </c>
      <c r="HA25" s="114">
        <v>0</v>
      </c>
      <c r="HB25" s="112">
        <v>137480</v>
      </c>
      <c r="HC25" s="116">
        <v>328580</v>
      </c>
      <c r="HD25" s="110">
        <v>48892</v>
      </c>
      <c r="HE25" s="114">
        <v>77914</v>
      </c>
      <c r="HF25" s="112">
        <v>126806</v>
      </c>
      <c r="HG25" s="111">
        <v>0</v>
      </c>
      <c r="HH25" s="114">
        <v>833415</v>
      </c>
      <c r="HI25" s="114">
        <v>623661</v>
      </c>
      <c r="HJ25" s="114">
        <v>798854</v>
      </c>
      <c r="HK25" s="114">
        <v>1129743</v>
      </c>
      <c r="HL25" s="114">
        <v>620282</v>
      </c>
      <c r="HM25" s="113">
        <v>4005955</v>
      </c>
      <c r="HN25" s="109">
        <v>4132761</v>
      </c>
      <c r="HO25" s="329"/>
      <c r="HP25" s="330"/>
      <c r="HQ25" s="331"/>
      <c r="HR25" s="332"/>
      <c r="HS25" s="330"/>
      <c r="HT25" s="330"/>
      <c r="HU25" s="330"/>
      <c r="HV25" s="330"/>
      <c r="HW25" s="330"/>
      <c r="HX25" s="333"/>
      <c r="HY25" s="334"/>
      <c r="HZ25" s="131">
        <v>0</v>
      </c>
      <c r="IA25" s="132">
        <v>0</v>
      </c>
      <c r="IB25" s="133">
        <v>0</v>
      </c>
      <c r="IC25" s="146">
        <v>0</v>
      </c>
      <c r="ID25" s="132">
        <v>827532</v>
      </c>
      <c r="IE25" s="147">
        <v>541538</v>
      </c>
      <c r="IF25" s="133">
        <v>396373</v>
      </c>
      <c r="IG25" s="132">
        <v>284207</v>
      </c>
      <c r="IH25" s="133">
        <v>0</v>
      </c>
      <c r="II25" s="148">
        <v>2049650</v>
      </c>
      <c r="IJ25" s="139">
        <v>2049650</v>
      </c>
      <c r="IK25" s="232">
        <v>0</v>
      </c>
      <c r="IL25" s="236">
        <v>0</v>
      </c>
      <c r="IM25" s="237">
        <v>0</v>
      </c>
      <c r="IN25" s="140"/>
      <c r="IO25" s="119">
        <v>0</v>
      </c>
      <c r="IP25" s="119">
        <v>0</v>
      </c>
      <c r="IQ25" s="119">
        <v>0</v>
      </c>
      <c r="IR25" s="119">
        <v>0</v>
      </c>
      <c r="IS25" s="119">
        <v>0</v>
      </c>
      <c r="IT25" s="141">
        <v>0</v>
      </c>
      <c r="IU25" s="321">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337164</v>
      </c>
      <c r="JL25" s="119">
        <v>205679</v>
      </c>
      <c r="JM25" s="119">
        <v>0</v>
      </c>
      <c r="JN25" s="119">
        <v>52715</v>
      </c>
      <c r="JO25" s="119">
        <v>0</v>
      </c>
      <c r="JP25" s="120">
        <v>595558</v>
      </c>
      <c r="JQ25" s="321">
        <v>595558</v>
      </c>
      <c r="JR25" s="142">
        <v>0</v>
      </c>
      <c r="JS25" s="119">
        <v>0</v>
      </c>
      <c r="JT25" s="141">
        <v>0</v>
      </c>
      <c r="JU25" s="118">
        <v>0</v>
      </c>
      <c r="JV25" s="119">
        <v>72716</v>
      </c>
      <c r="JW25" s="119">
        <v>0</v>
      </c>
      <c r="JX25" s="119">
        <v>0</v>
      </c>
      <c r="JY25" s="119">
        <v>0</v>
      </c>
      <c r="JZ25" s="119">
        <v>0</v>
      </c>
      <c r="KA25" s="120">
        <v>72716</v>
      </c>
      <c r="KB25" s="321">
        <v>72716</v>
      </c>
      <c r="KC25" s="234">
        <v>0</v>
      </c>
      <c r="KD25" s="230">
        <v>0</v>
      </c>
      <c r="KE25" s="120">
        <v>0</v>
      </c>
      <c r="KF25" s="118">
        <v>0</v>
      </c>
      <c r="KG25" s="119">
        <v>0</v>
      </c>
      <c r="KH25" s="119">
        <v>121286</v>
      </c>
      <c r="KI25" s="119">
        <v>173580</v>
      </c>
      <c r="KJ25" s="119">
        <v>0</v>
      </c>
      <c r="KK25" s="119">
        <v>0</v>
      </c>
      <c r="KL25" s="120">
        <v>294866</v>
      </c>
      <c r="KM25" s="143">
        <v>294866</v>
      </c>
      <c r="KN25" s="232">
        <v>0</v>
      </c>
      <c r="KO25" s="236">
        <v>0</v>
      </c>
      <c r="KP25" s="237">
        <v>0</v>
      </c>
      <c r="KQ25" s="140"/>
      <c r="KR25" s="119">
        <v>417652</v>
      </c>
      <c r="KS25" s="119">
        <v>214573</v>
      </c>
      <c r="KT25" s="119">
        <v>222793</v>
      </c>
      <c r="KU25" s="119">
        <v>231492</v>
      </c>
      <c r="KV25" s="119">
        <v>0</v>
      </c>
      <c r="KW25" s="120">
        <v>1086510</v>
      </c>
      <c r="KX25" s="321">
        <v>1086510</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1">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205990</v>
      </c>
      <c r="MK25" s="119">
        <v>448050</v>
      </c>
      <c r="ML25" s="119">
        <v>1409143</v>
      </c>
      <c r="MM25" s="119">
        <v>2492751</v>
      </c>
      <c r="MN25" s="119">
        <v>1272907</v>
      </c>
      <c r="MO25" s="120">
        <v>5828841</v>
      </c>
      <c r="MP25" s="143">
        <v>5828841</v>
      </c>
      <c r="MQ25" s="142">
        <v>0</v>
      </c>
      <c r="MR25" s="119">
        <v>0</v>
      </c>
      <c r="MS25" s="120">
        <v>0</v>
      </c>
      <c r="MT25" s="145"/>
      <c r="MU25" s="119">
        <v>0</v>
      </c>
      <c r="MV25" s="119">
        <v>216278</v>
      </c>
      <c r="MW25" s="119">
        <v>639787</v>
      </c>
      <c r="MX25" s="119">
        <v>2004499</v>
      </c>
      <c r="MY25" s="119">
        <v>769546</v>
      </c>
      <c r="MZ25" s="120">
        <v>3630110</v>
      </c>
      <c r="NA25" s="143">
        <v>3630110</v>
      </c>
      <c r="NB25" s="142">
        <v>0</v>
      </c>
      <c r="NC25" s="119">
        <v>0</v>
      </c>
      <c r="ND25" s="120">
        <v>0</v>
      </c>
      <c r="NE25" s="145"/>
      <c r="NF25" s="119">
        <v>205990</v>
      </c>
      <c r="NG25" s="119">
        <v>231772</v>
      </c>
      <c r="NH25" s="119">
        <v>769356</v>
      </c>
      <c r="NI25" s="119">
        <v>488252</v>
      </c>
      <c r="NJ25" s="119">
        <v>149218</v>
      </c>
      <c r="NK25" s="120">
        <v>1844588</v>
      </c>
      <c r="NL25" s="321">
        <v>1844588</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354143</v>
      </c>
      <c r="OG25" s="120">
        <v>354143</v>
      </c>
      <c r="OH25" s="121">
        <v>354143</v>
      </c>
      <c r="OI25" s="142">
        <v>304906</v>
      </c>
      <c r="OJ25" s="119">
        <v>439444</v>
      </c>
      <c r="OK25" s="141">
        <v>744350</v>
      </c>
      <c r="OL25" s="118">
        <v>0</v>
      </c>
      <c r="OM25" s="119">
        <v>4344823</v>
      </c>
      <c r="ON25" s="119">
        <v>4780064</v>
      </c>
      <c r="OO25" s="119">
        <v>5133228</v>
      </c>
      <c r="OP25" s="119">
        <v>5900247</v>
      </c>
      <c r="OQ25" s="119">
        <v>3223724</v>
      </c>
      <c r="OR25" s="120">
        <v>23382086</v>
      </c>
      <c r="OS25" s="143">
        <v>24126436</v>
      </c>
    </row>
    <row r="26" spans="2:409" ht="20.25" customHeight="1" x14ac:dyDescent="0.2">
      <c r="B26" s="126" t="s">
        <v>21</v>
      </c>
      <c r="C26" s="110">
        <v>382785</v>
      </c>
      <c r="D26" s="114">
        <v>222763</v>
      </c>
      <c r="E26" s="113">
        <v>605548</v>
      </c>
      <c r="F26" s="109">
        <v>0</v>
      </c>
      <c r="G26" s="114">
        <v>2225475</v>
      </c>
      <c r="H26" s="114">
        <v>3086111</v>
      </c>
      <c r="I26" s="114">
        <v>2261914</v>
      </c>
      <c r="J26" s="114">
        <v>1643696</v>
      </c>
      <c r="K26" s="114">
        <v>1949628</v>
      </c>
      <c r="L26" s="173">
        <v>11166824</v>
      </c>
      <c r="M26" s="116">
        <v>11772372</v>
      </c>
      <c r="N26" s="110">
        <v>127077</v>
      </c>
      <c r="O26" s="114">
        <v>66691</v>
      </c>
      <c r="P26" s="113">
        <v>193768</v>
      </c>
      <c r="Q26" s="110">
        <v>0</v>
      </c>
      <c r="R26" s="114">
        <v>799670</v>
      </c>
      <c r="S26" s="114">
        <v>1122319</v>
      </c>
      <c r="T26" s="114">
        <v>787665</v>
      </c>
      <c r="U26" s="114">
        <v>419752</v>
      </c>
      <c r="V26" s="114">
        <v>542673</v>
      </c>
      <c r="W26" s="113">
        <v>3672079</v>
      </c>
      <c r="X26" s="116">
        <v>3865847</v>
      </c>
      <c r="Y26" s="110">
        <v>0</v>
      </c>
      <c r="Z26" s="114">
        <v>0</v>
      </c>
      <c r="AA26" s="113">
        <v>0</v>
      </c>
      <c r="AB26" s="110">
        <v>0</v>
      </c>
      <c r="AC26" s="114">
        <v>356129</v>
      </c>
      <c r="AD26" s="114">
        <v>390770</v>
      </c>
      <c r="AE26" s="114">
        <v>347549</v>
      </c>
      <c r="AF26" s="114">
        <v>180044</v>
      </c>
      <c r="AG26" s="114">
        <v>160677</v>
      </c>
      <c r="AH26" s="113">
        <v>1435169</v>
      </c>
      <c r="AI26" s="116">
        <v>1435169</v>
      </c>
      <c r="AJ26" s="110">
        <v>0</v>
      </c>
      <c r="AK26" s="114">
        <v>0</v>
      </c>
      <c r="AL26" s="113">
        <v>0</v>
      </c>
      <c r="AM26" s="110">
        <v>0</v>
      </c>
      <c r="AN26" s="114">
        <v>0</v>
      </c>
      <c r="AO26" s="114">
        <v>20517</v>
      </c>
      <c r="AP26" s="114">
        <v>91137</v>
      </c>
      <c r="AQ26" s="114">
        <v>92330</v>
      </c>
      <c r="AR26" s="114">
        <v>70579</v>
      </c>
      <c r="AS26" s="113">
        <v>274563</v>
      </c>
      <c r="AT26" s="116">
        <v>274563</v>
      </c>
      <c r="AU26" s="110">
        <v>38782</v>
      </c>
      <c r="AV26" s="114">
        <v>61259</v>
      </c>
      <c r="AW26" s="113">
        <v>100041</v>
      </c>
      <c r="AX26" s="110">
        <v>0</v>
      </c>
      <c r="AY26" s="114">
        <v>306355</v>
      </c>
      <c r="AZ26" s="114">
        <v>548894</v>
      </c>
      <c r="BA26" s="114">
        <v>242117</v>
      </c>
      <c r="BB26" s="114">
        <v>105315</v>
      </c>
      <c r="BC26" s="114">
        <v>194771</v>
      </c>
      <c r="BD26" s="113">
        <v>1397452</v>
      </c>
      <c r="BE26" s="116">
        <v>1497493</v>
      </c>
      <c r="BF26" s="110">
        <v>18491</v>
      </c>
      <c r="BG26" s="114">
        <v>0</v>
      </c>
      <c r="BH26" s="112">
        <v>18491</v>
      </c>
      <c r="BI26" s="111">
        <v>0</v>
      </c>
      <c r="BJ26" s="114">
        <v>0</v>
      </c>
      <c r="BK26" s="114">
        <v>52469</v>
      </c>
      <c r="BL26" s="114">
        <v>0</v>
      </c>
      <c r="BM26" s="114">
        <v>0</v>
      </c>
      <c r="BN26" s="114">
        <v>28026</v>
      </c>
      <c r="BO26" s="113">
        <v>80495</v>
      </c>
      <c r="BP26" s="116">
        <v>98986</v>
      </c>
      <c r="BQ26" s="110">
        <v>69804</v>
      </c>
      <c r="BR26" s="114">
        <v>5432</v>
      </c>
      <c r="BS26" s="113">
        <v>75236</v>
      </c>
      <c r="BT26" s="110">
        <v>0</v>
      </c>
      <c r="BU26" s="114">
        <v>137186</v>
      </c>
      <c r="BV26" s="114">
        <v>109669</v>
      </c>
      <c r="BW26" s="114">
        <v>106862</v>
      </c>
      <c r="BX26" s="114">
        <v>42063</v>
      </c>
      <c r="BY26" s="114">
        <v>88620</v>
      </c>
      <c r="BZ26" s="113">
        <v>484400</v>
      </c>
      <c r="CA26" s="116">
        <v>559636</v>
      </c>
      <c r="CB26" s="110">
        <v>41397</v>
      </c>
      <c r="CC26" s="114">
        <v>32877</v>
      </c>
      <c r="CD26" s="113">
        <v>74274</v>
      </c>
      <c r="CE26" s="110">
        <v>0</v>
      </c>
      <c r="CF26" s="114">
        <v>661426</v>
      </c>
      <c r="CG26" s="114">
        <v>1050532</v>
      </c>
      <c r="CH26" s="114">
        <v>498198</v>
      </c>
      <c r="CI26" s="114">
        <v>626285</v>
      </c>
      <c r="CJ26" s="114">
        <v>131912</v>
      </c>
      <c r="CK26" s="113">
        <v>2968353</v>
      </c>
      <c r="CL26" s="116">
        <v>3042627</v>
      </c>
      <c r="CM26" s="110">
        <v>0</v>
      </c>
      <c r="CN26" s="114">
        <v>0</v>
      </c>
      <c r="CO26" s="113">
        <v>0</v>
      </c>
      <c r="CP26" s="111">
        <v>0</v>
      </c>
      <c r="CQ26" s="114">
        <v>645121</v>
      </c>
      <c r="CR26" s="114">
        <v>915492</v>
      </c>
      <c r="CS26" s="114">
        <v>420945</v>
      </c>
      <c r="CT26" s="114">
        <v>574917</v>
      </c>
      <c r="CU26" s="114">
        <v>0</v>
      </c>
      <c r="CV26" s="113">
        <v>2556475</v>
      </c>
      <c r="CW26" s="116">
        <v>2556475</v>
      </c>
      <c r="CX26" s="110">
        <v>41397</v>
      </c>
      <c r="CY26" s="114">
        <v>32877</v>
      </c>
      <c r="CZ26" s="113">
        <v>74274</v>
      </c>
      <c r="DA26" s="110">
        <v>0</v>
      </c>
      <c r="DB26" s="114">
        <v>16305</v>
      </c>
      <c r="DC26" s="114">
        <v>135040</v>
      </c>
      <c r="DD26" s="114">
        <v>77253</v>
      </c>
      <c r="DE26" s="114">
        <v>51368</v>
      </c>
      <c r="DF26" s="114">
        <v>131912</v>
      </c>
      <c r="DG26" s="113">
        <v>411878</v>
      </c>
      <c r="DH26" s="116">
        <v>486152</v>
      </c>
      <c r="DI26" s="110">
        <v>28210</v>
      </c>
      <c r="DJ26" s="114">
        <v>0</v>
      </c>
      <c r="DK26" s="112">
        <v>28210</v>
      </c>
      <c r="DL26" s="111">
        <v>0</v>
      </c>
      <c r="DM26" s="114">
        <v>126399</v>
      </c>
      <c r="DN26" s="114">
        <v>159690</v>
      </c>
      <c r="DO26" s="114">
        <v>155643</v>
      </c>
      <c r="DP26" s="114">
        <v>78841</v>
      </c>
      <c r="DQ26" s="114">
        <v>544749</v>
      </c>
      <c r="DR26" s="113">
        <v>1065322</v>
      </c>
      <c r="DS26" s="116">
        <v>1093532</v>
      </c>
      <c r="DT26" s="110">
        <v>28210</v>
      </c>
      <c r="DU26" s="114">
        <v>0</v>
      </c>
      <c r="DV26" s="113">
        <v>28210</v>
      </c>
      <c r="DW26" s="110">
        <v>0</v>
      </c>
      <c r="DX26" s="114">
        <v>126399</v>
      </c>
      <c r="DY26" s="114">
        <v>61116</v>
      </c>
      <c r="DZ26" s="114">
        <v>155643</v>
      </c>
      <c r="EA26" s="114">
        <v>78841</v>
      </c>
      <c r="EB26" s="114">
        <v>502584</v>
      </c>
      <c r="EC26" s="113">
        <v>924583</v>
      </c>
      <c r="ED26" s="116">
        <v>952793</v>
      </c>
      <c r="EE26" s="110">
        <v>0</v>
      </c>
      <c r="EF26" s="112">
        <v>0</v>
      </c>
      <c r="EG26" s="113">
        <v>0</v>
      </c>
      <c r="EH26" s="110">
        <v>0</v>
      </c>
      <c r="EI26" s="114">
        <v>0</v>
      </c>
      <c r="EJ26" s="114">
        <v>98574</v>
      </c>
      <c r="EK26" s="114">
        <v>0</v>
      </c>
      <c r="EL26" s="114">
        <v>0</v>
      </c>
      <c r="EM26" s="114">
        <v>42165</v>
      </c>
      <c r="EN26" s="112">
        <v>140739</v>
      </c>
      <c r="EO26" s="116">
        <v>140739</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8"/>
      <c r="FE26" s="114">
        <v>0</v>
      </c>
      <c r="FF26" s="114">
        <v>0</v>
      </c>
      <c r="FG26" s="114">
        <v>0</v>
      </c>
      <c r="FH26" s="114">
        <v>0</v>
      </c>
      <c r="FI26" s="114">
        <v>0</v>
      </c>
      <c r="FJ26" s="113">
        <v>0</v>
      </c>
      <c r="FK26" s="116">
        <v>0</v>
      </c>
      <c r="FL26" s="110">
        <v>42329</v>
      </c>
      <c r="FM26" s="114">
        <v>37072</v>
      </c>
      <c r="FN26" s="113">
        <v>79401</v>
      </c>
      <c r="FO26" s="110">
        <v>0</v>
      </c>
      <c r="FP26" s="114">
        <v>83384</v>
      </c>
      <c r="FQ26" s="114">
        <v>282163</v>
      </c>
      <c r="FR26" s="114">
        <v>265307</v>
      </c>
      <c r="FS26" s="114">
        <v>143633</v>
      </c>
      <c r="FT26" s="114">
        <v>103740</v>
      </c>
      <c r="FU26" s="113">
        <v>878227</v>
      </c>
      <c r="FV26" s="116">
        <v>957628</v>
      </c>
      <c r="FW26" s="115">
        <v>42329</v>
      </c>
      <c r="FX26" s="114">
        <v>37072</v>
      </c>
      <c r="FY26" s="112">
        <v>79401</v>
      </c>
      <c r="FZ26" s="111">
        <v>0</v>
      </c>
      <c r="GA26" s="114">
        <v>55860</v>
      </c>
      <c r="GB26" s="114">
        <v>282163</v>
      </c>
      <c r="GC26" s="114">
        <v>197407</v>
      </c>
      <c r="GD26" s="114">
        <v>112693</v>
      </c>
      <c r="GE26" s="114">
        <v>103740</v>
      </c>
      <c r="GF26" s="113">
        <v>751863</v>
      </c>
      <c r="GG26" s="319">
        <v>831264</v>
      </c>
      <c r="GH26" s="115">
        <v>0</v>
      </c>
      <c r="GI26" s="114">
        <v>0</v>
      </c>
      <c r="GJ26" s="112">
        <v>0</v>
      </c>
      <c r="GK26" s="111">
        <v>0</v>
      </c>
      <c r="GL26" s="114">
        <v>27524</v>
      </c>
      <c r="GM26" s="114">
        <v>0</v>
      </c>
      <c r="GN26" s="114">
        <v>0</v>
      </c>
      <c r="GO26" s="114">
        <v>30940</v>
      </c>
      <c r="GP26" s="114">
        <v>0</v>
      </c>
      <c r="GQ26" s="113">
        <v>58464</v>
      </c>
      <c r="GR26" s="116">
        <v>58464</v>
      </c>
      <c r="GS26" s="110">
        <v>0</v>
      </c>
      <c r="GT26" s="114">
        <v>0</v>
      </c>
      <c r="GU26" s="113">
        <v>0</v>
      </c>
      <c r="GV26" s="110">
        <v>0</v>
      </c>
      <c r="GW26" s="114">
        <v>0</v>
      </c>
      <c r="GX26" s="114">
        <v>0</v>
      </c>
      <c r="GY26" s="114">
        <v>67900</v>
      </c>
      <c r="GZ26" s="114">
        <v>0</v>
      </c>
      <c r="HA26" s="114">
        <v>0</v>
      </c>
      <c r="HB26" s="112">
        <v>67900</v>
      </c>
      <c r="HC26" s="116">
        <v>67900</v>
      </c>
      <c r="HD26" s="110">
        <v>143772</v>
      </c>
      <c r="HE26" s="114">
        <v>86123</v>
      </c>
      <c r="HF26" s="112">
        <v>229895</v>
      </c>
      <c r="HG26" s="111">
        <v>0</v>
      </c>
      <c r="HH26" s="114">
        <v>554596</v>
      </c>
      <c r="HI26" s="114">
        <v>471407</v>
      </c>
      <c r="HJ26" s="114">
        <v>555101</v>
      </c>
      <c r="HK26" s="114">
        <v>375185</v>
      </c>
      <c r="HL26" s="114">
        <v>626554</v>
      </c>
      <c r="HM26" s="113">
        <v>2582843</v>
      </c>
      <c r="HN26" s="109">
        <v>2812738</v>
      </c>
      <c r="HO26" s="329"/>
      <c r="HP26" s="330"/>
      <c r="HQ26" s="331"/>
      <c r="HR26" s="332"/>
      <c r="HS26" s="330"/>
      <c r="HT26" s="330"/>
      <c r="HU26" s="330"/>
      <c r="HV26" s="330"/>
      <c r="HW26" s="330"/>
      <c r="HX26" s="333"/>
      <c r="HY26" s="334"/>
      <c r="HZ26" s="150">
        <v>0</v>
      </c>
      <c r="IA26" s="135">
        <v>0</v>
      </c>
      <c r="IB26" s="150">
        <v>0</v>
      </c>
      <c r="IC26" s="134">
        <v>0</v>
      </c>
      <c r="ID26" s="135">
        <v>684042</v>
      </c>
      <c r="IE26" s="136">
        <v>377530</v>
      </c>
      <c r="IF26" s="137">
        <v>265066</v>
      </c>
      <c r="IG26" s="135">
        <v>445040</v>
      </c>
      <c r="IH26" s="137">
        <v>0</v>
      </c>
      <c r="II26" s="138">
        <v>1771678</v>
      </c>
      <c r="IJ26" s="150">
        <v>1771678</v>
      </c>
      <c r="IK26" s="232">
        <v>0</v>
      </c>
      <c r="IL26" s="236">
        <v>0</v>
      </c>
      <c r="IM26" s="237">
        <v>0</v>
      </c>
      <c r="IN26" s="140"/>
      <c r="IO26" s="119">
        <v>0</v>
      </c>
      <c r="IP26" s="119">
        <v>0</v>
      </c>
      <c r="IQ26" s="119">
        <v>0</v>
      </c>
      <c r="IR26" s="119">
        <v>0</v>
      </c>
      <c r="IS26" s="119">
        <v>0</v>
      </c>
      <c r="IT26" s="141">
        <v>0</v>
      </c>
      <c r="IU26" s="321">
        <v>0</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398885</v>
      </c>
      <c r="JL26" s="119">
        <v>162997</v>
      </c>
      <c r="JM26" s="119">
        <v>70317</v>
      </c>
      <c r="JN26" s="119">
        <v>0</v>
      </c>
      <c r="JO26" s="119">
        <v>0</v>
      </c>
      <c r="JP26" s="120">
        <v>632199</v>
      </c>
      <c r="JQ26" s="321">
        <v>632199</v>
      </c>
      <c r="JR26" s="142">
        <v>0</v>
      </c>
      <c r="JS26" s="119">
        <v>0</v>
      </c>
      <c r="JT26" s="141">
        <v>0</v>
      </c>
      <c r="JU26" s="118">
        <v>0</v>
      </c>
      <c r="JV26" s="119">
        <v>0</v>
      </c>
      <c r="JW26" s="119">
        <v>0</v>
      </c>
      <c r="JX26" s="119">
        <v>0</v>
      </c>
      <c r="JY26" s="119">
        <v>0</v>
      </c>
      <c r="JZ26" s="119">
        <v>0</v>
      </c>
      <c r="KA26" s="120">
        <v>0</v>
      </c>
      <c r="KB26" s="321">
        <v>0</v>
      </c>
      <c r="KC26" s="234">
        <v>0</v>
      </c>
      <c r="KD26" s="230">
        <v>0</v>
      </c>
      <c r="KE26" s="120">
        <v>0</v>
      </c>
      <c r="KF26" s="118">
        <v>0</v>
      </c>
      <c r="KG26" s="119">
        <v>91610</v>
      </c>
      <c r="KH26" s="119">
        <v>0</v>
      </c>
      <c r="KI26" s="119">
        <v>194749</v>
      </c>
      <c r="KJ26" s="119">
        <v>219695</v>
      </c>
      <c r="KK26" s="119">
        <v>0</v>
      </c>
      <c r="KL26" s="120">
        <v>506054</v>
      </c>
      <c r="KM26" s="143">
        <v>506054</v>
      </c>
      <c r="KN26" s="232">
        <v>0</v>
      </c>
      <c r="KO26" s="236">
        <v>0</v>
      </c>
      <c r="KP26" s="237">
        <v>0</v>
      </c>
      <c r="KQ26" s="140"/>
      <c r="KR26" s="119">
        <v>193547</v>
      </c>
      <c r="KS26" s="119">
        <v>214533</v>
      </c>
      <c r="KT26" s="119">
        <v>0</v>
      </c>
      <c r="KU26" s="119">
        <v>225345</v>
      </c>
      <c r="KV26" s="119">
        <v>0</v>
      </c>
      <c r="KW26" s="120">
        <v>633425</v>
      </c>
      <c r="KX26" s="321">
        <v>633425</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1">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676870</v>
      </c>
      <c r="ML26" s="119">
        <v>835243</v>
      </c>
      <c r="MM26" s="119">
        <v>1658513</v>
      </c>
      <c r="MN26" s="119">
        <v>1053857</v>
      </c>
      <c r="MO26" s="120">
        <v>4224483</v>
      </c>
      <c r="MP26" s="143">
        <v>4224483</v>
      </c>
      <c r="MQ26" s="142">
        <v>0</v>
      </c>
      <c r="MR26" s="119">
        <v>0</v>
      </c>
      <c r="MS26" s="120">
        <v>0</v>
      </c>
      <c r="MT26" s="145"/>
      <c r="MU26" s="119">
        <v>0</v>
      </c>
      <c r="MV26" s="119">
        <v>0</v>
      </c>
      <c r="MW26" s="119">
        <v>382811</v>
      </c>
      <c r="MX26" s="119">
        <v>1139330</v>
      </c>
      <c r="MY26" s="119">
        <v>484398</v>
      </c>
      <c r="MZ26" s="120">
        <v>2006539</v>
      </c>
      <c r="NA26" s="143">
        <v>2006539</v>
      </c>
      <c r="NB26" s="142">
        <v>0</v>
      </c>
      <c r="NC26" s="119">
        <v>0</v>
      </c>
      <c r="ND26" s="120">
        <v>0</v>
      </c>
      <c r="NE26" s="145"/>
      <c r="NF26" s="119">
        <v>0</v>
      </c>
      <c r="NG26" s="119">
        <v>676870</v>
      </c>
      <c r="NH26" s="119">
        <v>452432</v>
      </c>
      <c r="NI26" s="119">
        <v>519183</v>
      </c>
      <c r="NJ26" s="119">
        <v>263401</v>
      </c>
      <c r="NK26" s="120">
        <v>1911886</v>
      </c>
      <c r="NL26" s="321">
        <v>1911886</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306058</v>
      </c>
      <c r="OG26" s="120">
        <v>306058</v>
      </c>
      <c r="OH26" s="121">
        <v>306058</v>
      </c>
      <c r="OI26" s="142">
        <v>382785</v>
      </c>
      <c r="OJ26" s="119">
        <v>222763</v>
      </c>
      <c r="OK26" s="141">
        <v>605548</v>
      </c>
      <c r="OL26" s="118">
        <v>0</v>
      </c>
      <c r="OM26" s="119">
        <v>2909517</v>
      </c>
      <c r="ON26" s="119">
        <v>4140511</v>
      </c>
      <c r="OO26" s="119">
        <v>3362223</v>
      </c>
      <c r="OP26" s="119">
        <v>3747249</v>
      </c>
      <c r="OQ26" s="119">
        <v>3003485</v>
      </c>
      <c r="OR26" s="120">
        <v>17162985</v>
      </c>
      <c r="OS26" s="143">
        <v>17768533</v>
      </c>
    </row>
    <row r="27" spans="2:409" ht="20.25" customHeight="1" x14ac:dyDescent="0.2">
      <c r="B27" s="126" t="s">
        <v>22</v>
      </c>
      <c r="C27" s="110">
        <v>14266</v>
      </c>
      <c r="D27" s="114">
        <v>122374</v>
      </c>
      <c r="E27" s="113">
        <v>136640</v>
      </c>
      <c r="F27" s="109">
        <v>0</v>
      </c>
      <c r="G27" s="114">
        <v>890977</v>
      </c>
      <c r="H27" s="114">
        <v>911501</v>
      </c>
      <c r="I27" s="114">
        <v>522059</v>
      </c>
      <c r="J27" s="114">
        <v>2371803</v>
      </c>
      <c r="K27" s="114">
        <v>1538115</v>
      </c>
      <c r="L27" s="173">
        <v>6234455</v>
      </c>
      <c r="M27" s="116">
        <v>6371095</v>
      </c>
      <c r="N27" s="110">
        <v>9576</v>
      </c>
      <c r="O27" s="114">
        <v>23373</v>
      </c>
      <c r="P27" s="113">
        <v>32949</v>
      </c>
      <c r="Q27" s="110">
        <v>0</v>
      </c>
      <c r="R27" s="114">
        <v>284690</v>
      </c>
      <c r="S27" s="114">
        <v>256426</v>
      </c>
      <c r="T27" s="114">
        <v>129023</v>
      </c>
      <c r="U27" s="114">
        <v>790351</v>
      </c>
      <c r="V27" s="114">
        <v>770395</v>
      </c>
      <c r="W27" s="113">
        <v>2230885</v>
      </c>
      <c r="X27" s="116">
        <v>2263834</v>
      </c>
      <c r="Y27" s="110">
        <v>0</v>
      </c>
      <c r="Z27" s="114">
        <v>0</v>
      </c>
      <c r="AA27" s="113">
        <v>0</v>
      </c>
      <c r="AB27" s="110">
        <v>0</v>
      </c>
      <c r="AC27" s="114">
        <v>102942</v>
      </c>
      <c r="AD27" s="114">
        <v>46534</v>
      </c>
      <c r="AE27" s="114">
        <v>110564</v>
      </c>
      <c r="AF27" s="114">
        <v>257281</v>
      </c>
      <c r="AG27" s="114">
        <v>258867</v>
      </c>
      <c r="AH27" s="113">
        <v>776188</v>
      </c>
      <c r="AI27" s="116">
        <v>776188</v>
      </c>
      <c r="AJ27" s="110">
        <v>0</v>
      </c>
      <c r="AK27" s="114">
        <v>0</v>
      </c>
      <c r="AL27" s="113">
        <v>0</v>
      </c>
      <c r="AM27" s="110">
        <v>0</v>
      </c>
      <c r="AN27" s="114">
        <v>0</v>
      </c>
      <c r="AO27" s="114">
        <v>0</v>
      </c>
      <c r="AP27" s="114">
        <v>0</v>
      </c>
      <c r="AQ27" s="114">
        <v>175040</v>
      </c>
      <c r="AR27" s="114">
        <v>291812</v>
      </c>
      <c r="AS27" s="113">
        <v>466852</v>
      </c>
      <c r="AT27" s="116">
        <v>466852</v>
      </c>
      <c r="AU27" s="110">
        <v>9576</v>
      </c>
      <c r="AV27" s="114">
        <v>16786</v>
      </c>
      <c r="AW27" s="113">
        <v>26362</v>
      </c>
      <c r="AX27" s="110">
        <v>0</v>
      </c>
      <c r="AY27" s="114">
        <v>90034</v>
      </c>
      <c r="AZ27" s="114">
        <v>170762</v>
      </c>
      <c r="BA27" s="114">
        <v>0</v>
      </c>
      <c r="BB27" s="114">
        <v>131006</v>
      </c>
      <c r="BC27" s="114">
        <v>211316</v>
      </c>
      <c r="BD27" s="113">
        <v>603118</v>
      </c>
      <c r="BE27" s="116">
        <v>629480</v>
      </c>
      <c r="BF27" s="110">
        <v>0</v>
      </c>
      <c r="BG27" s="114">
        <v>0</v>
      </c>
      <c r="BH27" s="112">
        <v>0</v>
      </c>
      <c r="BI27" s="111">
        <v>0</v>
      </c>
      <c r="BJ27" s="114">
        <v>60228</v>
      </c>
      <c r="BK27" s="114">
        <v>0</v>
      </c>
      <c r="BL27" s="114">
        <v>0</v>
      </c>
      <c r="BM27" s="114">
        <v>145656</v>
      </c>
      <c r="BN27" s="114">
        <v>0</v>
      </c>
      <c r="BO27" s="113">
        <v>205884</v>
      </c>
      <c r="BP27" s="116">
        <v>205884</v>
      </c>
      <c r="BQ27" s="110">
        <v>0</v>
      </c>
      <c r="BR27" s="114">
        <v>6587</v>
      </c>
      <c r="BS27" s="113">
        <v>6587</v>
      </c>
      <c r="BT27" s="110">
        <v>0</v>
      </c>
      <c r="BU27" s="114">
        <v>31486</v>
      </c>
      <c r="BV27" s="114">
        <v>39130</v>
      </c>
      <c r="BW27" s="114">
        <v>18459</v>
      </c>
      <c r="BX27" s="114">
        <v>81368</v>
      </c>
      <c r="BY27" s="114">
        <v>8400</v>
      </c>
      <c r="BZ27" s="113">
        <v>178843</v>
      </c>
      <c r="CA27" s="116">
        <v>185430</v>
      </c>
      <c r="CB27" s="110">
        <v>0</v>
      </c>
      <c r="CC27" s="114">
        <v>0</v>
      </c>
      <c r="CD27" s="113">
        <v>0</v>
      </c>
      <c r="CE27" s="110">
        <v>0</v>
      </c>
      <c r="CF27" s="114">
        <v>254967</v>
      </c>
      <c r="CG27" s="114">
        <v>197302</v>
      </c>
      <c r="CH27" s="114">
        <v>108101</v>
      </c>
      <c r="CI27" s="114">
        <v>490253</v>
      </c>
      <c r="CJ27" s="114">
        <v>297325</v>
      </c>
      <c r="CK27" s="113">
        <v>1347948</v>
      </c>
      <c r="CL27" s="116">
        <v>1347948</v>
      </c>
      <c r="CM27" s="110">
        <v>0</v>
      </c>
      <c r="CN27" s="114">
        <v>0</v>
      </c>
      <c r="CO27" s="113">
        <v>0</v>
      </c>
      <c r="CP27" s="111">
        <v>0</v>
      </c>
      <c r="CQ27" s="114">
        <v>254967</v>
      </c>
      <c r="CR27" s="114">
        <v>168966</v>
      </c>
      <c r="CS27" s="114">
        <v>108101</v>
      </c>
      <c r="CT27" s="114">
        <v>424131</v>
      </c>
      <c r="CU27" s="114">
        <v>297325</v>
      </c>
      <c r="CV27" s="113">
        <v>1253490</v>
      </c>
      <c r="CW27" s="116">
        <v>1253490</v>
      </c>
      <c r="CX27" s="110">
        <v>0</v>
      </c>
      <c r="CY27" s="114">
        <v>0</v>
      </c>
      <c r="CZ27" s="113">
        <v>0</v>
      </c>
      <c r="DA27" s="110">
        <v>0</v>
      </c>
      <c r="DB27" s="114">
        <v>0</v>
      </c>
      <c r="DC27" s="114">
        <v>28336</v>
      </c>
      <c r="DD27" s="114">
        <v>0</v>
      </c>
      <c r="DE27" s="114">
        <v>66122</v>
      </c>
      <c r="DF27" s="114">
        <v>0</v>
      </c>
      <c r="DG27" s="113">
        <v>94458</v>
      </c>
      <c r="DH27" s="116">
        <v>94458</v>
      </c>
      <c r="DI27" s="110">
        <v>0</v>
      </c>
      <c r="DJ27" s="114">
        <v>0</v>
      </c>
      <c r="DK27" s="112">
        <v>0</v>
      </c>
      <c r="DL27" s="111">
        <v>0</v>
      </c>
      <c r="DM27" s="114">
        <v>0</v>
      </c>
      <c r="DN27" s="114">
        <v>0</v>
      </c>
      <c r="DO27" s="114">
        <v>0</v>
      </c>
      <c r="DP27" s="114">
        <v>54376</v>
      </c>
      <c r="DQ27" s="114">
        <v>0</v>
      </c>
      <c r="DR27" s="113">
        <v>54376</v>
      </c>
      <c r="DS27" s="116">
        <v>54376</v>
      </c>
      <c r="DT27" s="110">
        <v>0</v>
      </c>
      <c r="DU27" s="114">
        <v>0</v>
      </c>
      <c r="DV27" s="113">
        <v>0</v>
      </c>
      <c r="DW27" s="110">
        <v>0</v>
      </c>
      <c r="DX27" s="114">
        <v>0</v>
      </c>
      <c r="DY27" s="114">
        <v>0</v>
      </c>
      <c r="DZ27" s="114">
        <v>0</v>
      </c>
      <c r="EA27" s="114">
        <v>0</v>
      </c>
      <c r="EB27" s="114">
        <v>0</v>
      </c>
      <c r="EC27" s="113">
        <v>0</v>
      </c>
      <c r="ED27" s="116">
        <v>0</v>
      </c>
      <c r="EE27" s="110">
        <v>0</v>
      </c>
      <c r="EF27" s="112">
        <v>0</v>
      </c>
      <c r="EG27" s="113">
        <v>0</v>
      </c>
      <c r="EH27" s="110">
        <v>0</v>
      </c>
      <c r="EI27" s="114">
        <v>0</v>
      </c>
      <c r="EJ27" s="114">
        <v>0</v>
      </c>
      <c r="EK27" s="114">
        <v>0</v>
      </c>
      <c r="EL27" s="114">
        <v>54376</v>
      </c>
      <c r="EM27" s="114">
        <v>0</v>
      </c>
      <c r="EN27" s="112">
        <v>54376</v>
      </c>
      <c r="EO27" s="116">
        <v>54376</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8"/>
      <c r="FE27" s="114">
        <v>0</v>
      </c>
      <c r="FF27" s="114">
        <v>0</v>
      </c>
      <c r="FG27" s="114">
        <v>0</v>
      </c>
      <c r="FH27" s="114">
        <v>0</v>
      </c>
      <c r="FI27" s="114">
        <v>0</v>
      </c>
      <c r="FJ27" s="113">
        <v>0</v>
      </c>
      <c r="FK27" s="116">
        <v>0</v>
      </c>
      <c r="FL27" s="110">
        <v>4690</v>
      </c>
      <c r="FM27" s="114">
        <v>22596</v>
      </c>
      <c r="FN27" s="113">
        <v>27286</v>
      </c>
      <c r="FO27" s="110">
        <v>0</v>
      </c>
      <c r="FP27" s="114">
        <v>89964</v>
      </c>
      <c r="FQ27" s="114">
        <v>139741</v>
      </c>
      <c r="FR27" s="114">
        <v>38458</v>
      </c>
      <c r="FS27" s="114">
        <v>108052</v>
      </c>
      <c r="FT27" s="114">
        <v>69048</v>
      </c>
      <c r="FU27" s="113">
        <v>445263</v>
      </c>
      <c r="FV27" s="116">
        <v>472549</v>
      </c>
      <c r="FW27" s="115">
        <v>4690</v>
      </c>
      <c r="FX27" s="114">
        <v>22596</v>
      </c>
      <c r="FY27" s="112">
        <v>27286</v>
      </c>
      <c r="FZ27" s="111">
        <v>0</v>
      </c>
      <c r="GA27" s="114">
        <v>56392</v>
      </c>
      <c r="GB27" s="114">
        <v>127729</v>
      </c>
      <c r="GC27" s="114">
        <v>38458</v>
      </c>
      <c r="GD27" s="114">
        <v>108052</v>
      </c>
      <c r="GE27" s="114">
        <v>69048</v>
      </c>
      <c r="GF27" s="113">
        <v>399679</v>
      </c>
      <c r="GG27" s="319">
        <v>426965</v>
      </c>
      <c r="GH27" s="115">
        <v>0</v>
      </c>
      <c r="GI27" s="114">
        <v>0</v>
      </c>
      <c r="GJ27" s="112">
        <v>0</v>
      </c>
      <c r="GK27" s="111">
        <v>0</v>
      </c>
      <c r="GL27" s="114">
        <v>33572</v>
      </c>
      <c r="GM27" s="114">
        <v>12012</v>
      </c>
      <c r="GN27" s="114">
        <v>0</v>
      </c>
      <c r="GO27" s="114">
        <v>0</v>
      </c>
      <c r="GP27" s="114">
        <v>0</v>
      </c>
      <c r="GQ27" s="113">
        <v>45584</v>
      </c>
      <c r="GR27" s="116">
        <v>45584</v>
      </c>
      <c r="GS27" s="110">
        <v>0</v>
      </c>
      <c r="GT27" s="114">
        <v>0</v>
      </c>
      <c r="GU27" s="113">
        <v>0</v>
      </c>
      <c r="GV27" s="110">
        <v>0</v>
      </c>
      <c r="GW27" s="114">
        <v>0</v>
      </c>
      <c r="GX27" s="114">
        <v>0</v>
      </c>
      <c r="GY27" s="114">
        <v>0</v>
      </c>
      <c r="GZ27" s="114">
        <v>0</v>
      </c>
      <c r="HA27" s="114">
        <v>0</v>
      </c>
      <c r="HB27" s="112">
        <v>0</v>
      </c>
      <c r="HC27" s="116">
        <v>0</v>
      </c>
      <c r="HD27" s="110">
        <v>0</v>
      </c>
      <c r="HE27" s="114">
        <v>76405</v>
      </c>
      <c r="HF27" s="112">
        <v>76405</v>
      </c>
      <c r="HG27" s="111">
        <v>0</v>
      </c>
      <c r="HH27" s="114">
        <v>261356</v>
      </c>
      <c r="HI27" s="114">
        <v>318032</v>
      </c>
      <c r="HJ27" s="114">
        <v>246477</v>
      </c>
      <c r="HK27" s="114">
        <v>928771</v>
      </c>
      <c r="HL27" s="114">
        <v>401347</v>
      </c>
      <c r="HM27" s="113">
        <v>2155983</v>
      </c>
      <c r="HN27" s="109">
        <v>2232388</v>
      </c>
      <c r="HO27" s="329"/>
      <c r="HP27" s="330"/>
      <c r="HQ27" s="331"/>
      <c r="HR27" s="332"/>
      <c r="HS27" s="330"/>
      <c r="HT27" s="330"/>
      <c r="HU27" s="330"/>
      <c r="HV27" s="330"/>
      <c r="HW27" s="330"/>
      <c r="HX27" s="333"/>
      <c r="HY27" s="334"/>
      <c r="HZ27" s="131">
        <v>34923</v>
      </c>
      <c r="IA27" s="132">
        <v>0</v>
      </c>
      <c r="IB27" s="133">
        <v>34923</v>
      </c>
      <c r="IC27" s="146">
        <v>0</v>
      </c>
      <c r="ID27" s="132">
        <v>716856</v>
      </c>
      <c r="IE27" s="147">
        <v>259749</v>
      </c>
      <c r="IF27" s="133">
        <v>273966</v>
      </c>
      <c r="IG27" s="132">
        <v>659918</v>
      </c>
      <c r="IH27" s="133">
        <v>0</v>
      </c>
      <c r="II27" s="148">
        <v>1910489</v>
      </c>
      <c r="IJ27" s="139">
        <v>1945412</v>
      </c>
      <c r="IK27" s="232">
        <v>0</v>
      </c>
      <c r="IL27" s="236">
        <v>0</v>
      </c>
      <c r="IM27" s="237">
        <v>0</v>
      </c>
      <c r="IN27" s="140"/>
      <c r="IO27" s="119">
        <v>153118</v>
      </c>
      <c r="IP27" s="119">
        <v>87619</v>
      </c>
      <c r="IQ27" s="119">
        <v>0</v>
      </c>
      <c r="IR27" s="119">
        <v>0</v>
      </c>
      <c r="IS27" s="119">
        <v>0</v>
      </c>
      <c r="IT27" s="141">
        <v>240737</v>
      </c>
      <c r="IU27" s="321">
        <v>240737</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563738</v>
      </c>
      <c r="JL27" s="119">
        <v>44569</v>
      </c>
      <c r="JM27" s="119">
        <v>0</v>
      </c>
      <c r="JN27" s="119">
        <v>0</v>
      </c>
      <c r="JO27" s="119">
        <v>0</v>
      </c>
      <c r="JP27" s="120">
        <v>608307</v>
      </c>
      <c r="JQ27" s="321">
        <v>608307</v>
      </c>
      <c r="JR27" s="142">
        <v>0</v>
      </c>
      <c r="JS27" s="119">
        <v>0</v>
      </c>
      <c r="JT27" s="141">
        <v>0</v>
      </c>
      <c r="JU27" s="118">
        <v>0</v>
      </c>
      <c r="JV27" s="119">
        <v>0</v>
      </c>
      <c r="JW27" s="119">
        <v>0</v>
      </c>
      <c r="JX27" s="119">
        <v>64239</v>
      </c>
      <c r="JY27" s="119">
        <v>0</v>
      </c>
      <c r="JZ27" s="119">
        <v>0</v>
      </c>
      <c r="KA27" s="120">
        <v>64239</v>
      </c>
      <c r="KB27" s="321">
        <v>64239</v>
      </c>
      <c r="KC27" s="234">
        <v>34923</v>
      </c>
      <c r="KD27" s="230">
        <v>0</v>
      </c>
      <c r="KE27" s="120">
        <v>34923</v>
      </c>
      <c r="KF27" s="118">
        <v>0</v>
      </c>
      <c r="KG27" s="119">
        <v>0</v>
      </c>
      <c r="KH27" s="119">
        <v>127561</v>
      </c>
      <c r="KI27" s="119">
        <v>0</v>
      </c>
      <c r="KJ27" s="119">
        <v>0</v>
      </c>
      <c r="KK27" s="119">
        <v>0</v>
      </c>
      <c r="KL27" s="120">
        <v>127561</v>
      </c>
      <c r="KM27" s="143">
        <v>162484</v>
      </c>
      <c r="KN27" s="232">
        <v>0</v>
      </c>
      <c r="KO27" s="236">
        <v>0</v>
      </c>
      <c r="KP27" s="237">
        <v>0</v>
      </c>
      <c r="KQ27" s="140"/>
      <c r="KR27" s="119">
        <v>0</v>
      </c>
      <c r="KS27" s="119">
        <v>0</v>
      </c>
      <c r="KT27" s="119">
        <v>209727</v>
      </c>
      <c r="KU27" s="119">
        <v>201775</v>
      </c>
      <c r="KV27" s="119">
        <v>0</v>
      </c>
      <c r="KW27" s="120">
        <v>411502</v>
      </c>
      <c r="KX27" s="321">
        <v>411502</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458143</v>
      </c>
      <c r="LR27" s="119">
        <v>0</v>
      </c>
      <c r="LS27" s="120">
        <v>458143</v>
      </c>
      <c r="LT27" s="321">
        <v>458143</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194188</v>
      </c>
      <c r="MK27" s="119">
        <v>0</v>
      </c>
      <c r="ML27" s="119">
        <v>751723</v>
      </c>
      <c r="MM27" s="119">
        <v>243586</v>
      </c>
      <c r="MN27" s="119">
        <v>0</v>
      </c>
      <c r="MO27" s="120">
        <v>1189497</v>
      </c>
      <c r="MP27" s="143">
        <v>1189497</v>
      </c>
      <c r="MQ27" s="142">
        <v>0</v>
      </c>
      <c r="MR27" s="119">
        <v>0</v>
      </c>
      <c r="MS27" s="120">
        <v>0</v>
      </c>
      <c r="MT27" s="145"/>
      <c r="MU27" s="119">
        <v>0</v>
      </c>
      <c r="MV27" s="119">
        <v>0</v>
      </c>
      <c r="MW27" s="119">
        <v>0</v>
      </c>
      <c r="MX27" s="119">
        <v>0</v>
      </c>
      <c r="MY27" s="119">
        <v>0</v>
      </c>
      <c r="MZ27" s="120">
        <v>0</v>
      </c>
      <c r="NA27" s="143">
        <v>0</v>
      </c>
      <c r="NB27" s="142">
        <v>0</v>
      </c>
      <c r="NC27" s="119">
        <v>0</v>
      </c>
      <c r="ND27" s="120">
        <v>0</v>
      </c>
      <c r="NE27" s="145"/>
      <c r="NF27" s="119">
        <v>194188</v>
      </c>
      <c r="NG27" s="119">
        <v>0</v>
      </c>
      <c r="NH27" s="119">
        <v>751723</v>
      </c>
      <c r="NI27" s="119">
        <v>243586</v>
      </c>
      <c r="NJ27" s="119">
        <v>0</v>
      </c>
      <c r="NK27" s="120">
        <v>1189497</v>
      </c>
      <c r="NL27" s="321">
        <v>1189497</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49189</v>
      </c>
      <c r="OJ27" s="119">
        <v>122374</v>
      </c>
      <c r="OK27" s="141">
        <v>171563</v>
      </c>
      <c r="OL27" s="118">
        <v>0</v>
      </c>
      <c r="OM27" s="119">
        <v>1802021</v>
      </c>
      <c r="ON27" s="119">
        <v>1171250</v>
      </c>
      <c r="OO27" s="119">
        <v>1547748</v>
      </c>
      <c r="OP27" s="119">
        <v>3275307</v>
      </c>
      <c r="OQ27" s="119">
        <v>1538115</v>
      </c>
      <c r="OR27" s="120">
        <v>9334441</v>
      </c>
      <c r="OS27" s="143">
        <v>9506004</v>
      </c>
    </row>
    <row r="28" spans="2:409" ht="20.25" customHeight="1" x14ac:dyDescent="0.2">
      <c r="B28" s="126" t="s">
        <v>23</v>
      </c>
      <c r="C28" s="110">
        <v>51000</v>
      </c>
      <c r="D28" s="114">
        <v>52973</v>
      </c>
      <c r="E28" s="113">
        <v>103973</v>
      </c>
      <c r="F28" s="109">
        <v>0</v>
      </c>
      <c r="G28" s="114">
        <v>1368476</v>
      </c>
      <c r="H28" s="114">
        <v>2642067</v>
      </c>
      <c r="I28" s="114">
        <v>2176018</v>
      </c>
      <c r="J28" s="114">
        <v>3241882</v>
      </c>
      <c r="K28" s="114">
        <v>695287</v>
      </c>
      <c r="L28" s="173">
        <v>10123730</v>
      </c>
      <c r="M28" s="116">
        <v>10227703</v>
      </c>
      <c r="N28" s="110">
        <v>43916</v>
      </c>
      <c r="O28" s="114">
        <v>39533</v>
      </c>
      <c r="P28" s="113">
        <v>83449</v>
      </c>
      <c r="Q28" s="110">
        <v>0</v>
      </c>
      <c r="R28" s="114">
        <v>317732</v>
      </c>
      <c r="S28" s="114">
        <v>914281</v>
      </c>
      <c r="T28" s="114">
        <v>663895</v>
      </c>
      <c r="U28" s="114">
        <v>441059</v>
      </c>
      <c r="V28" s="114">
        <v>125571</v>
      </c>
      <c r="W28" s="113">
        <v>2462538</v>
      </c>
      <c r="X28" s="116">
        <v>2545987</v>
      </c>
      <c r="Y28" s="110">
        <v>0</v>
      </c>
      <c r="Z28" s="114">
        <v>0</v>
      </c>
      <c r="AA28" s="113">
        <v>0</v>
      </c>
      <c r="AB28" s="110">
        <v>0</v>
      </c>
      <c r="AC28" s="114">
        <v>6312</v>
      </c>
      <c r="AD28" s="114">
        <v>438055</v>
      </c>
      <c r="AE28" s="114">
        <v>339467</v>
      </c>
      <c r="AF28" s="114">
        <v>39388</v>
      </c>
      <c r="AG28" s="114">
        <v>81685</v>
      </c>
      <c r="AH28" s="113">
        <v>904907</v>
      </c>
      <c r="AI28" s="116">
        <v>904907</v>
      </c>
      <c r="AJ28" s="110">
        <v>0</v>
      </c>
      <c r="AK28" s="114">
        <v>0</v>
      </c>
      <c r="AL28" s="113">
        <v>0</v>
      </c>
      <c r="AM28" s="110">
        <v>0</v>
      </c>
      <c r="AN28" s="114">
        <v>0</v>
      </c>
      <c r="AO28" s="114">
        <v>41035</v>
      </c>
      <c r="AP28" s="114">
        <v>30379</v>
      </c>
      <c r="AQ28" s="114">
        <v>39936</v>
      </c>
      <c r="AR28" s="114">
        <v>0</v>
      </c>
      <c r="AS28" s="113">
        <v>111350</v>
      </c>
      <c r="AT28" s="116">
        <v>111350</v>
      </c>
      <c r="AU28" s="110">
        <v>43916</v>
      </c>
      <c r="AV28" s="114">
        <v>12492</v>
      </c>
      <c r="AW28" s="113">
        <v>56408</v>
      </c>
      <c r="AX28" s="110">
        <v>0</v>
      </c>
      <c r="AY28" s="114">
        <v>246726</v>
      </c>
      <c r="AZ28" s="114">
        <v>267105</v>
      </c>
      <c r="BA28" s="114">
        <v>201411</v>
      </c>
      <c r="BB28" s="114">
        <v>182549</v>
      </c>
      <c r="BC28" s="114">
        <v>22312</v>
      </c>
      <c r="BD28" s="113">
        <v>920103</v>
      </c>
      <c r="BE28" s="116">
        <v>976511</v>
      </c>
      <c r="BF28" s="110">
        <v>0</v>
      </c>
      <c r="BG28" s="114">
        <v>27041</v>
      </c>
      <c r="BH28" s="112">
        <v>27041</v>
      </c>
      <c r="BI28" s="111">
        <v>0</v>
      </c>
      <c r="BJ28" s="114">
        <v>0</v>
      </c>
      <c r="BK28" s="114">
        <v>90050</v>
      </c>
      <c r="BL28" s="114">
        <v>0</v>
      </c>
      <c r="BM28" s="114">
        <v>0</v>
      </c>
      <c r="BN28" s="114">
        <v>0</v>
      </c>
      <c r="BO28" s="113">
        <v>90050</v>
      </c>
      <c r="BP28" s="116">
        <v>117091</v>
      </c>
      <c r="BQ28" s="110">
        <v>0</v>
      </c>
      <c r="BR28" s="114">
        <v>0</v>
      </c>
      <c r="BS28" s="113">
        <v>0</v>
      </c>
      <c r="BT28" s="110">
        <v>0</v>
      </c>
      <c r="BU28" s="114">
        <v>64694</v>
      </c>
      <c r="BV28" s="114">
        <v>78036</v>
      </c>
      <c r="BW28" s="114">
        <v>92638</v>
      </c>
      <c r="BX28" s="114">
        <v>179186</v>
      </c>
      <c r="BY28" s="114">
        <v>21574</v>
      </c>
      <c r="BZ28" s="113">
        <v>436128</v>
      </c>
      <c r="CA28" s="116">
        <v>436128</v>
      </c>
      <c r="CB28" s="110">
        <v>0</v>
      </c>
      <c r="CC28" s="114">
        <v>0</v>
      </c>
      <c r="CD28" s="113">
        <v>0</v>
      </c>
      <c r="CE28" s="110">
        <v>0</v>
      </c>
      <c r="CF28" s="114">
        <v>318772</v>
      </c>
      <c r="CG28" s="114">
        <v>1088415</v>
      </c>
      <c r="CH28" s="114">
        <v>752773</v>
      </c>
      <c r="CI28" s="114">
        <v>595973</v>
      </c>
      <c r="CJ28" s="114">
        <v>0</v>
      </c>
      <c r="CK28" s="113">
        <v>2755933</v>
      </c>
      <c r="CL28" s="116">
        <v>2755933</v>
      </c>
      <c r="CM28" s="110">
        <v>0</v>
      </c>
      <c r="CN28" s="114">
        <v>0</v>
      </c>
      <c r="CO28" s="113">
        <v>0</v>
      </c>
      <c r="CP28" s="111">
        <v>0</v>
      </c>
      <c r="CQ28" s="114">
        <v>318772</v>
      </c>
      <c r="CR28" s="114">
        <v>746919</v>
      </c>
      <c r="CS28" s="114">
        <v>316831</v>
      </c>
      <c r="CT28" s="114">
        <v>413801</v>
      </c>
      <c r="CU28" s="114">
        <v>0</v>
      </c>
      <c r="CV28" s="113">
        <v>1796323</v>
      </c>
      <c r="CW28" s="116">
        <v>1796323</v>
      </c>
      <c r="CX28" s="110">
        <v>0</v>
      </c>
      <c r="CY28" s="114">
        <v>0</v>
      </c>
      <c r="CZ28" s="113">
        <v>0</v>
      </c>
      <c r="DA28" s="110">
        <v>0</v>
      </c>
      <c r="DB28" s="114">
        <v>0</v>
      </c>
      <c r="DC28" s="114">
        <v>341496</v>
      </c>
      <c r="DD28" s="114">
        <v>435942</v>
      </c>
      <c r="DE28" s="114">
        <v>182172</v>
      </c>
      <c r="DF28" s="114">
        <v>0</v>
      </c>
      <c r="DG28" s="113">
        <v>959610</v>
      </c>
      <c r="DH28" s="116">
        <v>959610</v>
      </c>
      <c r="DI28" s="110">
        <v>0</v>
      </c>
      <c r="DJ28" s="114">
        <v>0</v>
      </c>
      <c r="DK28" s="112">
        <v>0</v>
      </c>
      <c r="DL28" s="111">
        <v>0</v>
      </c>
      <c r="DM28" s="114">
        <v>103167</v>
      </c>
      <c r="DN28" s="114">
        <v>27250</v>
      </c>
      <c r="DO28" s="114">
        <v>62799</v>
      </c>
      <c r="DP28" s="114">
        <v>181049</v>
      </c>
      <c r="DQ28" s="114">
        <v>112465</v>
      </c>
      <c r="DR28" s="113">
        <v>486730</v>
      </c>
      <c r="DS28" s="116">
        <v>486730</v>
      </c>
      <c r="DT28" s="110">
        <v>0</v>
      </c>
      <c r="DU28" s="114">
        <v>0</v>
      </c>
      <c r="DV28" s="113">
        <v>0</v>
      </c>
      <c r="DW28" s="110">
        <v>0</v>
      </c>
      <c r="DX28" s="114">
        <v>103167</v>
      </c>
      <c r="DY28" s="114">
        <v>27250</v>
      </c>
      <c r="DZ28" s="114">
        <v>62799</v>
      </c>
      <c r="EA28" s="114">
        <v>181049</v>
      </c>
      <c r="EB28" s="114">
        <v>112465</v>
      </c>
      <c r="EC28" s="113">
        <v>486730</v>
      </c>
      <c r="ED28" s="116">
        <v>486730</v>
      </c>
      <c r="EE28" s="110">
        <v>0</v>
      </c>
      <c r="EF28" s="112">
        <v>0</v>
      </c>
      <c r="EG28" s="113">
        <v>0</v>
      </c>
      <c r="EH28" s="110">
        <v>0</v>
      </c>
      <c r="EI28" s="114">
        <v>0</v>
      </c>
      <c r="EJ28" s="114">
        <v>0</v>
      </c>
      <c r="EK28" s="114">
        <v>0</v>
      </c>
      <c r="EL28" s="114">
        <v>0</v>
      </c>
      <c r="EM28" s="114">
        <v>0</v>
      </c>
      <c r="EN28" s="112">
        <v>0</v>
      </c>
      <c r="EO28" s="116">
        <v>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8"/>
      <c r="FE28" s="114">
        <v>0</v>
      </c>
      <c r="FF28" s="114">
        <v>0</v>
      </c>
      <c r="FG28" s="114">
        <v>0</v>
      </c>
      <c r="FH28" s="114">
        <v>0</v>
      </c>
      <c r="FI28" s="114">
        <v>0</v>
      </c>
      <c r="FJ28" s="113">
        <v>0</v>
      </c>
      <c r="FK28" s="116">
        <v>0</v>
      </c>
      <c r="FL28" s="110">
        <v>7084</v>
      </c>
      <c r="FM28" s="114">
        <v>13440</v>
      </c>
      <c r="FN28" s="113">
        <v>20524</v>
      </c>
      <c r="FO28" s="110">
        <v>0</v>
      </c>
      <c r="FP28" s="114">
        <v>86247</v>
      </c>
      <c r="FQ28" s="114">
        <v>298529</v>
      </c>
      <c r="FR28" s="114">
        <v>163534</v>
      </c>
      <c r="FS28" s="114">
        <v>125860</v>
      </c>
      <c r="FT28" s="114">
        <v>42140</v>
      </c>
      <c r="FU28" s="113">
        <v>716310</v>
      </c>
      <c r="FV28" s="116">
        <v>736834</v>
      </c>
      <c r="FW28" s="115">
        <v>7084</v>
      </c>
      <c r="FX28" s="114">
        <v>13440</v>
      </c>
      <c r="FY28" s="112">
        <v>20524</v>
      </c>
      <c r="FZ28" s="111">
        <v>0</v>
      </c>
      <c r="GA28" s="114">
        <v>86247</v>
      </c>
      <c r="GB28" s="114">
        <v>298529</v>
      </c>
      <c r="GC28" s="114">
        <v>163534</v>
      </c>
      <c r="GD28" s="114">
        <v>125860</v>
      </c>
      <c r="GE28" s="114">
        <v>42140</v>
      </c>
      <c r="GF28" s="113">
        <v>716310</v>
      </c>
      <c r="GG28" s="319">
        <v>736834</v>
      </c>
      <c r="GH28" s="115">
        <v>0</v>
      </c>
      <c r="GI28" s="114">
        <v>0</v>
      </c>
      <c r="GJ28" s="112">
        <v>0</v>
      </c>
      <c r="GK28" s="111">
        <v>0</v>
      </c>
      <c r="GL28" s="114">
        <v>0</v>
      </c>
      <c r="GM28" s="114">
        <v>0</v>
      </c>
      <c r="GN28" s="114">
        <v>0</v>
      </c>
      <c r="GO28" s="114">
        <v>0</v>
      </c>
      <c r="GP28" s="114">
        <v>0</v>
      </c>
      <c r="GQ28" s="113">
        <v>0</v>
      </c>
      <c r="GR28" s="116">
        <v>0</v>
      </c>
      <c r="GS28" s="110">
        <v>0</v>
      </c>
      <c r="GT28" s="114">
        <v>0</v>
      </c>
      <c r="GU28" s="113">
        <v>0</v>
      </c>
      <c r="GV28" s="110">
        <v>0</v>
      </c>
      <c r="GW28" s="114">
        <v>0</v>
      </c>
      <c r="GX28" s="114">
        <v>0</v>
      </c>
      <c r="GY28" s="114">
        <v>0</v>
      </c>
      <c r="GZ28" s="114">
        <v>0</v>
      </c>
      <c r="HA28" s="114">
        <v>0</v>
      </c>
      <c r="HB28" s="112">
        <v>0</v>
      </c>
      <c r="HC28" s="116">
        <v>0</v>
      </c>
      <c r="HD28" s="110">
        <v>0</v>
      </c>
      <c r="HE28" s="114">
        <v>0</v>
      </c>
      <c r="HF28" s="112">
        <v>0</v>
      </c>
      <c r="HG28" s="111">
        <v>0</v>
      </c>
      <c r="HH28" s="114">
        <v>542558</v>
      </c>
      <c r="HI28" s="114">
        <v>313592</v>
      </c>
      <c r="HJ28" s="114">
        <v>533017</v>
      </c>
      <c r="HK28" s="114">
        <v>1897941</v>
      </c>
      <c r="HL28" s="114">
        <v>415111</v>
      </c>
      <c r="HM28" s="113">
        <v>3702219</v>
      </c>
      <c r="HN28" s="109">
        <v>3702219</v>
      </c>
      <c r="HO28" s="329"/>
      <c r="HP28" s="330"/>
      <c r="HQ28" s="331"/>
      <c r="HR28" s="332"/>
      <c r="HS28" s="330"/>
      <c r="HT28" s="330"/>
      <c r="HU28" s="330"/>
      <c r="HV28" s="330"/>
      <c r="HW28" s="330"/>
      <c r="HX28" s="333"/>
      <c r="HY28" s="334"/>
      <c r="HZ28" s="150">
        <v>0</v>
      </c>
      <c r="IA28" s="135">
        <v>0</v>
      </c>
      <c r="IB28" s="150">
        <v>0</v>
      </c>
      <c r="IC28" s="134">
        <v>0</v>
      </c>
      <c r="ID28" s="135">
        <v>85832</v>
      </c>
      <c r="IE28" s="136">
        <v>35177</v>
      </c>
      <c r="IF28" s="137">
        <v>222777</v>
      </c>
      <c r="IG28" s="135">
        <v>0</v>
      </c>
      <c r="IH28" s="137">
        <v>223824</v>
      </c>
      <c r="II28" s="138">
        <v>567610</v>
      </c>
      <c r="IJ28" s="150">
        <v>567610</v>
      </c>
      <c r="IK28" s="232">
        <v>0</v>
      </c>
      <c r="IL28" s="236">
        <v>0</v>
      </c>
      <c r="IM28" s="237">
        <v>0</v>
      </c>
      <c r="IN28" s="140"/>
      <c r="IO28" s="119">
        <v>0</v>
      </c>
      <c r="IP28" s="119">
        <v>0</v>
      </c>
      <c r="IQ28" s="119">
        <v>0</v>
      </c>
      <c r="IR28" s="119">
        <v>0</v>
      </c>
      <c r="IS28" s="119">
        <v>0</v>
      </c>
      <c r="IT28" s="141">
        <v>0</v>
      </c>
      <c r="IU28" s="321">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85832</v>
      </c>
      <c r="JL28" s="119">
        <v>35177</v>
      </c>
      <c r="JM28" s="119">
        <v>0</v>
      </c>
      <c r="JN28" s="119">
        <v>0</v>
      </c>
      <c r="JO28" s="119">
        <v>223824</v>
      </c>
      <c r="JP28" s="120">
        <v>344833</v>
      </c>
      <c r="JQ28" s="321">
        <v>344833</v>
      </c>
      <c r="JR28" s="142">
        <v>0</v>
      </c>
      <c r="JS28" s="119">
        <v>0</v>
      </c>
      <c r="JT28" s="141">
        <v>0</v>
      </c>
      <c r="JU28" s="118">
        <v>0</v>
      </c>
      <c r="JV28" s="119">
        <v>0</v>
      </c>
      <c r="JW28" s="119">
        <v>0</v>
      </c>
      <c r="JX28" s="119">
        <v>0</v>
      </c>
      <c r="JY28" s="119">
        <v>0</v>
      </c>
      <c r="JZ28" s="119">
        <v>0</v>
      </c>
      <c r="KA28" s="120">
        <v>0</v>
      </c>
      <c r="KB28" s="321">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0</v>
      </c>
      <c r="KS28" s="119">
        <v>0</v>
      </c>
      <c r="KT28" s="119">
        <v>222777</v>
      </c>
      <c r="KU28" s="119">
        <v>0</v>
      </c>
      <c r="KV28" s="119">
        <v>0</v>
      </c>
      <c r="KW28" s="120">
        <v>222777</v>
      </c>
      <c r="KX28" s="321">
        <v>222777</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1">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204215</v>
      </c>
      <c r="ML28" s="119">
        <v>697460</v>
      </c>
      <c r="MM28" s="119">
        <v>1284011</v>
      </c>
      <c r="MN28" s="119">
        <v>1051800</v>
      </c>
      <c r="MO28" s="120">
        <v>3237486</v>
      </c>
      <c r="MP28" s="143">
        <v>3237486</v>
      </c>
      <c r="MQ28" s="142">
        <v>0</v>
      </c>
      <c r="MR28" s="119">
        <v>0</v>
      </c>
      <c r="MS28" s="120">
        <v>0</v>
      </c>
      <c r="MT28" s="145"/>
      <c r="MU28" s="119">
        <v>0</v>
      </c>
      <c r="MV28" s="119">
        <v>0</v>
      </c>
      <c r="MW28" s="119">
        <v>435731</v>
      </c>
      <c r="MX28" s="119">
        <v>1015215</v>
      </c>
      <c r="MY28" s="119">
        <v>228718</v>
      </c>
      <c r="MZ28" s="120">
        <v>1679664</v>
      </c>
      <c r="NA28" s="143">
        <v>1679664</v>
      </c>
      <c r="NB28" s="142">
        <v>0</v>
      </c>
      <c r="NC28" s="119">
        <v>0</v>
      </c>
      <c r="ND28" s="120">
        <v>0</v>
      </c>
      <c r="NE28" s="145"/>
      <c r="NF28" s="119">
        <v>0</v>
      </c>
      <c r="NG28" s="119">
        <v>204215</v>
      </c>
      <c r="NH28" s="119">
        <v>261729</v>
      </c>
      <c r="NI28" s="119">
        <v>268796</v>
      </c>
      <c r="NJ28" s="119">
        <v>500062</v>
      </c>
      <c r="NK28" s="120">
        <v>1234802</v>
      </c>
      <c r="NL28" s="321">
        <v>1234802</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323020</v>
      </c>
      <c r="OG28" s="120">
        <v>323020</v>
      </c>
      <c r="OH28" s="121">
        <v>323020</v>
      </c>
      <c r="OI28" s="142">
        <v>51000</v>
      </c>
      <c r="OJ28" s="119">
        <v>52973</v>
      </c>
      <c r="OK28" s="141">
        <v>103973</v>
      </c>
      <c r="OL28" s="118">
        <v>0</v>
      </c>
      <c r="OM28" s="119">
        <v>1454308</v>
      </c>
      <c r="ON28" s="119">
        <v>2881459</v>
      </c>
      <c r="OO28" s="119">
        <v>3096255</v>
      </c>
      <c r="OP28" s="119">
        <v>4525893</v>
      </c>
      <c r="OQ28" s="119">
        <v>1970911</v>
      </c>
      <c r="OR28" s="120">
        <v>13928826</v>
      </c>
      <c r="OS28" s="143">
        <v>14032799</v>
      </c>
    </row>
    <row r="29" spans="2:409" ht="20.25" customHeight="1" x14ac:dyDescent="0.2">
      <c r="B29" s="126" t="s">
        <v>24</v>
      </c>
      <c r="C29" s="110">
        <v>227593</v>
      </c>
      <c r="D29" s="114">
        <v>257075</v>
      </c>
      <c r="E29" s="113">
        <v>484668</v>
      </c>
      <c r="F29" s="109">
        <v>0</v>
      </c>
      <c r="G29" s="114">
        <v>1925448</v>
      </c>
      <c r="H29" s="114">
        <v>2393600</v>
      </c>
      <c r="I29" s="114">
        <v>945148</v>
      </c>
      <c r="J29" s="114">
        <v>2935971</v>
      </c>
      <c r="K29" s="114">
        <v>2154353</v>
      </c>
      <c r="L29" s="173">
        <v>10354520</v>
      </c>
      <c r="M29" s="116">
        <v>10839188</v>
      </c>
      <c r="N29" s="110">
        <v>45199</v>
      </c>
      <c r="O29" s="114">
        <v>59509</v>
      </c>
      <c r="P29" s="113">
        <v>104708</v>
      </c>
      <c r="Q29" s="110">
        <v>0</v>
      </c>
      <c r="R29" s="114">
        <v>540205</v>
      </c>
      <c r="S29" s="114">
        <v>446140</v>
      </c>
      <c r="T29" s="114">
        <v>441712</v>
      </c>
      <c r="U29" s="114">
        <v>1000771</v>
      </c>
      <c r="V29" s="114">
        <v>1306478</v>
      </c>
      <c r="W29" s="113">
        <v>3735306</v>
      </c>
      <c r="X29" s="116">
        <v>3840014</v>
      </c>
      <c r="Y29" s="110">
        <v>0</v>
      </c>
      <c r="Z29" s="114">
        <v>0</v>
      </c>
      <c r="AA29" s="113">
        <v>0</v>
      </c>
      <c r="AB29" s="110">
        <v>0</v>
      </c>
      <c r="AC29" s="114">
        <v>155012</v>
      </c>
      <c r="AD29" s="114">
        <v>249538</v>
      </c>
      <c r="AE29" s="114">
        <v>146583</v>
      </c>
      <c r="AF29" s="114">
        <v>587195</v>
      </c>
      <c r="AG29" s="114">
        <v>733914</v>
      </c>
      <c r="AH29" s="113">
        <v>1872242</v>
      </c>
      <c r="AI29" s="116">
        <v>1872242</v>
      </c>
      <c r="AJ29" s="110">
        <v>0</v>
      </c>
      <c r="AK29" s="114">
        <v>0</v>
      </c>
      <c r="AL29" s="113">
        <v>0</v>
      </c>
      <c r="AM29" s="110">
        <v>0</v>
      </c>
      <c r="AN29" s="114">
        <v>0</v>
      </c>
      <c r="AO29" s="114">
        <v>0</v>
      </c>
      <c r="AP29" s="114">
        <v>0</v>
      </c>
      <c r="AQ29" s="114">
        <v>62297</v>
      </c>
      <c r="AR29" s="114">
        <v>271244</v>
      </c>
      <c r="AS29" s="113">
        <v>333541</v>
      </c>
      <c r="AT29" s="116">
        <v>333541</v>
      </c>
      <c r="AU29" s="110">
        <v>0</v>
      </c>
      <c r="AV29" s="114">
        <v>46741</v>
      </c>
      <c r="AW29" s="113">
        <v>46741</v>
      </c>
      <c r="AX29" s="110">
        <v>0</v>
      </c>
      <c r="AY29" s="114">
        <v>316999</v>
      </c>
      <c r="AZ29" s="114">
        <v>37618</v>
      </c>
      <c r="BA29" s="114">
        <v>242272</v>
      </c>
      <c r="BB29" s="114">
        <v>134058</v>
      </c>
      <c r="BC29" s="114">
        <v>177273</v>
      </c>
      <c r="BD29" s="113">
        <v>908220</v>
      </c>
      <c r="BE29" s="116">
        <v>954961</v>
      </c>
      <c r="BF29" s="110">
        <v>0</v>
      </c>
      <c r="BG29" s="114">
        <v>0</v>
      </c>
      <c r="BH29" s="112">
        <v>0</v>
      </c>
      <c r="BI29" s="111">
        <v>0</v>
      </c>
      <c r="BJ29" s="114">
        <v>0</v>
      </c>
      <c r="BK29" s="114">
        <v>0</v>
      </c>
      <c r="BL29" s="114">
        <v>0</v>
      </c>
      <c r="BM29" s="114">
        <v>9496</v>
      </c>
      <c r="BN29" s="114">
        <v>28490</v>
      </c>
      <c r="BO29" s="113">
        <v>37986</v>
      </c>
      <c r="BP29" s="116">
        <v>37986</v>
      </c>
      <c r="BQ29" s="110">
        <v>45199</v>
      </c>
      <c r="BR29" s="114">
        <v>12768</v>
      </c>
      <c r="BS29" s="113">
        <v>57967</v>
      </c>
      <c r="BT29" s="110">
        <v>0</v>
      </c>
      <c r="BU29" s="114">
        <v>68194</v>
      </c>
      <c r="BV29" s="114">
        <v>158984</v>
      </c>
      <c r="BW29" s="114">
        <v>52857</v>
      </c>
      <c r="BX29" s="114">
        <v>207725</v>
      </c>
      <c r="BY29" s="114">
        <v>95557</v>
      </c>
      <c r="BZ29" s="113">
        <v>583317</v>
      </c>
      <c r="CA29" s="116">
        <v>641284</v>
      </c>
      <c r="CB29" s="110">
        <v>17708</v>
      </c>
      <c r="CC29" s="114">
        <v>33197</v>
      </c>
      <c r="CD29" s="113">
        <v>50905</v>
      </c>
      <c r="CE29" s="110">
        <v>0</v>
      </c>
      <c r="CF29" s="114">
        <v>644667</v>
      </c>
      <c r="CG29" s="114">
        <v>549380</v>
      </c>
      <c r="CH29" s="114">
        <v>60617</v>
      </c>
      <c r="CI29" s="114">
        <v>262653</v>
      </c>
      <c r="CJ29" s="114">
        <v>145978</v>
      </c>
      <c r="CK29" s="113">
        <v>1663295</v>
      </c>
      <c r="CL29" s="116">
        <v>1714200</v>
      </c>
      <c r="CM29" s="110">
        <v>0</v>
      </c>
      <c r="CN29" s="114">
        <v>0</v>
      </c>
      <c r="CO29" s="113">
        <v>0</v>
      </c>
      <c r="CP29" s="111">
        <v>0</v>
      </c>
      <c r="CQ29" s="114">
        <v>411272</v>
      </c>
      <c r="CR29" s="114">
        <v>396030</v>
      </c>
      <c r="CS29" s="114">
        <v>0</v>
      </c>
      <c r="CT29" s="114">
        <v>64075</v>
      </c>
      <c r="CU29" s="114">
        <v>0</v>
      </c>
      <c r="CV29" s="113">
        <v>871377</v>
      </c>
      <c r="CW29" s="116">
        <v>871377</v>
      </c>
      <c r="CX29" s="110">
        <v>17708</v>
      </c>
      <c r="CY29" s="114">
        <v>33197</v>
      </c>
      <c r="CZ29" s="113">
        <v>50905</v>
      </c>
      <c r="DA29" s="110">
        <v>0</v>
      </c>
      <c r="DB29" s="114">
        <v>233395</v>
      </c>
      <c r="DC29" s="114">
        <v>153350</v>
      </c>
      <c r="DD29" s="114">
        <v>60617</v>
      </c>
      <c r="DE29" s="114">
        <v>198578</v>
      </c>
      <c r="DF29" s="114">
        <v>145978</v>
      </c>
      <c r="DG29" s="113">
        <v>791918</v>
      </c>
      <c r="DH29" s="116">
        <v>842823</v>
      </c>
      <c r="DI29" s="110">
        <v>0</v>
      </c>
      <c r="DJ29" s="114">
        <v>0</v>
      </c>
      <c r="DK29" s="112">
        <v>0</v>
      </c>
      <c r="DL29" s="111">
        <v>0</v>
      </c>
      <c r="DM29" s="114">
        <v>0</v>
      </c>
      <c r="DN29" s="114">
        <v>123838</v>
      </c>
      <c r="DO29" s="114">
        <v>0</v>
      </c>
      <c r="DP29" s="114">
        <v>333912</v>
      </c>
      <c r="DQ29" s="114">
        <v>50927</v>
      </c>
      <c r="DR29" s="113">
        <v>508677</v>
      </c>
      <c r="DS29" s="116">
        <v>508677</v>
      </c>
      <c r="DT29" s="110">
        <v>0</v>
      </c>
      <c r="DU29" s="114">
        <v>0</v>
      </c>
      <c r="DV29" s="113">
        <v>0</v>
      </c>
      <c r="DW29" s="110">
        <v>0</v>
      </c>
      <c r="DX29" s="114">
        <v>0</v>
      </c>
      <c r="DY29" s="114">
        <v>123838</v>
      </c>
      <c r="DZ29" s="114">
        <v>0</v>
      </c>
      <c r="EA29" s="114">
        <v>231160</v>
      </c>
      <c r="EB29" s="114">
        <v>50927</v>
      </c>
      <c r="EC29" s="113">
        <v>405925</v>
      </c>
      <c r="ED29" s="116">
        <v>405925</v>
      </c>
      <c r="EE29" s="110">
        <v>0</v>
      </c>
      <c r="EF29" s="112">
        <v>0</v>
      </c>
      <c r="EG29" s="113">
        <v>0</v>
      </c>
      <c r="EH29" s="110">
        <v>0</v>
      </c>
      <c r="EI29" s="114">
        <v>0</v>
      </c>
      <c r="EJ29" s="114">
        <v>0</v>
      </c>
      <c r="EK29" s="114">
        <v>0</v>
      </c>
      <c r="EL29" s="114">
        <v>102752</v>
      </c>
      <c r="EM29" s="114">
        <v>0</v>
      </c>
      <c r="EN29" s="112">
        <v>102752</v>
      </c>
      <c r="EO29" s="116">
        <v>102752</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8"/>
      <c r="FE29" s="114">
        <v>0</v>
      </c>
      <c r="FF29" s="114">
        <v>0</v>
      </c>
      <c r="FG29" s="114">
        <v>0</v>
      </c>
      <c r="FH29" s="114">
        <v>0</v>
      </c>
      <c r="FI29" s="114">
        <v>0</v>
      </c>
      <c r="FJ29" s="113">
        <v>0</v>
      </c>
      <c r="FK29" s="116">
        <v>0</v>
      </c>
      <c r="FL29" s="110">
        <v>23800</v>
      </c>
      <c r="FM29" s="114">
        <v>12740</v>
      </c>
      <c r="FN29" s="113">
        <v>36540</v>
      </c>
      <c r="FO29" s="110">
        <v>0</v>
      </c>
      <c r="FP29" s="114">
        <v>157283</v>
      </c>
      <c r="FQ29" s="114">
        <v>174720</v>
      </c>
      <c r="FR29" s="114">
        <v>87850</v>
      </c>
      <c r="FS29" s="114">
        <v>100065</v>
      </c>
      <c r="FT29" s="114">
        <v>227052</v>
      </c>
      <c r="FU29" s="113">
        <v>746970</v>
      </c>
      <c r="FV29" s="116">
        <v>783510</v>
      </c>
      <c r="FW29" s="115">
        <v>23800</v>
      </c>
      <c r="FX29" s="114">
        <v>12740</v>
      </c>
      <c r="FY29" s="112">
        <v>36540</v>
      </c>
      <c r="FZ29" s="111">
        <v>0</v>
      </c>
      <c r="GA29" s="114">
        <v>122388</v>
      </c>
      <c r="GB29" s="114">
        <v>174720</v>
      </c>
      <c r="GC29" s="114">
        <v>77840</v>
      </c>
      <c r="GD29" s="114">
        <v>100065</v>
      </c>
      <c r="GE29" s="114">
        <v>227052</v>
      </c>
      <c r="GF29" s="113">
        <v>702065</v>
      </c>
      <c r="GG29" s="319">
        <v>738605</v>
      </c>
      <c r="GH29" s="115">
        <v>0</v>
      </c>
      <c r="GI29" s="114">
        <v>0</v>
      </c>
      <c r="GJ29" s="112">
        <v>0</v>
      </c>
      <c r="GK29" s="111">
        <v>0</v>
      </c>
      <c r="GL29" s="114">
        <v>10395</v>
      </c>
      <c r="GM29" s="114">
        <v>0</v>
      </c>
      <c r="GN29" s="114">
        <v>0</v>
      </c>
      <c r="GO29" s="114">
        <v>0</v>
      </c>
      <c r="GP29" s="114">
        <v>0</v>
      </c>
      <c r="GQ29" s="113">
        <v>10395</v>
      </c>
      <c r="GR29" s="116">
        <v>10395</v>
      </c>
      <c r="GS29" s="110">
        <v>0</v>
      </c>
      <c r="GT29" s="114">
        <v>0</v>
      </c>
      <c r="GU29" s="113">
        <v>0</v>
      </c>
      <c r="GV29" s="110">
        <v>0</v>
      </c>
      <c r="GW29" s="114">
        <v>24500</v>
      </c>
      <c r="GX29" s="114">
        <v>0</v>
      </c>
      <c r="GY29" s="114">
        <v>10010</v>
      </c>
      <c r="GZ29" s="114">
        <v>0</v>
      </c>
      <c r="HA29" s="114">
        <v>0</v>
      </c>
      <c r="HB29" s="112">
        <v>34510</v>
      </c>
      <c r="HC29" s="116">
        <v>34510</v>
      </c>
      <c r="HD29" s="110">
        <v>140886</v>
      </c>
      <c r="HE29" s="114">
        <v>151629</v>
      </c>
      <c r="HF29" s="112">
        <v>292515</v>
      </c>
      <c r="HG29" s="111">
        <v>0</v>
      </c>
      <c r="HH29" s="114">
        <v>583293</v>
      </c>
      <c r="HI29" s="114">
        <v>1099522</v>
      </c>
      <c r="HJ29" s="114">
        <v>354969</v>
      </c>
      <c r="HK29" s="114">
        <v>1238570</v>
      </c>
      <c r="HL29" s="114">
        <v>423918</v>
      </c>
      <c r="HM29" s="113">
        <v>3700272</v>
      </c>
      <c r="HN29" s="109">
        <v>3992787</v>
      </c>
      <c r="HO29" s="329"/>
      <c r="HP29" s="330"/>
      <c r="HQ29" s="331"/>
      <c r="HR29" s="332"/>
      <c r="HS29" s="330"/>
      <c r="HT29" s="330"/>
      <c r="HU29" s="330"/>
      <c r="HV29" s="330"/>
      <c r="HW29" s="330"/>
      <c r="HX29" s="333"/>
      <c r="HY29" s="334"/>
      <c r="HZ29" s="131">
        <v>35829</v>
      </c>
      <c r="IA29" s="132">
        <v>61296</v>
      </c>
      <c r="IB29" s="133">
        <v>97125</v>
      </c>
      <c r="IC29" s="146">
        <v>0</v>
      </c>
      <c r="ID29" s="132">
        <v>354408</v>
      </c>
      <c r="IE29" s="147">
        <v>166089</v>
      </c>
      <c r="IF29" s="133">
        <v>318449</v>
      </c>
      <c r="IG29" s="132">
        <v>396179</v>
      </c>
      <c r="IH29" s="133">
        <v>704460</v>
      </c>
      <c r="II29" s="148">
        <v>1939585</v>
      </c>
      <c r="IJ29" s="139">
        <v>2036710</v>
      </c>
      <c r="IK29" s="232">
        <v>0</v>
      </c>
      <c r="IL29" s="236">
        <v>0</v>
      </c>
      <c r="IM29" s="237">
        <v>0</v>
      </c>
      <c r="IN29" s="140"/>
      <c r="IO29" s="119">
        <v>0</v>
      </c>
      <c r="IP29" s="119">
        <v>0</v>
      </c>
      <c r="IQ29" s="119">
        <v>0</v>
      </c>
      <c r="IR29" s="119">
        <v>185413</v>
      </c>
      <c r="IS29" s="119">
        <v>0</v>
      </c>
      <c r="IT29" s="141">
        <v>185413</v>
      </c>
      <c r="IU29" s="321">
        <v>185413</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0</v>
      </c>
      <c r="JL29" s="119">
        <v>71350</v>
      </c>
      <c r="JM29" s="119">
        <v>108697</v>
      </c>
      <c r="JN29" s="119">
        <v>0</v>
      </c>
      <c r="JO29" s="119">
        <v>0</v>
      </c>
      <c r="JP29" s="120">
        <v>180047</v>
      </c>
      <c r="JQ29" s="321">
        <v>180047</v>
      </c>
      <c r="JR29" s="142">
        <v>0</v>
      </c>
      <c r="JS29" s="119">
        <v>0</v>
      </c>
      <c r="JT29" s="141">
        <v>0</v>
      </c>
      <c r="JU29" s="118">
        <v>0</v>
      </c>
      <c r="JV29" s="119">
        <v>0</v>
      </c>
      <c r="JW29" s="119">
        <v>94739</v>
      </c>
      <c r="JX29" s="119">
        <v>0</v>
      </c>
      <c r="JY29" s="119">
        <v>0</v>
      </c>
      <c r="JZ29" s="119">
        <v>252889</v>
      </c>
      <c r="KA29" s="120">
        <v>347628</v>
      </c>
      <c r="KB29" s="321">
        <v>347628</v>
      </c>
      <c r="KC29" s="234">
        <v>35829</v>
      </c>
      <c r="KD29" s="230">
        <v>61296</v>
      </c>
      <c r="KE29" s="120">
        <v>97125</v>
      </c>
      <c r="KF29" s="118">
        <v>0</v>
      </c>
      <c r="KG29" s="119">
        <v>354408</v>
      </c>
      <c r="KH29" s="119">
        <v>0</v>
      </c>
      <c r="KI29" s="119">
        <v>0</v>
      </c>
      <c r="KJ29" s="119">
        <v>0</v>
      </c>
      <c r="KK29" s="119">
        <v>235751</v>
      </c>
      <c r="KL29" s="120">
        <v>590159</v>
      </c>
      <c r="KM29" s="143">
        <v>687284</v>
      </c>
      <c r="KN29" s="232">
        <v>0</v>
      </c>
      <c r="KO29" s="236">
        <v>0</v>
      </c>
      <c r="KP29" s="237">
        <v>0</v>
      </c>
      <c r="KQ29" s="140"/>
      <c r="KR29" s="119">
        <v>0</v>
      </c>
      <c r="KS29" s="119">
        <v>0</v>
      </c>
      <c r="KT29" s="119">
        <v>209752</v>
      </c>
      <c r="KU29" s="119">
        <v>210766</v>
      </c>
      <c r="KV29" s="119">
        <v>215820</v>
      </c>
      <c r="KW29" s="120">
        <v>636338</v>
      </c>
      <c r="KX29" s="321">
        <v>636338</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1">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205044</v>
      </c>
      <c r="MK29" s="119">
        <v>298179</v>
      </c>
      <c r="ML29" s="119">
        <v>214224</v>
      </c>
      <c r="MM29" s="119">
        <v>752242</v>
      </c>
      <c r="MN29" s="119">
        <v>0</v>
      </c>
      <c r="MO29" s="120">
        <v>1469689</v>
      </c>
      <c r="MP29" s="143">
        <v>1469689</v>
      </c>
      <c r="MQ29" s="142">
        <v>0</v>
      </c>
      <c r="MR29" s="119">
        <v>0</v>
      </c>
      <c r="MS29" s="120">
        <v>0</v>
      </c>
      <c r="MT29" s="145"/>
      <c r="MU29" s="119">
        <v>0</v>
      </c>
      <c r="MV29" s="119">
        <v>0</v>
      </c>
      <c r="MW29" s="119">
        <v>214224</v>
      </c>
      <c r="MX29" s="119">
        <v>472224</v>
      </c>
      <c r="MY29" s="119">
        <v>0</v>
      </c>
      <c r="MZ29" s="120">
        <v>686448</v>
      </c>
      <c r="NA29" s="143">
        <v>686448</v>
      </c>
      <c r="NB29" s="142">
        <v>0</v>
      </c>
      <c r="NC29" s="119">
        <v>0</v>
      </c>
      <c r="ND29" s="120">
        <v>0</v>
      </c>
      <c r="NE29" s="145"/>
      <c r="NF29" s="119">
        <v>205044</v>
      </c>
      <c r="NG29" s="119">
        <v>298179</v>
      </c>
      <c r="NH29" s="119">
        <v>0</v>
      </c>
      <c r="NI29" s="119">
        <v>280018</v>
      </c>
      <c r="NJ29" s="119">
        <v>0</v>
      </c>
      <c r="NK29" s="120">
        <v>783241</v>
      </c>
      <c r="NL29" s="321">
        <v>783241</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63422</v>
      </c>
      <c r="OJ29" s="119">
        <v>318371</v>
      </c>
      <c r="OK29" s="141">
        <v>581793</v>
      </c>
      <c r="OL29" s="118">
        <v>0</v>
      </c>
      <c r="OM29" s="119">
        <v>2484900</v>
      </c>
      <c r="ON29" s="119">
        <v>2857868</v>
      </c>
      <c r="OO29" s="119">
        <v>1477821</v>
      </c>
      <c r="OP29" s="119">
        <v>4084392</v>
      </c>
      <c r="OQ29" s="119">
        <v>2858813</v>
      </c>
      <c r="OR29" s="120">
        <v>13763794</v>
      </c>
      <c r="OS29" s="143">
        <v>14345587</v>
      </c>
    </row>
    <row r="30" spans="2:409" ht="20.25" customHeight="1" x14ac:dyDescent="0.2">
      <c r="B30" s="126" t="s">
        <v>25</v>
      </c>
      <c r="C30" s="110">
        <v>43855</v>
      </c>
      <c r="D30" s="114">
        <v>229252</v>
      </c>
      <c r="E30" s="113">
        <v>273107</v>
      </c>
      <c r="F30" s="109">
        <v>0</v>
      </c>
      <c r="G30" s="114">
        <v>678813</v>
      </c>
      <c r="H30" s="114">
        <v>1224785</v>
      </c>
      <c r="I30" s="114">
        <v>550187</v>
      </c>
      <c r="J30" s="114">
        <v>1064358</v>
      </c>
      <c r="K30" s="114">
        <v>543226</v>
      </c>
      <c r="L30" s="173">
        <v>4061369</v>
      </c>
      <c r="M30" s="116">
        <v>4334476</v>
      </c>
      <c r="N30" s="110">
        <v>17654</v>
      </c>
      <c r="O30" s="114">
        <v>34513</v>
      </c>
      <c r="P30" s="113">
        <v>52167</v>
      </c>
      <c r="Q30" s="110">
        <v>0</v>
      </c>
      <c r="R30" s="114">
        <v>238272</v>
      </c>
      <c r="S30" s="114">
        <v>209464</v>
      </c>
      <c r="T30" s="114">
        <v>119418</v>
      </c>
      <c r="U30" s="114">
        <v>163020</v>
      </c>
      <c r="V30" s="114">
        <v>244511</v>
      </c>
      <c r="W30" s="113">
        <v>974685</v>
      </c>
      <c r="X30" s="116">
        <v>1026852</v>
      </c>
      <c r="Y30" s="110">
        <v>0</v>
      </c>
      <c r="Z30" s="114">
        <v>0</v>
      </c>
      <c r="AA30" s="113">
        <v>0</v>
      </c>
      <c r="AB30" s="110">
        <v>0</v>
      </c>
      <c r="AC30" s="114">
        <v>108272</v>
      </c>
      <c r="AD30" s="114">
        <v>60848</v>
      </c>
      <c r="AE30" s="114">
        <v>71775</v>
      </c>
      <c r="AF30" s="114">
        <v>42847</v>
      </c>
      <c r="AG30" s="114">
        <v>11039</v>
      </c>
      <c r="AH30" s="113">
        <v>294781</v>
      </c>
      <c r="AI30" s="116">
        <v>294781</v>
      </c>
      <c r="AJ30" s="110">
        <v>0</v>
      </c>
      <c r="AK30" s="114">
        <v>0</v>
      </c>
      <c r="AL30" s="113">
        <v>0</v>
      </c>
      <c r="AM30" s="110">
        <v>0</v>
      </c>
      <c r="AN30" s="114">
        <v>0</v>
      </c>
      <c r="AO30" s="114">
        <v>51294</v>
      </c>
      <c r="AP30" s="114">
        <v>0</v>
      </c>
      <c r="AQ30" s="114">
        <v>0</v>
      </c>
      <c r="AR30" s="114">
        <v>160577</v>
      </c>
      <c r="AS30" s="113">
        <v>211871</v>
      </c>
      <c r="AT30" s="116">
        <v>211871</v>
      </c>
      <c r="AU30" s="110">
        <v>13482</v>
      </c>
      <c r="AV30" s="114">
        <v>34513</v>
      </c>
      <c r="AW30" s="113">
        <v>47995</v>
      </c>
      <c r="AX30" s="110">
        <v>0</v>
      </c>
      <c r="AY30" s="114">
        <v>79670</v>
      </c>
      <c r="AZ30" s="114">
        <v>64051</v>
      </c>
      <c r="BA30" s="114">
        <v>38347</v>
      </c>
      <c r="BB30" s="114">
        <v>49193</v>
      </c>
      <c r="BC30" s="114">
        <v>56991</v>
      </c>
      <c r="BD30" s="113">
        <v>288252</v>
      </c>
      <c r="BE30" s="116">
        <v>336247</v>
      </c>
      <c r="BF30" s="110">
        <v>0</v>
      </c>
      <c r="BG30" s="114">
        <v>0</v>
      </c>
      <c r="BH30" s="112">
        <v>0</v>
      </c>
      <c r="BI30" s="111">
        <v>0</v>
      </c>
      <c r="BJ30" s="114">
        <v>0</v>
      </c>
      <c r="BK30" s="114">
        <v>0</v>
      </c>
      <c r="BL30" s="114">
        <v>0</v>
      </c>
      <c r="BM30" s="114">
        <v>0</v>
      </c>
      <c r="BN30" s="114">
        <v>0</v>
      </c>
      <c r="BO30" s="113">
        <v>0</v>
      </c>
      <c r="BP30" s="116">
        <v>0</v>
      </c>
      <c r="BQ30" s="110">
        <v>4172</v>
      </c>
      <c r="BR30" s="114">
        <v>0</v>
      </c>
      <c r="BS30" s="113">
        <v>4172</v>
      </c>
      <c r="BT30" s="110">
        <v>0</v>
      </c>
      <c r="BU30" s="114">
        <v>50330</v>
      </c>
      <c r="BV30" s="114">
        <v>33271</v>
      </c>
      <c r="BW30" s="114">
        <v>9296</v>
      </c>
      <c r="BX30" s="114">
        <v>70980</v>
      </c>
      <c r="BY30" s="114">
        <v>15904</v>
      </c>
      <c r="BZ30" s="113">
        <v>179781</v>
      </c>
      <c r="CA30" s="116">
        <v>183953</v>
      </c>
      <c r="CB30" s="110">
        <v>0</v>
      </c>
      <c r="CC30" s="114">
        <v>31877</v>
      </c>
      <c r="CD30" s="113">
        <v>31877</v>
      </c>
      <c r="CE30" s="110">
        <v>0</v>
      </c>
      <c r="CF30" s="114">
        <v>347477</v>
      </c>
      <c r="CG30" s="114">
        <v>611797</v>
      </c>
      <c r="CH30" s="114">
        <v>314635</v>
      </c>
      <c r="CI30" s="114">
        <v>429845</v>
      </c>
      <c r="CJ30" s="114">
        <v>0</v>
      </c>
      <c r="CK30" s="113">
        <v>1703754</v>
      </c>
      <c r="CL30" s="116">
        <v>1735631</v>
      </c>
      <c r="CM30" s="110">
        <v>0</v>
      </c>
      <c r="CN30" s="114">
        <v>0</v>
      </c>
      <c r="CO30" s="113">
        <v>0</v>
      </c>
      <c r="CP30" s="111">
        <v>0</v>
      </c>
      <c r="CQ30" s="114">
        <v>335262</v>
      </c>
      <c r="CR30" s="114">
        <v>285551</v>
      </c>
      <c r="CS30" s="114">
        <v>168118</v>
      </c>
      <c r="CT30" s="114">
        <v>231168</v>
      </c>
      <c r="CU30" s="114">
        <v>0</v>
      </c>
      <c r="CV30" s="113">
        <v>1020099</v>
      </c>
      <c r="CW30" s="116">
        <v>1020099</v>
      </c>
      <c r="CX30" s="110">
        <v>0</v>
      </c>
      <c r="CY30" s="114">
        <v>31877</v>
      </c>
      <c r="CZ30" s="113">
        <v>31877</v>
      </c>
      <c r="DA30" s="110">
        <v>0</v>
      </c>
      <c r="DB30" s="114">
        <v>12215</v>
      </c>
      <c r="DC30" s="114">
        <v>326246</v>
      </c>
      <c r="DD30" s="114">
        <v>146517</v>
      </c>
      <c r="DE30" s="114">
        <v>198677</v>
      </c>
      <c r="DF30" s="114">
        <v>0</v>
      </c>
      <c r="DG30" s="113">
        <v>683655</v>
      </c>
      <c r="DH30" s="116">
        <v>715532</v>
      </c>
      <c r="DI30" s="110">
        <v>0</v>
      </c>
      <c r="DJ30" s="114">
        <v>0</v>
      </c>
      <c r="DK30" s="112">
        <v>0</v>
      </c>
      <c r="DL30" s="111">
        <v>0</v>
      </c>
      <c r="DM30" s="114">
        <v>72764</v>
      </c>
      <c r="DN30" s="114">
        <v>42197</v>
      </c>
      <c r="DO30" s="114">
        <v>49368</v>
      </c>
      <c r="DP30" s="114">
        <v>30676</v>
      </c>
      <c r="DQ30" s="114">
        <v>0</v>
      </c>
      <c r="DR30" s="113">
        <v>195005</v>
      </c>
      <c r="DS30" s="116">
        <v>195005</v>
      </c>
      <c r="DT30" s="110">
        <v>0</v>
      </c>
      <c r="DU30" s="114">
        <v>0</v>
      </c>
      <c r="DV30" s="113">
        <v>0</v>
      </c>
      <c r="DW30" s="110">
        <v>0</v>
      </c>
      <c r="DX30" s="114">
        <v>72764</v>
      </c>
      <c r="DY30" s="114">
        <v>42197</v>
      </c>
      <c r="DZ30" s="114">
        <v>49368</v>
      </c>
      <c r="EA30" s="114">
        <v>30676</v>
      </c>
      <c r="EB30" s="114">
        <v>0</v>
      </c>
      <c r="EC30" s="113">
        <v>195005</v>
      </c>
      <c r="ED30" s="116">
        <v>195005</v>
      </c>
      <c r="EE30" s="110">
        <v>0</v>
      </c>
      <c r="EF30" s="112">
        <v>0</v>
      </c>
      <c r="EG30" s="113">
        <v>0</v>
      </c>
      <c r="EH30" s="110">
        <v>0</v>
      </c>
      <c r="EI30" s="114">
        <v>0</v>
      </c>
      <c r="EJ30" s="114">
        <v>0</v>
      </c>
      <c r="EK30" s="114">
        <v>0</v>
      </c>
      <c r="EL30" s="114">
        <v>0</v>
      </c>
      <c r="EM30" s="114">
        <v>0</v>
      </c>
      <c r="EN30" s="112">
        <v>0</v>
      </c>
      <c r="EO30" s="116">
        <v>0</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8"/>
      <c r="FE30" s="114">
        <v>0</v>
      </c>
      <c r="FF30" s="114">
        <v>0</v>
      </c>
      <c r="FG30" s="114">
        <v>0</v>
      </c>
      <c r="FH30" s="114">
        <v>0</v>
      </c>
      <c r="FI30" s="114">
        <v>0</v>
      </c>
      <c r="FJ30" s="113">
        <v>0</v>
      </c>
      <c r="FK30" s="116">
        <v>0</v>
      </c>
      <c r="FL30" s="110">
        <v>26201</v>
      </c>
      <c r="FM30" s="114">
        <v>162862</v>
      </c>
      <c r="FN30" s="113">
        <v>189063</v>
      </c>
      <c r="FO30" s="110">
        <v>0</v>
      </c>
      <c r="FP30" s="114">
        <v>20300</v>
      </c>
      <c r="FQ30" s="114">
        <v>52850</v>
      </c>
      <c r="FR30" s="114">
        <v>66766</v>
      </c>
      <c r="FS30" s="114">
        <v>71323</v>
      </c>
      <c r="FT30" s="114">
        <v>96390</v>
      </c>
      <c r="FU30" s="113">
        <v>307629</v>
      </c>
      <c r="FV30" s="116">
        <v>496692</v>
      </c>
      <c r="FW30" s="115">
        <v>8876</v>
      </c>
      <c r="FX30" s="114">
        <v>35462</v>
      </c>
      <c r="FY30" s="112">
        <v>44338</v>
      </c>
      <c r="FZ30" s="111">
        <v>0</v>
      </c>
      <c r="GA30" s="114">
        <v>20300</v>
      </c>
      <c r="GB30" s="114">
        <v>52850</v>
      </c>
      <c r="GC30" s="114">
        <v>66766</v>
      </c>
      <c r="GD30" s="114">
        <v>71323</v>
      </c>
      <c r="GE30" s="114">
        <v>96390</v>
      </c>
      <c r="GF30" s="113">
        <v>307629</v>
      </c>
      <c r="GG30" s="319">
        <v>351967</v>
      </c>
      <c r="GH30" s="115">
        <v>17325</v>
      </c>
      <c r="GI30" s="114">
        <v>0</v>
      </c>
      <c r="GJ30" s="112">
        <v>17325</v>
      </c>
      <c r="GK30" s="111">
        <v>0</v>
      </c>
      <c r="GL30" s="114">
        <v>0</v>
      </c>
      <c r="GM30" s="114">
        <v>0</v>
      </c>
      <c r="GN30" s="114">
        <v>0</v>
      </c>
      <c r="GO30" s="114">
        <v>0</v>
      </c>
      <c r="GP30" s="114">
        <v>0</v>
      </c>
      <c r="GQ30" s="113">
        <v>0</v>
      </c>
      <c r="GR30" s="116">
        <v>17325</v>
      </c>
      <c r="GS30" s="110">
        <v>0</v>
      </c>
      <c r="GT30" s="114">
        <v>127400</v>
      </c>
      <c r="GU30" s="113">
        <v>127400</v>
      </c>
      <c r="GV30" s="110">
        <v>0</v>
      </c>
      <c r="GW30" s="114">
        <v>0</v>
      </c>
      <c r="GX30" s="114">
        <v>0</v>
      </c>
      <c r="GY30" s="114">
        <v>0</v>
      </c>
      <c r="GZ30" s="114">
        <v>0</v>
      </c>
      <c r="HA30" s="114">
        <v>0</v>
      </c>
      <c r="HB30" s="112">
        <v>0</v>
      </c>
      <c r="HC30" s="116">
        <v>127400</v>
      </c>
      <c r="HD30" s="110">
        <v>0</v>
      </c>
      <c r="HE30" s="114">
        <v>0</v>
      </c>
      <c r="HF30" s="112">
        <v>0</v>
      </c>
      <c r="HG30" s="111">
        <v>0</v>
      </c>
      <c r="HH30" s="114">
        <v>0</v>
      </c>
      <c r="HI30" s="114">
        <v>308477</v>
      </c>
      <c r="HJ30" s="114">
        <v>0</v>
      </c>
      <c r="HK30" s="114">
        <v>369494</v>
      </c>
      <c r="HL30" s="114">
        <v>202325</v>
      </c>
      <c r="HM30" s="113">
        <v>880296</v>
      </c>
      <c r="HN30" s="109">
        <v>880296</v>
      </c>
      <c r="HO30" s="329"/>
      <c r="HP30" s="330"/>
      <c r="HQ30" s="331"/>
      <c r="HR30" s="332"/>
      <c r="HS30" s="330"/>
      <c r="HT30" s="330"/>
      <c r="HU30" s="330"/>
      <c r="HV30" s="330"/>
      <c r="HW30" s="330"/>
      <c r="HX30" s="333"/>
      <c r="HY30" s="334"/>
      <c r="HZ30" s="150">
        <v>0</v>
      </c>
      <c r="IA30" s="135">
        <v>0</v>
      </c>
      <c r="IB30" s="150">
        <v>0</v>
      </c>
      <c r="IC30" s="134">
        <v>0</v>
      </c>
      <c r="ID30" s="135">
        <v>605429</v>
      </c>
      <c r="IE30" s="136">
        <v>0</v>
      </c>
      <c r="IF30" s="137">
        <v>218908</v>
      </c>
      <c r="IG30" s="135">
        <v>0</v>
      </c>
      <c r="IH30" s="137">
        <v>0</v>
      </c>
      <c r="II30" s="138">
        <v>824337</v>
      </c>
      <c r="IJ30" s="150">
        <v>824337</v>
      </c>
      <c r="IK30" s="232">
        <v>0</v>
      </c>
      <c r="IL30" s="236">
        <v>0</v>
      </c>
      <c r="IM30" s="237">
        <v>0</v>
      </c>
      <c r="IN30" s="140"/>
      <c r="IO30" s="119">
        <v>0</v>
      </c>
      <c r="IP30" s="119">
        <v>0</v>
      </c>
      <c r="IQ30" s="119">
        <v>0</v>
      </c>
      <c r="IR30" s="119">
        <v>0</v>
      </c>
      <c r="IS30" s="119">
        <v>0</v>
      </c>
      <c r="IT30" s="141">
        <v>0</v>
      </c>
      <c r="IU30" s="321">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206865</v>
      </c>
      <c r="JL30" s="119">
        <v>0</v>
      </c>
      <c r="JM30" s="119">
        <v>0</v>
      </c>
      <c r="JN30" s="119">
        <v>0</v>
      </c>
      <c r="JO30" s="119">
        <v>0</v>
      </c>
      <c r="JP30" s="120">
        <v>206865</v>
      </c>
      <c r="JQ30" s="321">
        <v>206865</v>
      </c>
      <c r="JR30" s="142">
        <v>0</v>
      </c>
      <c r="JS30" s="119">
        <v>0</v>
      </c>
      <c r="JT30" s="141">
        <v>0</v>
      </c>
      <c r="JU30" s="118">
        <v>0</v>
      </c>
      <c r="JV30" s="119">
        <v>0</v>
      </c>
      <c r="JW30" s="119">
        <v>0</v>
      </c>
      <c r="JX30" s="119">
        <v>0</v>
      </c>
      <c r="JY30" s="119">
        <v>0</v>
      </c>
      <c r="JZ30" s="119">
        <v>0</v>
      </c>
      <c r="KA30" s="120">
        <v>0</v>
      </c>
      <c r="KB30" s="321">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398564</v>
      </c>
      <c r="KS30" s="119">
        <v>0</v>
      </c>
      <c r="KT30" s="119">
        <v>218908</v>
      </c>
      <c r="KU30" s="119">
        <v>0</v>
      </c>
      <c r="KV30" s="119">
        <v>0</v>
      </c>
      <c r="KW30" s="120">
        <v>617472</v>
      </c>
      <c r="KX30" s="321">
        <v>617472</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1">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0</v>
      </c>
      <c r="ML30" s="119">
        <v>134573</v>
      </c>
      <c r="MM30" s="119">
        <v>469622</v>
      </c>
      <c r="MN30" s="119">
        <v>377664</v>
      </c>
      <c r="MO30" s="120">
        <v>981859</v>
      </c>
      <c r="MP30" s="143">
        <v>981859</v>
      </c>
      <c r="MQ30" s="142">
        <v>0</v>
      </c>
      <c r="MR30" s="119">
        <v>0</v>
      </c>
      <c r="MS30" s="120">
        <v>0</v>
      </c>
      <c r="MT30" s="145"/>
      <c r="MU30" s="119">
        <v>0</v>
      </c>
      <c r="MV30" s="119">
        <v>0</v>
      </c>
      <c r="MW30" s="119">
        <v>134573</v>
      </c>
      <c r="MX30" s="119">
        <v>212186</v>
      </c>
      <c r="MY30" s="119">
        <v>234262</v>
      </c>
      <c r="MZ30" s="120">
        <v>581021</v>
      </c>
      <c r="NA30" s="143">
        <v>581021</v>
      </c>
      <c r="NB30" s="142">
        <v>0</v>
      </c>
      <c r="NC30" s="119">
        <v>0</v>
      </c>
      <c r="ND30" s="120">
        <v>0</v>
      </c>
      <c r="NE30" s="145"/>
      <c r="NF30" s="119">
        <v>0</v>
      </c>
      <c r="NG30" s="119">
        <v>0</v>
      </c>
      <c r="NH30" s="119">
        <v>0</v>
      </c>
      <c r="NI30" s="119">
        <v>257436</v>
      </c>
      <c r="NJ30" s="119">
        <v>143402</v>
      </c>
      <c r="NK30" s="120">
        <v>400838</v>
      </c>
      <c r="NL30" s="321">
        <v>400838</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43855</v>
      </c>
      <c r="OJ30" s="119">
        <v>229252</v>
      </c>
      <c r="OK30" s="141">
        <v>273107</v>
      </c>
      <c r="OL30" s="118">
        <v>0</v>
      </c>
      <c r="OM30" s="119">
        <v>1284242</v>
      </c>
      <c r="ON30" s="119">
        <v>1224785</v>
      </c>
      <c r="OO30" s="119">
        <v>903668</v>
      </c>
      <c r="OP30" s="119">
        <v>1533980</v>
      </c>
      <c r="OQ30" s="119">
        <v>920890</v>
      </c>
      <c r="OR30" s="120">
        <v>5867565</v>
      </c>
      <c r="OS30" s="143">
        <v>6140672</v>
      </c>
    </row>
    <row r="31" spans="2:409" ht="20.25" customHeight="1" x14ac:dyDescent="0.2">
      <c r="B31" s="126" t="s">
        <v>26</v>
      </c>
      <c r="C31" s="110">
        <v>147172</v>
      </c>
      <c r="D31" s="114">
        <v>182217</v>
      </c>
      <c r="E31" s="113">
        <v>329389</v>
      </c>
      <c r="F31" s="109">
        <v>0</v>
      </c>
      <c r="G31" s="114">
        <v>1217937</v>
      </c>
      <c r="H31" s="114">
        <v>1875575</v>
      </c>
      <c r="I31" s="114">
        <v>745567</v>
      </c>
      <c r="J31" s="114">
        <v>824375</v>
      </c>
      <c r="K31" s="114">
        <v>955785</v>
      </c>
      <c r="L31" s="173">
        <v>5619239</v>
      </c>
      <c r="M31" s="116">
        <v>5948628</v>
      </c>
      <c r="N31" s="110">
        <v>38017</v>
      </c>
      <c r="O31" s="114">
        <v>38977</v>
      </c>
      <c r="P31" s="113">
        <v>76994</v>
      </c>
      <c r="Q31" s="110">
        <v>0</v>
      </c>
      <c r="R31" s="114">
        <v>322701</v>
      </c>
      <c r="S31" s="114">
        <v>469980</v>
      </c>
      <c r="T31" s="114">
        <v>293842</v>
      </c>
      <c r="U31" s="114">
        <v>383607</v>
      </c>
      <c r="V31" s="114">
        <v>875215</v>
      </c>
      <c r="W31" s="113">
        <v>2345345</v>
      </c>
      <c r="X31" s="116">
        <v>2422339</v>
      </c>
      <c r="Y31" s="110">
        <v>0</v>
      </c>
      <c r="Z31" s="114">
        <v>0</v>
      </c>
      <c r="AA31" s="113">
        <v>0</v>
      </c>
      <c r="AB31" s="110">
        <v>0</v>
      </c>
      <c r="AC31" s="114">
        <v>248208</v>
      </c>
      <c r="AD31" s="114">
        <v>289215</v>
      </c>
      <c r="AE31" s="114">
        <v>161560</v>
      </c>
      <c r="AF31" s="114">
        <v>216213</v>
      </c>
      <c r="AG31" s="114">
        <v>382650</v>
      </c>
      <c r="AH31" s="113">
        <v>1297846</v>
      </c>
      <c r="AI31" s="116">
        <v>1297846</v>
      </c>
      <c r="AJ31" s="110">
        <v>0</v>
      </c>
      <c r="AK31" s="114">
        <v>0</v>
      </c>
      <c r="AL31" s="113">
        <v>0</v>
      </c>
      <c r="AM31" s="110">
        <v>0</v>
      </c>
      <c r="AN31" s="114">
        <v>0</v>
      </c>
      <c r="AO31" s="114">
        <v>0</v>
      </c>
      <c r="AP31" s="114">
        <v>0</v>
      </c>
      <c r="AQ31" s="114">
        <v>10815</v>
      </c>
      <c r="AR31" s="114">
        <v>228398</v>
      </c>
      <c r="AS31" s="113">
        <v>239213</v>
      </c>
      <c r="AT31" s="116">
        <v>239213</v>
      </c>
      <c r="AU31" s="110">
        <v>0</v>
      </c>
      <c r="AV31" s="114">
        <v>38977</v>
      </c>
      <c r="AW31" s="113">
        <v>38977</v>
      </c>
      <c r="AX31" s="110">
        <v>0</v>
      </c>
      <c r="AY31" s="114">
        <v>55271</v>
      </c>
      <c r="AZ31" s="114">
        <v>108567</v>
      </c>
      <c r="BA31" s="114">
        <v>59780</v>
      </c>
      <c r="BB31" s="114">
        <v>92704</v>
      </c>
      <c r="BC31" s="114">
        <v>209756</v>
      </c>
      <c r="BD31" s="113">
        <v>526078</v>
      </c>
      <c r="BE31" s="116">
        <v>565055</v>
      </c>
      <c r="BF31" s="110">
        <v>0</v>
      </c>
      <c r="BG31" s="114">
        <v>0</v>
      </c>
      <c r="BH31" s="112">
        <v>0</v>
      </c>
      <c r="BI31" s="111">
        <v>0</v>
      </c>
      <c r="BJ31" s="114">
        <v>0</v>
      </c>
      <c r="BK31" s="114">
        <v>0</v>
      </c>
      <c r="BL31" s="114">
        <v>53357</v>
      </c>
      <c r="BM31" s="114">
        <v>0</v>
      </c>
      <c r="BN31" s="114">
        <v>0</v>
      </c>
      <c r="BO31" s="113">
        <v>53357</v>
      </c>
      <c r="BP31" s="116">
        <v>53357</v>
      </c>
      <c r="BQ31" s="110">
        <v>38017</v>
      </c>
      <c r="BR31" s="114">
        <v>0</v>
      </c>
      <c r="BS31" s="113">
        <v>38017</v>
      </c>
      <c r="BT31" s="110">
        <v>0</v>
      </c>
      <c r="BU31" s="114">
        <v>19222</v>
      </c>
      <c r="BV31" s="114">
        <v>72198</v>
      </c>
      <c r="BW31" s="114">
        <v>19145</v>
      </c>
      <c r="BX31" s="114">
        <v>63875</v>
      </c>
      <c r="BY31" s="114">
        <v>54411</v>
      </c>
      <c r="BZ31" s="113">
        <v>228851</v>
      </c>
      <c r="CA31" s="116">
        <v>266868</v>
      </c>
      <c r="CB31" s="110">
        <v>0</v>
      </c>
      <c r="CC31" s="114">
        <v>31656</v>
      </c>
      <c r="CD31" s="113">
        <v>31656</v>
      </c>
      <c r="CE31" s="110">
        <v>0</v>
      </c>
      <c r="CF31" s="114">
        <v>593015</v>
      </c>
      <c r="CG31" s="114">
        <v>507975</v>
      </c>
      <c r="CH31" s="114">
        <v>270647</v>
      </c>
      <c r="CI31" s="114">
        <v>0</v>
      </c>
      <c r="CJ31" s="114">
        <v>0</v>
      </c>
      <c r="CK31" s="113">
        <v>1371637</v>
      </c>
      <c r="CL31" s="116">
        <v>1403293</v>
      </c>
      <c r="CM31" s="110">
        <v>0</v>
      </c>
      <c r="CN31" s="114">
        <v>0</v>
      </c>
      <c r="CO31" s="113">
        <v>0</v>
      </c>
      <c r="CP31" s="111">
        <v>0</v>
      </c>
      <c r="CQ31" s="114">
        <v>471731</v>
      </c>
      <c r="CR31" s="114">
        <v>182729</v>
      </c>
      <c r="CS31" s="114">
        <v>116144</v>
      </c>
      <c r="CT31" s="114">
        <v>0</v>
      </c>
      <c r="CU31" s="114">
        <v>0</v>
      </c>
      <c r="CV31" s="113">
        <v>770604</v>
      </c>
      <c r="CW31" s="116">
        <v>770604</v>
      </c>
      <c r="CX31" s="110">
        <v>0</v>
      </c>
      <c r="CY31" s="114">
        <v>31656</v>
      </c>
      <c r="CZ31" s="113">
        <v>31656</v>
      </c>
      <c r="DA31" s="110">
        <v>0</v>
      </c>
      <c r="DB31" s="114">
        <v>121284</v>
      </c>
      <c r="DC31" s="114">
        <v>325246</v>
      </c>
      <c r="DD31" s="114">
        <v>154503</v>
      </c>
      <c r="DE31" s="114">
        <v>0</v>
      </c>
      <c r="DF31" s="114">
        <v>0</v>
      </c>
      <c r="DG31" s="113">
        <v>601033</v>
      </c>
      <c r="DH31" s="116">
        <v>632689</v>
      </c>
      <c r="DI31" s="110">
        <v>0</v>
      </c>
      <c r="DJ31" s="114">
        <v>0</v>
      </c>
      <c r="DK31" s="112">
        <v>0</v>
      </c>
      <c r="DL31" s="111">
        <v>0</v>
      </c>
      <c r="DM31" s="114">
        <v>118414</v>
      </c>
      <c r="DN31" s="114">
        <v>31825</v>
      </c>
      <c r="DO31" s="114">
        <v>83820</v>
      </c>
      <c r="DP31" s="114">
        <v>0</v>
      </c>
      <c r="DQ31" s="114">
        <v>0</v>
      </c>
      <c r="DR31" s="113">
        <v>234059</v>
      </c>
      <c r="DS31" s="116">
        <v>234059</v>
      </c>
      <c r="DT31" s="110">
        <v>0</v>
      </c>
      <c r="DU31" s="114">
        <v>0</v>
      </c>
      <c r="DV31" s="113">
        <v>0</v>
      </c>
      <c r="DW31" s="110">
        <v>0</v>
      </c>
      <c r="DX31" s="114">
        <v>118414</v>
      </c>
      <c r="DY31" s="114">
        <v>0</v>
      </c>
      <c r="DZ31" s="114">
        <v>83820</v>
      </c>
      <c r="EA31" s="114">
        <v>0</v>
      </c>
      <c r="EB31" s="114">
        <v>0</v>
      </c>
      <c r="EC31" s="113">
        <v>202234</v>
      </c>
      <c r="ED31" s="116">
        <v>202234</v>
      </c>
      <c r="EE31" s="110">
        <v>0</v>
      </c>
      <c r="EF31" s="112">
        <v>0</v>
      </c>
      <c r="EG31" s="113">
        <v>0</v>
      </c>
      <c r="EH31" s="110">
        <v>0</v>
      </c>
      <c r="EI31" s="114">
        <v>0</v>
      </c>
      <c r="EJ31" s="114">
        <v>31825</v>
      </c>
      <c r="EK31" s="114">
        <v>0</v>
      </c>
      <c r="EL31" s="114">
        <v>0</v>
      </c>
      <c r="EM31" s="114">
        <v>0</v>
      </c>
      <c r="EN31" s="112">
        <v>31825</v>
      </c>
      <c r="EO31" s="116">
        <v>31825</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8"/>
      <c r="FE31" s="114">
        <v>0</v>
      </c>
      <c r="FF31" s="114">
        <v>0</v>
      </c>
      <c r="FG31" s="114">
        <v>0</v>
      </c>
      <c r="FH31" s="114">
        <v>0</v>
      </c>
      <c r="FI31" s="114">
        <v>0</v>
      </c>
      <c r="FJ31" s="113">
        <v>0</v>
      </c>
      <c r="FK31" s="116">
        <v>0</v>
      </c>
      <c r="FL31" s="110">
        <v>12600</v>
      </c>
      <c r="FM31" s="114">
        <v>33670</v>
      </c>
      <c r="FN31" s="113">
        <v>46270</v>
      </c>
      <c r="FO31" s="110">
        <v>0</v>
      </c>
      <c r="FP31" s="114">
        <v>42511</v>
      </c>
      <c r="FQ31" s="114">
        <v>89950</v>
      </c>
      <c r="FR31" s="114">
        <v>97258</v>
      </c>
      <c r="FS31" s="114">
        <v>68320</v>
      </c>
      <c r="FT31" s="114">
        <v>80570</v>
      </c>
      <c r="FU31" s="113">
        <v>378609</v>
      </c>
      <c r="FV31" s="116">
        <v>424879</v>
      </c>
      <c r="FW31" s="115">
        <v>12600</v>
      </c>
      <c r="FX31" s="114">
        <v>33670</v>
      </c>
      <c r="FY31" s="112">
        <v>46270</v>
      </c>
      <c r="FZ31" s="111">
        <v>0</v>
      </c>
      <c r="GA31" s="114">
        <v>42511</v>
      </c>
      <c r="GB31" s="114">
        <v>89950</v>
      </c>
      <c r="GC31" s="114">
        <v>97258</v>
      </c>
      <c r="GD31" s="114">
        <v>68320</v>
      </c>
      <c r="GE31" s="114">
        <v>80570</v>
      </c>
      <c r="GF31" s="113">
        <v>378609</v>
      </c>
      <c r="GG31" s="319">
        <v>424879</v>
      </c>
      <c r="GH31" s="115">
        <v>0</v>
      </c>
      <c r="GI31" s="114">
        <v>0</v>
      </c>
      <c r="GJ31" s="112">
        <v>0</v>
      </c>
      <c r="GK31" s="111">
        <v>0</v>
      </c>
      <c r="GL31" s="114">
        <v>0</v>
      </c>
      <c r="GM31" s="114">
        <v>0</v>
      </c>
      <c r="GN31" s="114">
        <v>0</v>
      </c>
      <c r="GO31" s="114">
        <v>0</v>
      </c>
      <c r="GP31" s="114">
        <v>0</v>
      </c>
      <c r="GQ31" s="113">
        <v>0</v>
      </c>
      <c r="GR31" s="116">
        <v>0</v>
      </c>
      <c r="GS31" s="110">
        <v>0</v>
      </c>
      <c r="GT31" s="114">
        <v>0</v>
      </c>
      <c r="GU31" s="113">
        <v>0</v>
      </c>
      <c r="GV31" s="110">
        <v>0</v>
      </c>
      <c r="GW31" s="114">
        <v>0</v>
      </c>
      <c r="GX31" s="114">
        <v>0</v>
      </c>
      <c r="GY31" s="114">
        <v>0</v>
      </c>
      <c r="GZ31" s="114">
        <v>0</v>
      </c>
      <c r="HA31" s="114">
        <v>0</v>
      </c>
      <c r="HB31" s="112">
        <v>0</v>
      </c>
      <c r="HC31" s="116">
        <v>0</v>
      </c>
      <c r="HD31" s="110">
        <v>96555</v>
      </c>
      <c r="HE31" s="114">
        <v>77914</v>
      </c>
      <c r="HF31" s="112">
        <v>174469</v>
      </c>
      <c r="HG31" s="111">
        <v>0</v>
      </c>
      <c r="HH31" s="114">
        <v>141296</v>
      </c>
      <c r="HI31" s="114">
        <v>775845</v>
      </c>
      <c r="HJ31" s="114">
        <v>0</v>
      </c>
      <c r="HK31" s="114">
        <v>372448</v>
      </c>
      <c r="HL31" s="114">
        <v>0</v>
      </c>
      <c r="HM31" s="113">
        <v>1289589</v>
      </c>
      <c r="HN31" s="109">
        <v>1464058</v>
      </c>
      <c r="HO31" s="329"/>
      <c r="HP31" s="330"/>
      <c r="HQ31" s="331"/>
      <c r="HR31" s="332"/>
      <c r="HS31" s="330"/>
      <c r="HT31" s="330"/>
      <c r="HU31" s="330"/>
      <c r="HV31" s="330"/>
      <c r="HW31" s="330"/>
      <c r="HX31" s="333"/>
      <c r="HY31" s="334"/>
      <c r="HZ31" s="131">
        <v>0</v>
      </c>
      <c r="IA31" s="132">
        <v>0</v>
      </c>
      <c r="IB31" s="133">
        <v>0</v>
      </c>
      <c r="IC31" s="146">
        <v>0</v>
      </c>
      <c r="ID31" s="132">
        <v>194165</v>
      </c>
      <c r="IE31" s="147">
        <v>65484</v>
      </c>
      <c r="IF31" s="133">
        <v>413546</v>
      </c>
      <c r="IG31" s="132">
        <v>216647</v>
      </c>
      <c r="IH31" s="133">
        <v>865827</v>
      </c>
      <c r="II31" s="148">
        <v>1755669</v>
      </c>
      <c r="IJ31" s="139">
        <v>1755669</v>
      </c>
      <c r="IK31" s="232">
        <v>0</v>
      </c>
      <c r="IL31" s="236">
        <v>0</v>
      </c>
      <c r="IM31" s="237">
        <v>0</v>
      </c>
      <c r="IN31" s="140"/>
      <c r="IO31" s="119">
        <v>0</v>
      </c>
      <c r="IP31" s="119">
        <v>0</v>
      </c>
      <c r="IQ31" s="119">
        <v>0</v>
      </c>
      <c r="IR31" s="119">
        <v>0</v>
      </c>
      <c r="IS31" s="119">
        <v>0</v>
      </c>
      <c r="IT31" s="141">
        <v>0</v>
      </c>
      <c r="IU31" s="321">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87762</v>
      </c>
      <c r="JL31" s="119">
        <v>65484</v>
      </c>
      <c r="JM31" s="119">
        <v>198408</v>
      </c>
      <c r="JN31" s="119">
        <v>0</v>
      </c>
      <c r="JO31" s="119">
        <v>166180</v>
      </c>
      <c r="JP31" s="120">
        <v>517834</v>
      </c>
      <c r="JQ31" s="321">
        <v>517834</v>
      </c>
      <c r="JR31" s="142">
        <v>0</v>
      </c>
      <c r="JS31" s="119">
        <v>0</v>
      </c>
      <c r="JT31" s="141">
        <v>0</v>
      </c>
      <c r="JU31" s="118">
        <v>0</v>
      </c>
      <c r="JV31" s="119">
        <v>0</v>
      </c>
      <c r="JW31" s="119">
        <v>0</v>
      </c>
      <c r="JX31" s="119">
        <v>0</v>
      </c>
      <c r="JY31" s="119">
        <v>0</v>
      </c>
      <c r="JZ31" s="119">
        <v>257943</v>
      </c>
      <c r="KA31" s="120">
        <v>257943</v>
      </c>
      <c r="KB31" s="321">
        <v>257943</v>
      </c>
      <c r="KC31" s="234">
        <v>0</v>
      </c>
      <c r="KD31" s="230">
        <v>0</v>
      </c>
      <c r="KE31" s="120">
        <v>0</v>
      </c>
      <c r="KF31" s="118">
        <v>0</v>
      </c>
      <c r="KG31" s="119">
        <v>106403</v>
      </c>
      <c r="KH31" s="119">
        <v>0</v>
      </c>
      <c r="KI31" s="119">
        <v>0</v>
      </c>
      <c r="KJ31" s="119">
        <v>0</v>
      </c>
      <c r="KK31" s="119">
        <v>0</v>
      </c>
      <c r="KL31" s="120">
        <v>106403</v>
      </c>
      <c r="KM31" s="143">
        <v>106403</v>
      </c>
      <c r="KN31" s="232">
        <v>0</v>
      </c>
      <c r="KO31" s="236">
        <v>0</v>
      </c>
      <c r="KP31" s="237">
        <v>0</v>
      </c>
      <c r="KQ31" s="140"/>
      <c r="KR31" s="119">
        <v>0</v>
      </c>
      <c r="KS31" s="119">
        <v>0</v>
      </c>
      <c r="KT31" s="119">
        <v>215138</v>
      </c>
      <c r="KU31" s="119">
        <v>216647</v>
      </c>
      <c r="KV31" s="119">
        <v>441704</v>
      </c>
      <c r="KW31" s="120">
        <v>873489</v>
      </c>
      <c r="KX31" s="321">
        <v>873489</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1">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197929</v>
      </c>
      <c r="MK31" s="119">
        <v>0</v>
      </c>
      <c r="ML31" s="119">
        <v>211895</v>
      </c>
      <c r="MM31" s="119">
        <v>0</v>
      </c>
      <c r="MN31" s="119">
        <v>-249</v>
      </c>
      <c r="MO31" s="120">
        <v>409575</v>
      </c>
      <c r="MP31" s="143">
        <v>409575</v>
      </c>
      <c r="MQ31" s="142">
        <v>0</v>
      </c>
      <c r="MR31" s="119">
        <v>0</v>
      </c>
      <c r="MS31" s="120">
        <v>0</v>
      </c>
      <c r="MT31" s="145"/>
      <c r="MU31" s="119">
        <v>0</v>
      </c>
      <c r="MV31" s="119">
        <v>0</v>
      </c>
      <c r="MW31" s="119">
        <v>0</v>
      </c>
      <c r="MX31" s="119">
        <v>0</v>
      </c>
      <c r="MY31" s="119">
        <v>-249</v>
      </c>
      <c r="MZ31" s="120">
        <v>-249</v>
      </c>
      <c r="NA31" s="143">
        <v>-249</v>
      </c>
      <c r="NB31" s="142">
        <v>0</v>
      </c>
      <c r="NC31" s="119">
        <v>0</v>
      </c>
      <c r="ND31" s="120">
        <v>0</v>
      </c>
      <c r="NE31" s="145"/>
      <c r="NF31" s="119">
        <v>197929</v>
      </c>
      <c r="NG31" s="119">
        <v>0</v>
      </c>
      <c r="NH31" s="119">
        <v>211895</v>
      </c>
      <c r="NI31" s="119">
        <v>0</v>
      </c>
      <c r="NJ31" s="119">
        <v>0</v>
      </c>
      <c r="NK31" s="120">
        <v>409824</v>
      </c>
      <c r="NL31" s="321">
        <v>409824</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47172</v>
      </c>
      <c r="OJ31" s="119">
        <v>182217</v>
      </c>
      <c r="OK31" s="141">
        <v>329389</v>
      </c>
      <c r="OL31" s="118">
        <v>0</v>
      </c>
      <c r="OM31" s="119">
        <v>1610031</v>
      </c>
      <c r="ON31" s="119">
        <v>1941059</v>
      </c>
      <c r="OO31" s="119">
        <v>1371008</v>
      </c>
      <c r="OP31" s="119">
        <v>1041022</v>
      </c>
      <c r="OQ31" s="119">
        <v>1821363</v>
      </c>
      <c r="OR31" s="120">
        <v>7784483</v>
      </c>
      <c r="OS31" s="143">
        <v>8113872</v>
      </c>
    </row>
    <row r="32" spans="2:409" ht="20.25" customHeight="1" x14ac:dyDescent="0.2">
      <c r="B32" s="126" t="s">
        <v>27</v>
      </c>
      <c r="C32" s="110">
        <v>178289</v>
      </c>
      <c r="D32" s="114">
        <v>473069</v>
      </c>
      <c r="E32" s="113">
        <v>651358</v>
      </c>
      <c r="F32" s="109">
        <v>0</v>
      </c>
      <c r="G32" s="114">
        <v>482581</v>
      </c>
      <c r="H32" s="114">
        <v>570776</v>
      </c>
      <c r="I32" s="114">
        <v>1994434</v>
      </c>
      <c r="J32" s="114">
        <v>760499</v>
      </c>
      <c r="K32" s="114">
        <v>731207</v>
      </c>
      <c r="L32" s="173">
        <v>4539497</v>
      </c>
      <c r="M32" s="116">
        <v>5190855</v>
      </c>
      <c r="N32" s="110">
        <v>55410</v>
      </c>
      <c r="O32" s="114">
        <v>95460</v>
      </c>
      <c r="P32" s="113">
        <v>150870</v>
      </c>
      <c r="Q32" s="110">
        <v>0</v>
      </c>
      <c r="R32" s="114">
        <v>75033</v>
      </c>
      <c r="S32" s="114">
        <v>206204</v>
      </c>
      <c r="T32" s="114">
        <v>341900</v>
      </c>
      <c r="U32" s="114">
        <v>88298</v>
      </c>
      <c r="V32" s="114">
        <v>510886</v>
      </c>
      <c r="W32" s="113">
        <v>1222321</v>
      </c>
      <c r="X32" s="116">
        <v>1373191</v>
      </c>
      <c r="Y32" s="110">
        <v>0</v>
      </c>
      <c r="Z32" s="114">
        <v>0</v>
      </c>
      <c r="AA32" s="113">
        <v>0</v>
      </c>
      <c r="AB32" s="110">
        <v>0</v>
      </c>
      <c r="AC32" s="114">
        <v>0</v>
      </c>
      <c r="AD32" s="114">
        <v>157648</v>
      </c>
      <c r="AE32" s="114">
        <v>195036</v>
      </c>
      <c r="AF32" s="114">
        <v>0</v>
      </c>
      <c r="AG32" s="114">
        <v>431310</v>
      </c>
      <c r="AH32" s="113">
        <v>783994</v>
      </c>
      <c r="AI32" s="116">
        <v>783994</v>
      </c>
      <c r="AJ32" s="110">
        <v>0</v>
      </c>
      <c r="AK32" s="114">
        <v>0</v>
      </c>
      <c r="AL32" s="113">
        <v>0</v>
      </c>
      <c r="AM32" s="110">
        <v>0</v>
      </c>
      <c r="AN32" s="114">
        <v>0</v>
      </c>
      <c r="AO32" s="114">
        <v>0</v>
      </c>
      <c r="AP32" s="114">
        <v>0</v>
      </c>
      <c r="AQ32" s="114">
        <v>0</v>
      </c>
      <c r="AR32" s="114">
        <v>0</v>
      </c>
      <c r="AS32" s="113">
        <v>0</v>
      </c>
      <c r="AT32" s="116">
        <v>0</v>
      </c>
      <c r="AU32" s="110">
        <v>44623</v>
      </c>
      <c r="AV32" s="114">
        <v>25380</v>
      </c>
      <c r="AW32" s="113">
        <v>70003</v>
      </c>
      <c r="AX32" s="110">
        <v>0</v>
      </c>
      <c r="AY32" s="114">
        <v>59801</v>
      </c>
      <c r="AZ32" s="114">
        <v>31378</v>
      </c>
      <c r="BA32" s="114">
        <v>48059</v>
      </c>
      <c r="BB32" s="114">
        <v>18928</v>
      </c>
      <c r="BC32" s="114">
        <v>53095</v>
      </c>
      <c r="BD32" s="113">
        <v>211261</v>
      </c>
      <c r="BE32" s="116">
        <v>281264</v>
      </c>
      <c r="BF32" s="110">
        <v>0</v>
      </c>
      <c r="BG32" s="114">
        <v>56906</v>
      </c>
      <c r="BH32" s="112">
        <v>56906</v>
      </c>
      <c r="BI32" s="111">
        <v>0</v>
      </c>
      <c r="BJ32" s="114">
        <v>0</v>
      </c>
      <c r="BK32" s="114">
        <v>0</v>
      </c>
      <c r="BL32" s="114">
        <v>0</v>
      </c>
      <c r="BM32" s="114">
        <v>0</v>
      </c>
      <c r="BN32" s="114">
        <v>0</v>
      </c>
      <c r="BO32" s="113">
        <v>0</v>
      </c>
      <c r="BP32" s="116">
        <v>56906</v>
      </c>
      <c r="BQ32" s="110">
        <v>10787</v>
      </c>
      <c r="BR32" s="114">
        <v>13174</v>
      </c>
      <c r="BS32" s="113">
        <v>23961</v>
      </c>
      <c r="BT32" s="110">
        <v>0</v>
      </c>
      <c r="BU32" s="114">
        <v>15232</v>
      </c>
      <c r="BV32" s="114">
        <v>17178</v>
      </c>
      <c r="BW32" s="114">
        <v>98805</v>
      </c>
      <c r="BX32" s="114">
        <v>69370</v>
      </c>
      <c r="BY32" s="114">
        <v>26481</v>
      </c>
      <c r="BZ32" s="113">
        <v>227066</v>
      </c>
      <c r="CA32" s="116">
        <v>251027</v>
      </c>
      <c r="CB32" s="110">
        <v>54475</v>
      </c>
      <c r="CC32" s="114">
        <v>33638</v>
      </c>
      <c r="CD32" s="113">
        <v>88113</v>
      </c>
      <c r="CE32" s="110">
        <v>0</v>
      </c>
      <c r="CF32" s="114">
        <v>0</v>
      </c>
      <c r="CG32" s="114">
        <v>27867</v>
      </c>
      <c r="CH32" s="114">
        <v>351065</v>
      </c>
      <c r="CI32" s="114">
        <v>68036</v>
      </c>
      <c r="CJ32" s="114">
        <v>0</v>
      </c>
      <c r="CK32" s="113">
        <v>446968</v>
      </c>
      <c r="CL32" s="116">
        <v>535081</v>
      </c>
      <c r="CM32" s="110">
        <v>0</v>
      </c>
      <c r="CN32" s="114">
        <v>0</v>
      </c>
      <c r="CO32" s="113">
        <v>0</v>
      </c>
      <c r="CP32" s="111">
        <v>0</v>
      </c>
      <c r="CQ32" s="114">
        <v>0</v>
      </c>
      <c r="CR32" s="114">
        <v>0</v>
      </c>
      <c r="CS32" s="114">
        <v>277736</v>
      </c>
      <c r="CT32" s="114">
        <v>68036</v>
      </c>
      <c r="CU32" s="114">
        <v>0</v>
      </c>
      <c r="CV32" s="113">
        <v>345772</v>
      </c>
      <c r="CW32" s="116">
        <v>345772</v>
      </c>
      <c r="CX32" s="110">
        <v>54475</v>
      </c>
      <c r="CY32" s="114">
        <v>33638</v>
      </c>
      <c r="CZ32" s="113">
        <v>88113</v>
      </c>
      <c r="DA32" s="110">
        <v>0</v>
      </c>
      <c r="DB32" s="114">
        <v>0</v>
      </c>
      <c r="DC32" s="114">
        <v>27867</v>
      </c>
      <c r="DD32" s="114">
        <v>73329</v>
      </c>
      <c r="DE32" s="114">
        <v>0</v>
      </c>
      <c r="DF32" s="114">
        <v>0</v>
      </c>
      <c r="DG32" s="113">
        <v>101196</v>
      </c>
      <c r="DH32" s="116">
        <v>189309</v>
      </c>
      <c r="DI32" s="110">
        <v>0</v>
      </c>
      <c r="DJ32" s="114">
        <v>15743</v>
      </c>
      <c r="DK32" s="112">
        <v>15743</v>
      </c>
      <c r="DL32" s="111">
        <v>0</v>
      </c>
      <c r="DM32" s="114">
        <v>0</v>
      </c>
      <c r="DN32" s="114">
        <v>0</v>
      </c>
      <c r="DO32" s="114">
        <v>138740</v>
      </c>
      <c r="DP32" s="114">
        <v>16475</v>
      </c>
      <c r="DQ32" s="114">
        <v>0</v>
      </c>
      <c r="DR32" s="113">
        <v>155215</v>
      </c>
      <c r="DS32" s="116">
        <v>170958</v>
      </c>
      <c r="DT32" s="110">
        <v>0</v>
      </c>
      <c r="DU32" s="114">
        <v>15743</v>
      </c>
      <c r="DV32" s="113">
        <v>15743</v>
      </c>
      <c r="DW32" s="110">
        <v>0</v>
      </c>
      <c r="DX32" s="114">
        <v>0</v>
      </c>
      <c r="DY32" s="114">
        <v>0</v>
      </c>
      <c r="DZ32" s="114">
        <v>138740</v>
      </c>
      <c r="EA32" s="114">
        <v>16475</v>
      </c>
      <c r="EB32" s="114">
        <v>0</v>
      </c>
      <c r="EC32" s="113">
        <v>155215</v>
      </c>
      <c r="ED32" s="116">
        <v>170958</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8"/>
      <c r="FE32" s="114">
        <v>0</v>
      </c>
      <c r="FF32" s="114">
        <v>0</v>
      </c>
      <c r="FG32" s="114">
        <v>0</v>
      </c>
      <c r="FH32" s="114">
        <v>0</v>
      </c>
      <c r="FI32" s="114">
        <v>0</v>
      </c>
      <c r="FJ32" s="113">
        <v>0</v>
      </c>
      <c r="FK32" s="116">
        <v>0</v>
      </c>
      <c r="FL32" s="110">
        <v>22050</v>
      </c>
      <c r="FM32" s="114">
        <v>241948</v>
      </c>
      <c r="FN32" s="113">
        <v>263998</v>
      </c>
      <c r="FO32" s="110">
        <v>0</v>
      </c>
      <c r="FP32" s="114">
        <v>0</v>
      </c>
      <c r="FQ32" s="114">
        <v>34797</v>
      </c>
      <c r="FR32" s="114">
        <v>51226</v>
      </c>
      <c r="FS32" s="114">
        <v>16450</v>
      </c>
      <c r="FT32" s="114">
        <v>19950</v>
      </c>
      <c r="FU32" s="113">
        <v>122423</v>
      </c>
      <c r="FV32" s="116">
        <v>386421</v>
      </c>
      <c r="FW32" s="115">
        <v>22050</v>
      </c>
      <c r="FX32" s="114">
        <v>83790</v>
      </c>
      <c r="FY32" s="112">
        <v>105840</v>
      </c>
      <c r="FZ32" s="111">
        <v>0</v>
      </c>
      <c r="GA32" s="114">
        <v>0</v>
      </c>
      <c r="GB32" s="114">
        <v>34797</v>
      </c>
      <c r="GC32" s="114">
        <v>51226</v>
      </c>
      <c r="GD32" s="114">
        <v>16450</v>
      </c>
      <c r="GE32" s="114">
        <v>19950</v>
      </c>
      <c r="GF32" s="113">
        <v>122423</v>
      </c>
      <c r="GG32" s="319">
        <v>228263</v>
      </c>
      <c r="GH32" s="115">
        <v>0</v>
      </c>
      <c r="GI32" s="114">
        <v>16632</v>
      </c>
      <c r="GJ32" s="112">
        <v>16632</v>
      </c>
      <c r="GK32" s="111">
        <v>0</v>
      </c>
      <c r="GL32" s="114">
        <v>0</v>
      </c>
      <c r="GM32" s="114">
        <v>0</v>
      </c>
      <c r="GN32" s="114">
        <v>0</v>
      </c>
      <c r="GO32" s="114">
        <v>0</v>
      </c>
      <c r="GP32" s="114">
        <v>0</v>
      </c>
      <c r="GQ32" s="113">
        <v>0</v>
      </c>
      <c r="GR32" s="116">
        <v>16632</v>
      </c>
      <c r="GS32" s="110">
        <v>0</v>
      </c>
      <c r="GT32" s="114">
        <v>141526</v>
      </c>
      <c r="GU32" s="113">
        <v>141526</v>
      </c>
      <c r="GV32" s="110">
        <v>0</v>
      </c>
      <c r="GW32" s="114">
        <v>0</v>
      </c>
      <c r="GX32" s="114">
        <v>0</v>
      </c>
      <c r="GY32" s="114">
        <v>0</v>
      </c>
      <c r="GZ32" s="114">
        <v>0</v>
      </c>
      <c r="HA32" s="114">
        <v>0</v>
      </c>
      <c r="HB32" s="112">
        <v>0</v>
      </c>
      <c r="HC32" s="116">
        <v>141526</v>
      </c>
      <c r="HD32" s="110">
        <v>46354</v>
      </c>
      <c r="HE32" s="114">
        <v>86280</v>
      </c>
      <c r="HF32" s="112">
        <v>132634</v>
      </c>
      <c r="HG32" s="111">
        <v>0</v>
      </c>
      <c r="HH32" s="114">
        <v>407548</v>
      </c>
      <c r="HI32" s="114">
        <v>301908</v>
      </c>
      <c r="HJ32" s="114">
        <v>1111503</v>
      </c>
      <c r="HK32" s="114">
        <v>571240</v>
      </c>
      <c r="HL32" s="114">
        <v>200371</v>
      </c>
      <c r="HM32" s="113">
        <v>2592570</v>
      </c>
      <c r="HN32" s="109">
        <v>2725204</v>
      </c>
      <c r="HO32" s="329"/>
      <c r="HP32" s="330"/>
      <c r="HQ32" s="331"/>
      <c r="HR32" s="332"/>
      <c r="HS32" s="330"/>
      <c r="HT32" s="330"/>
      <c r="HU32" s="330"/>
      <c r="HV32" s="330"/>
      <c r="HW32" s="330"/>
      <c r="HX32" s="333"/>
      <c r="HY32" s="334"/>
      <c r="HZ32" s="150">
        <v>0</v>
      </c>
      <c r="IA32" s="135">
        <v>0</v>
      </c>
      <c r="IB32" s="150">
        <v>0</v>
      </c>
      <c r="IC32" s="134">
        <v>0</v>
      </c>
      <c r="ID32" s="135">
        <v>29625</v>
      </c>
      <c r="IE32" s="136">
        <v>18159</v>
      </c>
      <c r="IF32" s="137">
        <v>0</v>
      </c>
      <c r="IG32" s="135">
        <v>0</v>
      </c>
      <c r="IH32" s="137">
        <v>0</v>
      </c>
      <c r="II32" s="138">
        <v>47784</v>
      </c>
      <c r="IJ32" s="150">
        <v>47784</v>
      </c>
      <c r="IK32" s="232">
        <v>0</v>
      </c>
      <c r="IL32" s="236">
        <v>0</v>
      </c>
      <c r="IM32" s="237">
        <v>0</v>
      </c>
      <c r="IN32" s="140"/>
      <c r="IO32" s="119">
        <v>0</v>
      </c>
      <c r="IP32" s="119">
        <v>0</v>
      </c>
      <c r="IQ32" s="119">
        <v>0</v>
      </c>
      <c r="IR32" s="119">
        <v>0</v>
      </c>
      <c r="IS32" s="119">
        <v>0</v>
      </c>
      <c r="IT32" s="141">
        <v>0</v>
      </c>
      <c r="IU32" s="321">
        <v>0</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29625</v>
      </c>
      <c r="JL32" s="119">
        <v>18159</v>
      </c>
      <c r="JM32" s="119">
        <v>0</v>
      </c>
      <c r="JN32" s="119">
        <v>0</v>
      </c>
      <c r="JO32" s="119">
        <v>0</v>
      </c>
      <c r="JP32" s="120">
        <v>47784</v>
      </c>
      <c r="JQ32" s="321">
        <v>47784</v>
      </c>
      <c r="JR32" s="142">
        <v>0</v>
      </c>
      <c r="JS32" s="119">
        <v>0</v>
      </c>
      <c r="JT32" s="141">
        <v>0</v>
      </c>
      <c r="JU32" s="118">
        <v>0</v>
      </c>
      <c r="JV32" s="119">
        <v>0</v>
      </c>
      <c r="JW32" s="119">
        <v>0</v>
      </c>
      <c r="JX32" s="119">
        <v>0</v>
      </c>
      <c r="JY32" s="119">
        <v>0</v>
      </c>
      <c r="JZ32" s="119">
        <v>0</v>
      </c>
      <c r="KA32" s="120">
        <v>0</v>
      </c>
      <c r="KB32" s="321">
        <v>0</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0</v>
      </c>
      <c r="KU32" s="119">
        <v>0</v>
      </c>
      <c r="KV32" s="119">
        <v>0</v>
      </c>
      <c r="KW32" s="120">
        <v>0</v>
      </c>
      <c r="KX32" s="321">
        <v>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0</v>
      </c>
      <c r="LQ32" s="119">
        <v>0</v>
      </c>
      <c r="LR32" s="119">
        <v>0</v>
      </c>
      <c r="LS32" s="120">
        <v>0</v>
      </c>
      <c r="LT32" s="321">
        <v>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0</v>
      </c>
      <c r="ML32" s="119">
        <v>567860</v>
      </c>
      <c r="MM32" s="119">
        <v>680736</v>
      </c>
      <c r="MN32" s="119">
        <v>0</v>
      </c>
      <c r="MO32" s="120">
        <v>1248596</v>
      </c>
      <c r="MP32" s="143">
        <v>1248596</v>
      </c>
      <c r="MQ32" s="142">
        <v>0</v>
      </c>
      <c r="MR32" s="119">
        <v>0</v>
      </c>
      <c r="MS32" s="120">
        <v>0</v>
      </c>
      <c r="MT32" s="145"/>
      <c r="MU32" s="119">
        <v>0</v>
      </c>
      <c r="MV32" s="119">
        <v>0</v>
      </c>
      <c r="MW32" s="119">
        <v>195677</v>
      </c>
      <c r="MX32" s="119">
        <v>432934</v>
      </c>
      <c r="MY32" s="119">
        <v>0</v>
      </c>
      <c r="MZ32" s="120">
        <v>628611</v>
      </c>
      <c r="NA32" s="143">
        <v>628611</v>
      </c>
      <c r="NB32" s="142">
        <v>0</v>
      </c>
      <c r="NC32" s="119">
        <v>0</v>
      </c>
      <c r="ND32" s="120">
        <v>0</v>
      </c>
      <c r="NE32" s="145"/>
      <c r="NF32" s="119">
        <v>0</v>
      </c>
      <c r="NG32" s="119">
        <v>0</v>
      </c>
      <c r="NH32" s="119">
        <v>372183</v>
      </c>
      <c r="NI32" s="119">
        <v>247802</v>
      </c>
      <c r="NJ32" s="119">
        <v>0</v>
      </c>
      <c r="NK32" s="120">
        <v>619985</v>
      </c>
      <c r="NL32" s="321">
        <v>619985</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0</v>
      </c>
      <c r="OF32" s="119">
        <v>0</v>
      </c>
      <c r="OG32" s="120">
        <v>0</v>
      </c>
      <c r="OH32" s="121">
        <v>0</v>
      </c>
      <c r="OI32" s="142">
        <v>178289</v>
      </c>
      <c r="OJ32" s="119">
        <v>473069</v>
      </c>
      <c r="OK32" s="141">
        <v>651358</v>
      </c>
      <c r="OL32" s="118">
        <v>0</v>
      </c>
      <c r="OM32" s="119">
        <v>512206</v>
      </c>
      <c r="ON32" s="119">
        <v>588935</v>
      </c>
      <c r="OO32" s="119">
        <v>2562294</v>
      </c>
      <c r="OP32" s="119">
        <v>1441235</v>
      </c>
      <c r="OQ32" s="119">
        <v>731207</v>
      </c>
      <c r="OR32" s="120">
        <v>5835877</v>
      </c>
      <c r="OS32" s="143">
        <v>6487235</v>
      </c>
    </row>
    <row r="33" spans="2:409" ht="20.25" customHeight="1" x14ac:dyDescent="0.2">
      <c r="B33" s="126" t="s">
        <v>28</v>
      </c>
      <c r="C33" s="110">
        <v>1610</v>
      </c>
      <c r="D33" s="114">
        <v>46238</v>
      </c>
      <c r="E33" s="113">
        <v>47848</v>
      </c>
      <c r="F33" s="109">
        <v>0</v>
      </c>
      <c r="G33" s="114">
        <v>591864</v>
      </c>
      <c r="H33" s="114">
        <v>366437</v>
      </c>
      <c r="I33" s="114">
        <v>225363</v>
      </c>
      <c r="J33" s="114">
        <v>0</v>
      </c>
      <c r="K33" s="114">
        <v>323164</v>
      </c>
      <c r="L33" s="173">
        <v>1506828</v>
      </c>
      <c r="M33" s="116">
        <v>1554676</v>
      </c>
      <c r="N33" s="110">
        <v>0</v>
      </c>
      <c r="O33" s="114">
        <v>0</v>
      </c>
      <c r="P33" s="113">
        <v>0</v>
      </c>
      <c r="Q33" s="110">
        <v>0</v>
      </c>
      <c r="R33" s="114">
        <v>97122</v>
      </c>
      <c r="S33" s="114">
        <v>152250</v>
      </c>
      <c r="T33" s="114">
        <v>19082</v>
      </c>
      <c r="U33" s="114">
        <v>0</v>
      </c>
      <c r="V33" s="114">
        <v>111296</v>
      </c>
      <c r="W33" s="113">
        <v>379750</v>
      </c>
      <c r="X33" s="116">
        <v>379750</v>
      </c>
      <c r="Y33" s="110">
        <v>0</v>
      </c>
      <c r="Z33" s="114">
        <v>0</v>
      </c>
      <c r="AA33" s="113">
        <v>0</v>
      </c>
      <c r="AB33" s="110">
        <v>0</v>
      </c>
      <c r="AC33" s="114">
        <v>22895</v>
      </c>
      <c r="AD33" s="114">
        <v>89896</v>
      </c>
      <c r="AE33" s="114">
        <v>0</v>
      </c>
      <c r="AF33" s="114">
        <v>0</v>
      </c>
      <c r="AG33" s="114">
        <v>62083</v>
      </c>
      <c r="AH33" s="113">
        <v>174874</v>
      </c>
      <c r="AI33" s="116">
        <v>174874</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43223</v>
      </c>
      <c r="BA33" s="114">
        <v>10682</v>
      </c>
      <c r="BB33" s="114">
        <v>0</v>
      </c>
      <c r="BC33" s="114">
        <v>37775</v>
      </c>
      <c r="BD33" s="113">
        <v>91680</v>
      </c>
      <c r="BE33" s="116">
        <v>91680</v>
      </c>
      <c r="BF33" s="110">
        <v>0</v>
      </c>
      <c r="BG33" s="114">
        <v>0</v>
      </c>
      <c r="BH33" s="112">
        <v>0</v>
      </c>
      <c r="BI33" s="111">
        <v>0</v>
      </c>
      <c r="BJ33" s="114">
        <v>62215</v>
      </c>
      <c r="BK33" s="114">
        <v>0</v>
      </c>
      <c r="BL33" s="114">
        <v>0</v>
      </c>
      <c r="BM33" s="114">
        <v>0</v>
      </c>
      <c r="BN33" s="114">
        <v>0</v>
      </c>
      <c r="BO33" s="113">
        <v>62215</v>
      </c>
      <c r="BP33" s="116">
        <v>62215</v>
      </c>
      <c r="BQ33" s="110">
        <v>0</v>
      </c>
      <c r="BR33" s="114">
        <v>0</v>
      </c>
      <c r="BS33" s="113">
        <v>0</v>
      </c>
      <c r="BT33" s="110">
        <v>0</v>
      </c>
      <c r="BU33" s="114">
        <v>12012</v>
      </c>
      <c r="BV33" s="114">
        <v>19131</v>
      </c>
      <c r="BW33" s="114">
        <v>8400</v>
      </c>
      <c r="BX33" s="114">
        <v>0</v>
      </c>
      <c r="BY33" s="114">
        <v>11438</v>
      </c>
      <c r="BZ33" s="113">
        <v>50981</v>
      </c>
      <c r="CA33" s="116">
        <v>50981</v>
      </c>
      <c r="CB33" s="110">
        <v>0</v>
      </c>
      <c r="CC33" s="114">
        <v>33638</v>
      </c>
      <c r="CD33" s="113">
        <v>33638</v>
      </c>
      <c r="CE33" s="110">
        <v>0</v>
      </c>
      <c r="CF33" s="114">
        <v>300081</v>
      </c>
      <c r="CG33" s="114">
        <v>160686</v>
      </c>
      <c r="CH33" s="114">
        <v>31220</v>
      </c>
      <c r="CI33" s="114">
        <v>0</v>
      </c>
      <c r="CJ33" s="114">
        <v>60403</v>
      </c>
      <c r="CK33" s="113">
        <v>552390</v>
      </c>
      <c r="CL33" s="116">
        <v>586028</v>
      </c>
      <c r="CM33" s="110">
        <v>0</v>
      </c>
      <c r="CN33" s="114">
        <v>0</v>
      </c>
      <c r="CO33" s="113">
        <v>0</v>
      </c>
      <c r="CP33" s="111">
        <v>0</v>
      </c>
      <c r="CQ33" s="114">
        <v>38843</v>
      </c>
      <c r="CR33" s="114">
        <v>134055</v>
      </c>
      <c r="CS33" s="114">
        <v>0</v>
      </c>
      <c r="CT33" s="114">
        <v>0</v>
      </c>
      <c r="CU33" s="114">
        <v>0</v>
      </c>
      <c r="CV33" s="113">
        <v>172898</v>
      </c>
      <c r="CW33" s="116">
        <v>172898</v>
      </c>
      <c r="CX33" s="110">
        <v>0</v>
      </c>
      <c r="CY33" s="114">
        <v>33638</v>
      </c>
      <c r="CZ33" s="113">
        <v>33638</v>
      </c>
      <c r="DA33" s="110">
        <v>0</v>
      </c>
      <c r="DB33" s="114">
        <v>261238</v>
      </c>
      <c r="DC33" s="114">
        <v>26631</v>
      </c>
      <c r="DD33" s="114">
        <v>31220</v>
      </c>
      <c r="DE33" s="114">
        <v>0</v>
      </c>
      <c r="DF33" s="114">
        <v>60403</v>
      </c>
      <c r="DG33" s="113">
        <v>379492</v>
      </c>
      <c r="DH33" s="116">
        <v>413130</v>
      </c>
      <c r="DI33" s="110">
        <v>0</v>
      </c>
      <c r="DJ33" s="114">
        <v>0</v>
      </c>
      <c r="DK33" s="112">
        <v>0</v>
      </c>
      <c r="DL33" s="111">
        <v>0</v>
      </c>
      <c r="DM33" s="114">
        <v>0</v>
      </c>
      <c r="DN33" s="114">
        <v>0</v>
      </c>
      <c r="DO33" s="114">
        <v>0</v>
      </c>
      <c r="DP33" s="114">
        <v>0</v>
      </c>
      <c r="DQ33" s="114">
        <v>0</v>
      </c>
      <c r="DR33" s="113">
        <v>0</v>
      </c>
      <c r="DS33" s="116">
        <v>0</v>
      </c>
      <c r="DT33" s="110">
        <v>0</v>
      </c>
      <c r="DU33" s="114">
        <v>0</v>
      </c>
      <c r="DV33" s="113">
        <v>0</v>
      </c>
      <c r="DW33" s="110">
        <v>0</v>
      </c>
      <c r="DX33" s="114">
        <v>0</v>
      </c>
      <c r="DY33" s="114">
        <v>0</v>
      </c>
      <c r="DZ33" s="114">
        <v>0</v>
      </c>
      <c r="EA33" s="114">
        <v>0</v>
      </c>
      <c r="EB33" s="114">
        <v>0</v>
      </c>
      <c r="EC33" s="113">
        <v>0</v>
      </c>
      <c r="ED33" s="116">
        <v>0</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8"/>
      <c r="FE33" s="114">
        <v>0</v>
      </c>
      <c r="FF33" s="114">
        <v>0</v>
      </c>
      <c r="FG33" s="114">
        <v>0</v>
      </c>
      <c r="FH33" s="114">
        <v>0</v>
      </c>
      <c r="FI33" s="114">
        <v>0</v>
      </c>
      <c r="FJ33" s="113">
        <v>0</v>
      </c>
      <c r="FK33" s="116">
        <v>0</v>
      </c>
      <c r="FL33" s="110">
        <v>1610</v>
      </c>
      <c r="FM33" s="114">
        <v>12600</v>
      </c>
      <c r="FN33" s="113">
        <v>14210</v>
      </c>
      <c r="FO33" s="110">
        <v>0</v>
      </c>
      <c r="FP33" s="114">
        <v>56350</v>
      </c>
      <c r="FQ33" s="114">
        <v>53501</v>
      </c>
      <c r="FR33" s="114">
        <v>7350</v>
      </c>
      <c r="FS33" s="114">
        <v>0</v>
      </c>
      <c r="FT33" s="114">
        <v>70000</v>
      </c>
      <c r="FU33" s="113">
        <v>187201</v>
      </c>
      <c r="FV33" s="116">
        <v>201411</v>
      </c>
      <c r="FW33" s="115">
        <v>1610</v>
      </c>
      <c r="FX33" s="114">
        <v>12600</v>
      </c>
      <c r="FY33" s="112">
        <v>14210</v>
      </c>
      <c r="FZ33" s="111">
        <v>0</v>
      </c>
      <c r="GA33" s="114">
        <v>56350</v>
      </c>
      <c r="GB33" s="114">
        <v>53501</v>
      </c>
      <c r="GC33" s="114">
        <v>7350</v>
      </c>
      <c r="GD33" s="114">
        <v>0</v>
      </c>
      <c r="GE33" s="114">
        <v>70000</v>
      </c>
      <c r="GF33" s="113">
        <v>187201</v>
      </c>
      <c r="GG33" s="319">
        <v>201411</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138311</v>
      </c>
      <c r="HI33" s="114">
        <v>0</v>
      </c>
      <c r="HJ33" s="114">
        <v>167711</v>
      </c>
      <c r="HK33" s="114">
        <v>0</v>
      </c>
      <c r="HL33" s="114">
        <v>81465</v>
      </c>
      <c r="HM33" s="113">
        <v>387487</v>
      </c>
      <c r="HN33" s="109">
        <v>387487</v>
      </c>
      <c r="HO33" s="329"/>
      <c r="HP33" s="330"/>
      <c r="HQ33" s="331"/>
      <c r="HR33" s="332"/>
      <c r="HS33" s="330"/>
      <c r="HT33" s="330"/>
      <c r="HU33" s="330"/>
      <c r="HV33" s="330"/>
      <c r="HW33" s="330"/>
      <c r="HX33" s="333"/>
      <c r="HY33" s="334"/>
      <c r="HZ33" s="131">
        <v>0</v>
      </c>
      <c r="IA33" s="132">
        <v>0</v>
      </c>
      <c r="IB33" s="133">
        <v>0</v>
      </c>
      <c r="IC33" s="146">
        <v>0</v>
      </c>
      <c r="ID33" s="132">
        <v>126021</v>
      </c>
      <c r="IE33" s="147">
        <v>32354</v>
      </c>
      <c r="IF33" s="133">
        <v>0</v>
      </c>
      <c r="IG33" s="132">
        <v>0</v>
      </c>
      <c r="IH33" s="133">
        <v>0</v>
      </c>
      <c r="II33" s="148">
        <v>158375</v>
      </c>
      <c r="IJ33" s="139">
        <v>158375</v>
      </c>
      <c r="IK33" s="232">
        <v>0</v>
      </c>
      <c r="IL33" s="236">
        <v>0</v>
      </c>
      <c r="IM33" s="237">
        <v>0</v>
      </c>
      <c r="IN33" s="140"/>
      <c r="IO33" s="119">
        <v>0</v>
      </c>
      <c r="IP33" s="119">
        <v>0</v>
      </c>
      <c r="IQ33" s="119">
        <v>0</v>
      </c>
      <c r="IR33" s="119">
        <v>0</v>
      </c>
      <c r="IS33" s="119">
        <v>0</v>
      </c>
      <c r="IT33" s="141">
        <v>0</v>
      </c>
      <c r="IU33" s="321">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26021</v>
      </c>
      <c r="JL33" s="119">
        <v>32354</v>
      </c>
      <c r="JM33" s="119">
        <v>0</v>
      </c>
      <c r="JN33" s="119">
        <v>0</v>
      </c>
      <c r="JO33" s="119">
        <v>0</v>
      </c>
      <c r="JP33" s="120">
        <v>158375</v>
      </c>
      <c r="JQ33" s="321">
        <v>158375</v>
      </c>
      <c r="JR33" s="142">
        <v>0</v>
      </c>
      <c r="JS33" s="119">
        <v>0</v>
      </c>
      <c r="JT33" s="141">
        <v>0</v>
      </c>
      <c r="JU33" s="118">
        <v>0</v>
      </c>
      <c r="JV33" s="119">
        <v>0</v>
      </c>
      <c r="JW33" s="119">
        <v>0</v>
      </c>
      <c r="JX33" s="119">
        <v>0</v>
      </c>
      <c r="JY33" s="119">
        <v>0</v>
      </c>
      <c r="JZ33" s="119">
        <v>0</v>
      </c>
      <c r="KA33" s="120">
        <v>0</v>
      </c>
      <c r="KB33" s="321">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0</v>
      </c>
      <c r="KW33" s="120">
        <v>0</v>
      </c>
      <c r="KX33" s="321">
        <v>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1">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0</v>
      </c>
      <c r="ML33" s="119">
        <v>233326</v>
      </c>
      <c r="MM33" s="119">
        <v>456754</v>
      </c>
      <c r="MN33" s="119">
        <v>240658</v>
      </c>
      <c r="MO33" s="120">
        <v>930738</v>
      </c>
      <c r="MP33" s="143">
        <v>930738</v>
      </c>
      <c r="MQ33" s="142">
        <v>0</v>
      </c>
      <c r="MR33" s="119">
        <v>0</v>
      </c>
      <c r="MS33" s="120">
        <v>0</v>
      </c>
      <c r="MT33" s="145"/>
      <c r="MU33" s="119">
        <v>0</v>
      </c>
      <c r="MV33" s="119">
        <v>0</v>
      </c>
      <c r="MW33" s="119">
        <v>0</v>
      </c>
      <c r="MX33" s="119">
        <v>216675</v>
      </c>
      <c r="MY33" s="119">
        <v>0</v>
      </c>
      <c r="MZ33" s="120">
        <v>216675</v>
      </c>
      <c r="NA33" s="143">
        <v>216675</v>
      </c>
      <c r="NB33" s="142">
        <v>0</v>
      </c>
      <c r="NC33" s="119">
        <v>0</v>
      </c>
      <c r="ND33" s="120">
        <v>0</v>
      </c>
      <c r="NE33" s="145"/>
      <c r="NF33" s="119">
        <v>0</v>
      </c>
      <c r="NG33" s="119">
        <v>0</v>
      </c>
      <c r="NH33" s="119">
        <v>233326</v>
      </c>
      <c r="NI33" s="119">
        <v>240079</v>
      </c>
      <c r="NJ33" s="119">
        <v>240658</v>
      </c>
      <c r="NK33" s="120">
        <v>714063</v>
      </c>
      <c r="NL33" s="321">
        <v>714063</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610</v>
      </c>
      <c r="OJ33" s="119">
        <v>46238</v>
      </c>
      <c r="OK33" s="141">
        <v>47848</v>
      </c>
      <c r="OL33" s="118">
        <v>0</v>
      </c>
      <c r="OM33" s="119">
        <v>717885</v>
      </c>
      <c r="ON33" s="119">
        <v>398791</v>
      </c>
      <c r="OO33" s="119">
        <v>458689</v>
      </c>
      <c r="OP33" s="119">
        <v>456754</v>
      </c>
      <c r="OQ33" s="119">
        <v>563822</v>
      </c>
      <c r="OR33" s="120">
        <v>2595941</v>
      </c>
      <c r="OS33" s="143">
        <v>2643789</v>
      </c>
    </row>
    <row r="34" spans="2:409" ht="20.25" customHeight="1" x14ac:dyDescent="0.2">
      <c r="B34" s="126" t="s">
        <v>29</v>
      </c>
      <c r="C34" s="110">
        <v>1400</v>
      </c>
      <c r="D34" s="114">
        <v>5250</v>
      </c>
      <c r="E34" s="113">
        <v>6650</v>
      </c>
      <c r="F34" s="109">
        <v>0</v>
      </c>
      <c r="G34" s="114">
        <v>252868</v>
      </c>
      <c r="H34" s="114">
        <v>367091</v>
      </c>
      <c r="I34" s="114">
        <v>451283</v>
      </c>
      <c r="J34" s="114">
        <v>404090</v>
      </c>
      <c r="K34" s="114">
        <v>38666</v>
      </c>
      <c r="L34" s="173">
        <v>1513998</v>
      </c>
      <c r="M34" s="116">
        <v>1520648</v>
      </c>
      <c r="N34" s="110">
        <v>0</v>
      </c>
      <c r="O34" s="114">
        <v>0</v>
      </c>
      <c r="P34" s="113">
        <v>0</v>
      </c>
      <c r="Q34" s="110">
        <v>0</v>
      </c>
      <c r="R34" s="114">
        <v>63707</v>
      </c>
      <c r="S34" s="114">
        <v>147840</v>
      </c>
      <c r="T34" s="114">
        <v>197995</v>
      </c>
      <c r="U34" s="114">
        <v>32270</v>
      </c>
      <c r="V34" s="114">
        <v>0</v>
      </c>
      <c r="W34" s="113">
        <v>441812</v>
      </c>
      <c r="X34" s="116">
        <v>441812</v>
      </c>
      <c r="Y34" s="110">
        <v>0</v>
      </c>
      <c r="Z34" s="114">
        <v>0</v>
      </c>
      <c r="AA34" s="113">
        <v>0</v>
      </c>
      <c r="AB34" s="110">
        <v>0</v>
      </c>
      <c r="AC34" s="114">
        <v>15281</v>
      </c>
      <c r="AD34" s="114">
        <v>58772</v>
      </c>
      <c r="AE34" s="114">
        <v>0</v>
      </c>
      <c r="AF34" s="114">
        <v>0</v>
      </c>
      <c r="AG34" s="114">
        <v>0</v>
      </c>
      <c r="AH34" s="113">
        <v>74053</v>
      </c>
      <c r="AI34" s="116">
        <v>74053</v>
      </c>
      <c r="AJ34" s="110">
        <v>0</v>
      </c>
      <c r="AK34" s="114">
        <v>0</v>
      </c>
      <c r="AL34" s="113">
        <v>0</v>
      </c>
      <c r="AM34" s="110">
        <v>0</v>
      </c>
      <c r="AN34" s="114">
        <v>0</v>
      </c>
      <c r="AO34" s="114">
        <v>0</v>
      </c>
      <c r="AP34" s="114">
        <v>37856</v>
      </c>
      <c r="AQ34" s="114">
        <v>0</v>
      </c>
      <c r="AR34" s="114">
        <v>0</v>
      </c>
      <c r="AS34" s="113">
        <v>37856</v>
      </c>
      <c r="AT34" s="116">
        <v>37856</v>
      </c>
      <c r="AU34" s="110">
        <v>0</v>
      </c>
      <c r="AV34" s="114">
        <v>0</v>
      </c>
      <c r="AW34" s="113">
        <v>0</v>
      </c>
      <c r="AX34" s="110">
        <v>0</v>
      </c>
      <c r="AY34" s="114">
        <v>40026</v>
      </c>
      <c r="AZ34" s="114">
        <v>32816</v>
      </c>
      <c r="BA34" s="114">
        <v>160139</v>
      </c>
      <c r="BB34" s="114">
        <v>0</v>
      </c>
      <c r="BC34" s="114">
        <v>0</v>
      </c>
      <c r="BD34" s="113">
        <v>232981</v>
      </c>
      <c r="BE34" s="116">
        <v>232981</v>
      </c>
      <c r="BF34" s="110">
        <v>0</v>
      </c>
      <c r="BG34" s="114">
        <v>0</v>
      </c>
      <c r="BH34" s="112">
        <v>0</v>
      </c>
      <c r="BI34" s="111">
        <v>0</v>
      </c>
      <c r="BJ34" s="114">
        <v>0</v>
      </c>
      <c r="BK34" s="114">
        <v>33460</v>
      </c>
      <c r="BL34" s="114">
        <v>0</v>
      </c>
      <c r="BM34" s="114">
        <v>0</v>
      </c>
      <c r="BN34" s="114">
        <v>0</v>
      </c>
      <c r="BO34" s="113">
        <v>33460</v>
      </c>
      <c r="BP34" s="116">
        <v>33460</v>
      </c>
      <c r="BQ34" s="110">
        <v>0</v>
      </c>
      <c r="BR34" s="114">
        <v>0</v>
      </c>
      <c r="BS34" s="113">
        <v>0</v>
      </c>
      <c r="BT34" s="110">
        <v>0</v>
      </c>
      <c r="BU34" s="114">
        <v>8400</v>
      </c>
      <c r="BV34" s="114">
        <v>22792</v>
      </c>
      <c r="BW34" s="114">
        <v>0</v>
      </c>
      <c r="BX34" s="114">
        <v>32270</v>
      </c>
      <c r="BY34" s="114">
        <v>0</v>
      </c>
      <c r="BZ34" s="113">
        <v>63462</v>
      </c>
      <c r="CA34" s="116">
        <v>63462</v>
      </c>
      <c r="CB34" s="110">
        <v>0</v>
      </c>
      <c r="CC34" s="114">
        <v>0</v>
      </c>
      <c r="CD34" s="113">
        <v>0</v>
      </c>
      <c r="CE34" s="110">
        <v>0</v>
      </c>
      <c r="CF34" s="114">
        <v>18592</v>
      </c>
      <c r="CG34" s="114">
        <v>51303</v>
      </c>
      <c r="CH34" s="114">
        <v>131068</v>
      </c>
      <c r="CI34" s="114">
        <v>0</v>
      </c>
      <c r="CJ34" s="114">
        <v>0</v>
      </c>
      <c r="CK34" s="113">
        <v>200963</v>
      </c>
      <c r="CL34" s="116">
        <v>200963</v>
      </c>
      <c r="CM34" s="110">
        <v>0</v>
      </c>
      <c r="CN34" s="114">
        <v>0</v>
      </c>
      <c r="CO34" s="113">
        <v>0</v>
      </c>
      <c r="CP34" s="111">
        <v>0</v>
      </c>
      <c r="CQ34" s="114">
        <v>18592</v>
      </c>
      <c r="CR34" s="114">
        <v>0</v>
      </c>
      <c r="CS34" s="114">
        <v>30982</v>
      </c>
      <c r="CT34" s="114">
        <v>0</v>
      </c>
      <c r="CU34" s="114">
        <v>0</v>
      </c>
      <c r="CV34" s="113">
        <v>49574</v>
      </c>
      <c r="CW34" s="116">
        <v>49574</v>
      </c>
      <c r="CX34" s="110">
        <v>0</v>
      </c>
      <c r="CY34" s="114">
        <v>0</v>
      </c>
      <c r="CZ34" s="113">
        <v>0</v>
      </c>
      <c r="DA34" s="110">
        <v>0</v>
      </c>
      <c r="DB34" s="114">
        <v>0</v>
      </c>
      <c r="DC34" s="114">
        <v>51303</v>
      </c>
      <c r="DD34" s="114">
        <v>100086</v>
      </c>
      <c r="DE34" s="114">
        <v>0</v>
      </c>
      <c r="DF34" s="114">
        <v>0</v>
      </c>
      <c r="DG34" s="113">
        <v>151389</v>
      </c>
      <c r="DH34" s="116">
        <v>151389</v>
      </c>
      <c r="DI34" s="110">
        <v>0</v>
      </c>
      <c r="DJ34" s="114">
        <v>0</v>
      </c>
      <c r="DK34" s="112">
        <v>0</v>
      </c>
      <c r="DL34" s="111">
        <v>0</v>
      </c>
      <c r="DM34" s="114">
        <v>0</v>
      </c>
      <c r="DN34" s="114">
        <v>0</v>
      </c>
      <c r="DO34" s="114">
        <v>0</v>
      </c>
      <c r="DP34" s="114">
        <v>0</v>
      </c>
      <c r="DQ34" s="114">
        <v>26696</v>
      </c>
      <c r="DR34" s="113">
        <v>26696</v>
      </c>
      <c r="DS34" s="116">
        <v>26696</v>
      </c>
      <c r="DT34" s="110">
        <v>0</v>
      </c>
      <c r="DU34" s="114">
        <v>0</v>
      </c>
      <c r="DV34" s="113">
        <v>0</v>
      </c>
      <c r="DW34" s="110">
        <v>0</v>
      </c>
      <c r="DX34" s="114">
        <v>0</v>
      </c>
      <c r="DY34" s="114">
        <v>0</v>
      </c>
      <c r="DZ34" s="114">
        <v>0</v>
      </c>
      <c r="EA34" s="114">
        <v>0</v>
      </c>
      <c r="EB34" s="114">
        <v>26696</v>
      </c>
      <c r="EC34" s="113">
        <v>26696</v>
      </c>
      <c r="ED34" s="116">
        <v>26696</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8"/>
      <c r="FE34" s="114">
        <v>0</v>
      </c>
      <c r="FF34" s="114">
        <v>0</v>
      </c>
      <c r="FG34" s="114">
        <v>0</v>
      </c>
      <c r="FH34" s="114">
        <v>0</v>
      </c>
      <c r="FI34" s="114">
        <v>0</v>
      </c>
      <c r="FJ34" s="113">
        <v>0</v>
      </c>
      <c r="FK34" s="116">
        <v>0</v>
      </c>
      <c r="FL34" s="110">
        <v>1400</v>
      </c>
      <c r="FM34" s="114">
        <v>5250</v>
      </c>
      <c r="FN34" s="113">
        <v>6650</v>
      </c>
      <c r="FO34" s="110">
        <v>0</v>
      </c>
      <c r="FP34" s="114">
        <v>37100</v>
      </c>
      <c r="FQ34" s="114">
        <v>17150</v>
      </c>
      <c r="FR34" s="114">
        <v>122220</v>
      </c>
      <c r="FS34" s="114">
        <v>0</v>
      </c>
      <c r="FT34" s="114">
        <v>11970</v>
      </c>
      <c r="FU34" s="113">
        <v>188440</v>
      </c>
      <c r="FV34" s="116">
        <v>195090</v>
      </c>
      <c r="FW34" s="115">
        <v>1400</v>
      </c>
      <c r="FX34" s="114">
        <v>5250</v>
      </c>
      <c r="FY34" s="112">
        <v>6650</v>
      </c>
      <c r="FZ34" s="111">
        <v>0</v>
      </c>
      <c r="GA34" s="114">
        <v>37100</v>
      </c>
      <c r="GB34" s="114">
        <v>17150</v>
      </c>
      <c r="GC34" s="114">
        <v>43680</v>
      </c>
      <c r="GD34" s="114">
        <v>0</v>
      </c>
      <c r="GE34" s="114">
        <v>11970</v>
      </c>
      <c r="GF34" s="113">
        <v>109900</v>
      </c>
      <c r="GG34" s="319">
        <v>116550</v>
      </c>
      <c r="GH34" s="115">
        <v>0</v>
      </c>
      <c r="GI34" s="114">
        <v>0</v>
      </c>
      <c r="GJ34" s="112">
        <v>0</v>
      </c>
      <c r="GK34" s="111">
        <v>0</v>
      </c>
      <c r="GL34" s="114">
        <v>0</v>
      </c>
      <c r="GM34" s="114">
        <v>0</v>
      </c>
      <c r="GN34" s="114">
        <v>15400</v>
      </c>
      <c r="GO34" s="114">
        <v>0</v>
      </c>
      <c r="GP34" s="114">
        <v>0</v>
      </c>
      <c r="GQ34" s="113">
        <v>15400</v>
      </c>
      <c r="GR34" s="116">
        <v>15400</v>
      </c>
      <c r="GS34" s="110">
        <v>0</v>
      </c>
      <c r="GT34" s="114">
        <v>0</v>
      </c>
      <c r="GU34" s="113">
        <v>0</v>
      </c>
      <c r="GV34" s="110">
        <v>0</v>
      </c>
      <c r="GW34" s="114">
        <v>0</v>
      </c>
      <c r="GX34" s="114">
        <v>0</v>
      </c>
      <c r="GY34" s="114">
        <v>63140</v>
      </c>
      <c r="GZ34" s="114">
        <v>0</v>
      </c>
      <c r="HA34" s="114">
        <v>0</v>
      </c>
      <c r="HB34" s="112">
        <v>63140</v>
      </c>
      <c r="HC34" s="116">
        <v>63140</v>
      </c>
      <c r="HD34" s="110">
        <v>0</v>
      </c>
      <c r="HE34" s="114">
        <v>0</v>
      </c>
      <c r="HF34" s="112">
        <v>0</v>
      </c>
      <c r="HG34" s="111">
        <v>0</v>
      </c>
      <c r="HH34" s="114">
        <v>133469</v>
      </c>
      <c r="HI34" s="114">
        <v>150798</v>
      </c>
      <c r="HJ34" s="114">
        <v>0</v>
      </c>
      <c r="HK34" s="114">
        <v>371820</v>
      </c>
      <c r="HL34" s="114">
        <v>0</v>
      </c>
      <c r="HM34" s="113">
        <v>656087</v>
      </c>
      <c r="HN34" s="109">
        <v>656087</v>
      </c>
      <c r="HO34" s="329"/>
      <c r="HP34" s="330"/>
      <c r="HQ34" s="331"/>
      <c r="HR34" s="332"/>
      <c r="HS34" s="330"/>
      <c r="HT34" s="330"/>
      <c r="HU34" s="330"/>
      <c r="HV34" s="330"/>
      <c r="HW34" s="330"/>
      <c r="HX34" s="333"/>
      <c r="HY34" s="334"/>
      <c r="HZ34" s="150">
        <v>0</v>
      </c>
      <c r="IA34" s="135">
        <v>0</v>
      </c>
      <c r="IB34" s="150">
        <v>0</v>
      </c>
      <c r="IC34" s="134">
        <v>0</v>
      </c>
      <c r="ID34" s="135">
        <v>114184</v>
      </c>
      <c r="IE34" s="136">
        <v>20605</v>
      </c>
      <c r="IF34" s="137">
        <v>276325</v>
      </c>
      <c r="IG34" s="135">
        <v>0</v>
      </c>
      <c r="IH34" s="137">
        <v>0</v>
      </c>
      <c r="II34" s="138">
        <v>411114</v>
      </c>
      <c r="IJ34" s="150">
        <v>411114</v>
      </c>
      <c r="IK34" s="232">
        <v>0</v>
      </c>
      <c r="IL34" s="236">
        <v>0</v>
      </c>
      <c r="IM34" s="237">
        <v>0</v>
      </c>
      <c r="IN34" s="140"/>
      <c r="IO34" s="119">
        <v>0</v>
      </c>
      <c r="IP34" s="119">
        <v>0</v>
      </c>
      <c r="IQ34" s="119">
        <v>0</v>
      </c>
      <c r="IR34" s="119">
        <v>0</v>
      </c>
      <c r="IS34" s="119">
        <v>0</v>
      </c>
      <c r="IT34" s="141">
        <v>0</v>
      </c>
      <c r="IU34" s="321">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0</v>
      </c>
      <c r="JL34" s="119">
        <v>20605</v>
      </c>
      <c r="JM34" s="119">
        <v>0</v>
      </c>
      <c r="JN34" s="119">
        <v>0</v>
      </c>
      <c r="JO34" s="119">
        <v>0</v>
      </c>
      <c r="JP34" s="120">
        <v>20605</v>
      </c>
      <c r="JQ34" s="321">
        <v>20605</v>
      </c>
      <c r="JR34" s="142">
        <v>0</v>
      </c>
      <c r="JS34" s="119">
        <v>0</v>
      </c>
      <c r="JT34" s="141">
        <v>0</v>
      </c>
      <c r="JU34" s="118">
        <v>0</v>
      </c>
      <c r="JV34" s="119">
        <v>0</v>
      </c>
      <c r="JW34" s="119">
        <v>0</v>
      </c>
      <c r="JX34" s="119">
        <v>80724</v>
      </c>
      <c r="JY34" s="119">
        <v>0</v>
      </c>
      <c r="JZ34" s="119">
        <v>0</v>
      </c>
      <c r="KA34" s="120">
        <v>80724</v>
      </c>
      <c r="KB34" s="321">
        <v>80724</v>
      </c>
      <c r="KC34" s="234">
        <v>0</v>
      </c>
      <c r="KD34" s="230">
        <v>0</v>
      </c>
      <c r="KE34" s="120">
        <v>0</v>
      </c>
      <c r="KF34" s="118">
        <v>0</v>
      </c>
      <c r="KG34" s="119">
        <v>114184</v>
      </c>
      <c r="KH34" s="119">
        <v>0</v>
      </c>
      <c r="KI34" s="119">
        <v>0</v>
      </c>
      <c r="KJ34" s="119">
        <v>0</v>
      </c>
      <c r="KK34" s="119">
        <v>0</v>
      </c>
      <c r="KL34" s="120">
        <v>114184</v>
      </c>
      <c r="KM34" s="143">
        <v>114184</v>
      </c>
      <c r="KN34" s="232">
        <v>0</v>
      </c>
      <c r="KO34" s="236">
        <v>0</v>
      </c>
      <c r="KP34" s="237">
        <v>0</v>
      </c>
      <c r="KQ34" s="140"/>
      <c r="KR34" s="119">
        <v>0</v>
      </c>
      <c r="KS34" s="119">
        <v>0</v>
      </c>
      <c r="KT34" s="119">
        <v>0</v>
      </c>
      <c r="KU34" s="119">
        <v>0</v>
      </c>
      <c r="KV34" s="119">
        <v>0</v>
      </c>
      <c r="KW34" s="120">
        <v>0</v>
      </c>
      <c r="KX34" s="321">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195601</v>
      </c>
      <c r="LQ34" s="119">
        <v>0</v>
      </c>
      <c r="LR34" s="119">
        <v>0</v>
      </c>
      <c r="LS34" s="120">
        <v>195601</v>
      </c>
      <c r="LT34" s="321">
        <v>195601</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629905</v>
      </c>
      <c r="MM34" s="119">
        <v>260205</v>
      </c>
      <c r="MN34" s="119">
        <v>166621</v>
      </c>
      <c r="MO34" s="120">
        <v>1056731</v>
      </c>
      <c r="MP34" s="143">
        <v>1056731</v>
      </c>
      <c r="MQ34" s="142">
        <v>0</v>
      </c>
      <c r="MR34" s="119">
        <v>0</v>
      </c>
      <c r="MS34" s="120">
        <v>0</v>
      </c>
      <c r="MT34" s="145"/>
      <c r="MU34" s="119">
        <v>0</v>
      </c>
      <c r="MV34" s="119">
        <v>0</v>
      </c>
      <c r="MW34" s="119">
        <v>210525</v>
      </c>
      <c r="MX34" s="119">
        <v>0</v>
      </c>
      <c r="MY34" s="119">
        <v>166621</v>
      </c>
      <c r="MZ34" s="120">
        <v>377146</v>
      </c>
      <c r="NA34" s="143">
        <v>377146</v>
      </c>
      <c r="NB34" s="142">
        <v>0</v>
      </c>
      <c r="NC34" s="119">
        <v>0</v>
      </c>
      <c r="ND34" s="120">
        <v>0</v>
      </c>
      <c r="NE34" s="145"/>
      <c r="NF34" s="119">
        <v>0</v>
      </c>
      <c r="NG34" s="119">
        <v>0</v>
      </c>
      <c r="NH34" s="119">
        <v>419380</v>
      </c>
      <c r="NI34" s="119">
        <v>260205</v>
      </c>
      <c r="NJ34" s="119">
        <v>0</v>
      </c>
      <c r="NK34" s="120">
        <v>679585</v>
      </c>
      <c r="NL34" s="321">
        <v>679585</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1400</v>
      </c>
      <c r="OJ34" s="119">
        <v>5250</v>
      </c>
      <c r="OK34" s="141">
        <v>6650</v>
      </c>
      <c r="OL34" s="118">
        <v>0</v>
      </c>
      <c r="OM34" s="119">
        <v>367052</v>
      </c>
      <c r="ON34" s="119">
        <v>387696</v>
      </c>
      <c r="OO34" s="119">
        <v>1357513</v>
      </c>
      <c r="OP34" s="119">
        <v>664295</v>
      </c>
      <c r="OQ34" s="119">
        <v>205287</v>
      </c>
      <c r="OR34" s="120">
        <v>2981843</v>
      </c>
      <c r="OS34" s="143">
        <v>2988493</v>
      </c>
    </row>
    <row r="35" spans="2:409" ht="20.25" customHeight="1" x14ac:dyDescent="0.2">
      <c r="B35" s="126" t="s">
        <v>30</v>
      </c>
      <c r="C35" s="110">
        <v>9660</v>
      </c>
      <c r="D35" s="114">
        <v>56448</v>
      </c>
      <c r="E35" s="174">
        <v>66108</v>
      </c>
      <c r="F35" s="175">
        <v>0</v>
      </c>
      <c r="G35" s="176">
        <v>484426</v>
      </c>
      <c r="H35" s="176">
        <v>287928</v>
      </c>
      <c r="I35" s="176">
        <v>362368</v>
      </c>
      <c r="J35" s="176">
        <v>487379</v>
      </c>
      <c r="K35" s="176">
        <v>0</v>
      </c>
      <c r="L35" s="177">
        <v>1622101</v>
      </c>
      <c r="M35" s="116">
        <v>1688209</v>
      </c>
      <c r="N35" s="110">
        <v>0</v>
      </c>
      <c r="O35" s="114">
        <v>54348</v>
      </c>
      <c r="P35" s="113">
        <v>54348</v>
      </c>
      <c r="Q35" s="110">
        <v>0</v>
      </c>
      <c r="R35" s="114">
        <v>17696</v>
      </c>
      <c r="S35" s="114">
        <v>9324</v>
      </c>
      <c r="T35" s="114">
        <v>196587</v>
      </c>
      <c r="U35" s="114">
        <v>285929</v>
      </c>
      <c r="V35" s="114">
        <v>0</v>
      </c>
      <c r="W35" s="113">
        <v>509536</v>
      </c>
      <c r="X35" s="116">
        <v>563884</v>
      </c>
      <c r="Y35" s="110">
        <v>0</v>
      </c>
      <c r="Z35" s="114">
        <v>0</v>
      </c>
      <c r="AA35" s="113">
        <v>0</v>
      </c>
      <c r="AB35" s="110">
        <v>0</v>
      </c>
      <c r="AC35" s="114">
        <v>0</v>
      </c>
      <c r="AD35" s="114">
        <v>0</v>
      </c>
      <c r="AE35" s="114">
        <v>184785</v>
      </c>
      <c r="AF35" s="114">
        <v>163688</v>
      </c>
      <c r="AG35" s="114">
        <v>0</v>
      </c>
      <c r="AH35" s="113">
        <v>348473</v>
      </c>
      <c r="AI35" s="116">
        <v>348473</v>
      </c>
      <c r="AJ35" s="110">
        <v>0</v>
      </c>
      <c r="AK35" s="114">
        <v>0</v>
      </c>
      <c r="AL35" s="113">
        <v>0</v>
      </c>
      <c r="AM35" s="110">
        <v>0</v>
      </c>
      <c r="AN35" s="114">
        <v>0</v>
      </c>
      <c r="AO35" s="114">
        <v>0</v>
      </c>
      <c r="AP35" s="114">
        <v>0</v>
      </c>
      <c r="AQ35" s="114">
        <v>47320</v>
      </c>
      <c r="AR35" s="114">
        <v>0</v>
      </c>
      <c r="AS35" s="113">
        <v>47320</v>
      </c>
      <c r="AT35" s="116">
        <v>47320</v>
      </c>
      <c r="AU35" s="110">
        <v>0</v>
      </c>
      <c r="AV35" s="114">
        <v>54348</v>
      </c>
      <c r="AW35" s="113">
        <v>54348</v>
      </c>
      <c r="AX35" s="110">
        <v>0</v>
      </c>
      <c r="AY35" s="114">
        <v>0</v>
      </c>
      <c r="AZ35" s="114">
        <v>0</v>
      </c>
      <c r="BA35" s="114">
        <v>0</v>
      </c>
      <c r="BB35" s="114">
        <v>28924</v>
      </c>
      <c r="BC35" s="114">
        <v>0</v>
      </c>
      <c r="BD35" s="113">
        <v>28924</v>
      </c>
      <c r="BE35" s="116">
        <v>83272</v>
      </c>
      <c r="BF35" s="110">
        <v>0</v>
      </c>
      <c r="BG35" s="114">
        <v>0</v>
      </c>
      <c r="BH35" s="112">
        <v>0</v>
      </c>
      <c r="BI35" s="111">
        <v>0</v>
      </c>
      <c r="BJ35" s="114">
        <v>0</v>
      </c>
      <c r="BK35" s="114">
        <v>0</v>
      </c>
      <c r="BL35" s="114">
        <v>0</v>
      </c>
      <c r="BM35" s="114">
        <v>26768</v>
      </c>
      <c r="BN35" s="114">
        <v>0</v>
      </c>
      <c r="BO35" s="113">
        <v>26768</v>
      </c>
      <c r="BP35" s="116">
        <v>26768</v>
      </c>
      <c r="BQ35" s="110">
        <v>0</v>
      </c>
      <c r="BR35" s="114">
        <v>0</v>
      </c>
      <c r="BS35" s="113">
        <v>0</v>
      </c>
      <c r="BT35" s="110">
        <v>0</v>
      </c>
      <c r="BU35" s="114">
        <v>17696</v>
      </c>
      <c r="BV35" s="114">
        <v>9324</v>
      </c>
      <c r="BW35" s="114">
        <v>11802</v>
      </c>
      <c r="BX35" s="114">
        <v>19229</v>
      </c>
      <c r="BY35" s="114">
        <v>0</v>
      </c>
      <c r="BZ35" s="113">
        <v>58051</v>
      </c>
      <c r="CA35" s="116">
        <v>58051</v>
      </c>
      <c r="CB35" s="110">
        <v>0</v>
      </c>
      <c r="CC35" s="114">
        <v>0</v>
      </c>
      <c r="CD35" s="113">
        <v>0</v>
      </c>
      <c r="CE35" s="110">
        <v>0</v>
      </c>
      <c r="CF35" s="114">
        <v>62802</v>
      </c>
      <c r="CG35" s="114">
        <v>198284</v>
      </c>
      <c r="CH35" s="114">
        <v>48573</v>
      </c>
      <c r="CI35" s="114">
        <v>33011</v>
      </c>
      <c r="CJ35" s="114">
        <v>0</v>
      </c>
      <c r="CK35" s="113">
        <v>342670</v>
      </c>
      <c r="CL35" s="116">
        <v>342670</v>
      </c>
      <c r="CM35" s="110">
        <v>0</v>
      </c>
      <c r="CN35" s="114">
        <v>0</v>
      </c>
      <c r="CO35" s="113">
        <v>0</v>
      </c>
      <c r="CP35" s="111">
        <v>0</v>
      </c>
      <c r="CQ35" s="114">
        <v>62802</v>
      </c>
      <c r="CR35" s="114">
        <v>74449</v>
      </c>
      <c r="CS35" s="114">
        <v>48573</v>
      </c>
      <c r="CT35" s="114">
        <v>33011</v>
      </c>
      <c r="CU35" s="114">
        <v>0</v>
      </c>
      <c r="CV35" s="113">
        <v>218835</v>
      </c>
      <c r="CW35" s="116">
        <v>218835</v>
      </c>
      <c r="CX35" s="110">
        <v>0</v>
      </c>
      <c r="CY35" s="114">
        <v>0</v>
      </c>
      <c r="CZ35" s="113">
        <v>0</v>
      </c>
      <c r="DA35" s="110">
        <v>0</v>
      </c>
      <c r="DB35" s="114">
        <v>0</v>
      </c>
      <c r="DC35" s="114">
        <v>123835</v>
      </c>
      <c r="DD35" s="114">
        <v>0</v>
      </c>
      <c r="DE35" s="114">
        <v>0</v>
      </c>
      <c r="DF35" s="114">
        <v>0</v>
      </c>
      <c r="DG35" s="113">
        <v>123835</v>
      </c>
      <c r="DH35" s="116">
        <v>123835</v>
      </c>
      <c r="DI35" s="110">
        <v>0</v>
      </c>
      <c r="DJ35" s="114">
        <v>0</v>
      </c>
      <c r="DK35" s="112">
        <v>0</v>
      </c>
      <c r="DL35" s="111">
        <v>0</v>
      </c>
      <c r="DM35" s="114">
        <v>0</v>
      </c>
      <c r="DN35" s="114">
        <v>29808</v>
      </c>
      <c r="DO35" s="114">
        <v>95228</v>
      </c>
      <c r="DP35" s="114">
        <v>0</v>
      </c>
      <c r="DQ35" s="114">
        <v>0</v>
      </c>
      <c r="DR35" s="113">
        <v>125036</v>
      </c>
      <c r="DS35" s="116">
        <v>125036</v>
      </c>
      <c r="DT35" s="110">
        <v>0</v>
      </c>
      <c r="DU35" s="114">
        <v>0</v>
      </c>
      <c r="DV35" s="113">
        <v>0</v>
      </c>
      <c r="DW35" s="110">
        <v>0</v>
      </c>
      <c r="DX35" s="114">
        <v>0</v>
      </c>
      <c r="DY35" s="114">
        <v>0</v>
      </c>
      <c r="DZ35" s="114">
        <v>95228</v>
      </c>
      <c r="EA35" s="114">
        <v>0</v>
      </c>
      <c r="EB35" s="114">
        <v>0</v>
      </c>
      <c r="EC35" s="113">
        <v>95228</v>
      </c>
      <c r="ED35" s="116">
        <v>95228</v>
      </c>
      <c r="EE35" s="110">
        <v>0</v>
      </c>
      <c r="EF35" s="112">
        <v>0</v>
      </c>
      <c r="EG35" s="113">
        <v>0</v>
      </c>
      <c r="EH35" s="110">
        <v>0</v>
      </c>
      <c r="EI35" s="114">
        <v>0</v>
      </c>
      <c r="EJ35" s="114">
        <v>29808</v>
      </c>
      <c r="EK35" s="114">
        <v>0</v>
      </c>
      <c r="EL35" s="114">
        <v>0</v>
      </c>
      <c r="EM35" s="114">
        <v>0</v>
      </c>
      <c r="EN35" s="112">
        <v>29808</v>
      </c>
      <c r="EO35" s="116">
        <v>29808</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8"/>
      <c r="FE35" s="114">
        <v>0</v>
      </c>
      <c r="FF35" s="114">
        <v>0</v>
      </c>
      <c r="FG35" s="114">
        <v>0</v>
      </c>
      <c r="FH35" s="114">
        <v>0</v>
      </c>
      <c r="FI35" s="114">
        <v>0</v>
      </c>
      <c r="FJ35" s="113">
        <v>0</v>
      </c>
      <c r="FK35" s="116">
        <v>0</v>
      </c>
      <c r="FL35" s="110">
        <v>9660</v>
      </c>
      <c r="FM35" s="114">
        <v>2100</v>
      </c>
      <c r="FN35" s="113">
        <v>11760</v>
      </c>
      <c r="FO35" s="110">
        <v>0</v>
      </c>
      <c r="FP35" s="114">
        <v>0</v>
      </c>
      <c r="FQ35" s="114">
        <v>50512</v>
      </c>
      <c r="FR35" s="114">
        <v>21980</v>
      </c>
      <c r="FS35" s="114">
        <v>37226</v>
      </c>
      <c r="FT35" s="114">
        <v>0</v>
      </c>
      <c r="FU35" s="113">
        <v>109718</v>
      </c>
      <c r="FV35" s="116">
        <v>121478</v>
      </c>
      <c r="FW35" s="115">
        <v>9660</v>
      </c>
      <c r="FX35" s="114">
        <v>2100</v>
      </c>
      <c r="FY35" s="112">
        <v>11760</v>
      </c>
      <c r="FZ35" s="111">
        <v>0</v>
      </c>
      <c r="GA35" s="114">
        <v>0</v>
      </c>
      <c r="GB35" s="114">
        <v>50512</v>
      </c>
      <c r="GC35" s="114">
        <v>21980</v>
      </c>
      <c r="GD35" s="114">
        <v>37226</v>
      </c>
      <c r="GE35" s="114">
        <v>0</v>
      </c>
      <c r="GF35" s="113">
        <v>109718</v>
      </c>
      <c r="GG35" s="319">
        <v>121478</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403928</v>
      </c>
      <c r="HI35" s="114">
        <v>0</v>
      </c>
      <c r="HJ35" s="114">
        <v>0</v>
      </c>
      <c r="HK35" s="114">
        <v>131213</v>
      </c>
      <c r="HL35" s="114">
        <v>0</v>
      </c>
      <c r="HM35" s="113">
        <v>535141</v>
      </c>
      <c r="HN35" s="109">
        <v>535141</v>
      </c>
      <c r="HO35" s="329"/>
      <c r="HP35" s="330"/>
      <c r="HQ35" s="331"/>
      <c r="HR35" s="332"/>
      <c r="HS35" s="330"/>
      <c r="HT35" s="330"/>
      <c r="HU35" s="330"/>
      <c r="HV35" s="330"/>
      <c r="HW35" s="330"/>
      <c r="HX35" s="333"/>
      <c r="HY35" s="334"/>
      <c r="HZ35" s="131">
        <v>0</v>
      </c>
      <c r="IA35" s="132">
        <v>0</v>
      </c>
      <c r="IB35" s="133">
        <v>0</v>
      </c>
      <c r="IC35" s="146">
        <v>0</v>
      </c>
      <c r="ID35" s="132">
        <v>217511</v>
      </c>
      <c r="IE35" s="147">
        <v>36925</v>
      </c>
      <c r="IF35" s="133">
        <v>0</v>
      </c>
      <c r="IG35" s="132">
        <v>0</v>
      </c>
      <c r="IH35" s="133">
        <v>0</v>
      </c>
      <c r="II35" s="148">
        <v>254436</v>
      </c>
      <c r="IJ35" s="139">
        <v>254436</v>
      </c>
      <c r="IK35" s="232">
        <v>0</v>
      </c>
      <c r="IL35" s="236">
        <v>0</v>
      </c>
      <c r="IM35" s="237">
        <v>0</v>
      </c>
      <c r="IN35" s="140"/>
      <c r="IO35" s="119">
        <v>0</v>
      </c>
      <c r="IP35" s="119">
        <v>0</v>
      </c>
      <c r="IQ35" s="119">
        <v>0</v>
      </c>
      <c r="IR35" s="119">
        <v>0</v>
      </c>
      <c r="IS35" s="119">
        <v>0</v>
      </c>
      <c r="IT35" s="141">
        <v>0</v>
      </c>
      <c r="IU35" s="321">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51723</v>
      </c>
      <c r="JL35" s="119">
        <v>0</v>
      </c>
      <c r="JM35" s="119">
        <v>0</v>
      </c>
      <c r="JN35" s="119">
        <v>0</v>
      </c>
      <c r="JO35" s="119">
        <v>0</v>
      </c>
      <c r="JP35" s="120">
        <v>51723</v>
      </c>
      <c r="JQ35" s="321">
        <v>51723</v>
      </c>
      <c r="JR35" s="142">
        <v>0</v>
      </c>
      <c r="JS35" s="119">
        <v>0</v>
      </c>
      <c r="JT35" s="141">
        <v>0</v>
      </c>
      <c r="JU35" s="118">
        <v>0</v>
      </c>
      <c r="JV35" s="119">
        <v>0</v>
      </c>
      <c r="JW35" s="119">
        <v>36925</v>
      </c>
      <c r="JX35" s="119">
        <v>0</v>
      </c>
      <c r="JY35" s="119">
        <v>0</v>
      </c>
      <c r="JZ35" s="119">
        <v>0</v>
      </c>
      <c r="KA35" s="120">
        <v>36925</v>
      </c>
      <c r="KB35" s="321">
        <v>36925</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165788</v>
      </c>
      <c r="KS35" s="119">
        <v>0</v>
      </c>
      <c r="KT35" s="119">
        <v>0</v>
      </c>
      <c r="KU35" s="119">
        <v>0</v>
      </c>
      <c r="KV35" s="119">
        <v>0</v>
      </c>
      <c r="KW35" s="120">
        <v>165788</v>
      </c>
      <c r="KX35" s="321">
        <v>165788</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1">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0</v>
      </c>
      <c r="MK35" s="119">
        <v>0</v>
      </c>
      <c r="ML35" s="119">
        <v>371220</v>
      </c>
      <c r="MM35" s="119">
        <v>247502</v>
      </c>
      <c r="MN35" s="119">
        <v>255512</v>
      </c>
      <c r="MO35" s="120">
        <v>874234</v>
      </c>
      <c r="MP35" s="143">
        <v>874234</v>
      </c>
      <c r="MQ35" s="142">
        <v>0</v>
      </c>
      <c r="MR35" s="119">
        <v>0</v>
      </c>
      <c r="MS35" s="120">
        <v>0</v>
      </c>
      <c r="MT35" s="145"/>
      <c r="MU35" s="119">
        <v>0</v>
      </c>
      <c r="MV35" s="119">
        <v>0</v>
      </c>
      <c r="MW35" s="119">
        <v>210525</v>
      </c>
      <c r="MX35" s="119">
        <v>0</v>
      </c>
      <c r="MY35" s="119">
        <v>0</v>
      </c>
      <c r="MZ35" s="120">
        <v>210525</v>
      </c>
      <c r="NA35" s="143">
        <v>210525</v>
      </c>
      <c r="NB35" s="142">
        <v>0</v>
      </c>
      <c r="NC35" s="119">
        <v>0</v>
      </c>
      <c r="ND35" s="120">
        <v>0</v>
      </c>
      <c r="NE35" s="145"/>
      <c r="NF35" s="119">
        <v>0</v>
      </c>
      <c r="NG35" s="119">
        <v>0</v>
      </c>
      <c r="NH35" s="119">
        <v>160695</v>
      </c>
      <c r="NI35" s="119">
        <v>247502</v>
      </c>
      <c r="NJ35" s="119">
        <v>255512</v>
      </c>
      <c r="NK35" s="120">
        <v>663709</v>
      </c>
      <c r="NL35" s="321">
        <v>663709</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0</v>
      </c>
      <c r="OG35" s="120">
        <v>0</v>
      </c>
      <c r="OH35" s="121">
        <v>0</v>
      </c>
      <c r="OI35" s="142">
        <v>9660</v>
      </c>
      <c r="OJ35" s="119">
        <v>56448</v>
      </c>
      <c r="OK35" s="141">
        <v>66108</v>
      </c>
      <c r="OL35" s="118">
        <v>0</v>
      </c>
      <c r="OM35" s="119">
        <v>701937</v>
      </c>
      <c r="ON35" s="119">
        <v>324853</v>
      </c>
      <c r="OO35" s="119">
        <v>733588</v>
      </c>
      <c r="OP35" s="119">
        <v>734881</v>
      </c>
      <c r="OQ35" s="119">
        <v>255512</v>
      </c>
      <c r="OR35" s="120">
        <v>2750771</v>
      </c>
      <c r="OS35" s="143">
        <v>2816879</v>
      </c>
    </row>
    <row r="36" spans="2:409" ht="20.25" customHeight="1" x14ac:dyDescent="0.2">
      <c r="B36" s="126" t="s">
        <v>31</v>
      </c>
      <c r="C36" s="110">
        <v>3892</v>
      </c>
      <c r="D36" s="114">
        <v>0</v>
      </c>
      <c r="E36" s="113">
        <v>3892</v>
      </c>
      <c r="F36" s="109">
        <v>0</v>
      </c>
      <c r="G36" s="114">
        <v>181675</v>
      </c>
      <c r="H36" s="114">
        <v>245105</v>
      </c>
      <c r="I36" s="114">
        <v>247202</v>
      </c>
      <c r="J36" s="114">
        <v>214846</v>
      </c>
      <c r="K36" s="114">
        <v>217952</v>
      </c>
      <c r="L36" s="173">
        <v>1106780</v>
      </c>
      <c r="M36" s="116">
        <v>1110672</v>
      </c>
      <c r="N36" s="110">
        <v>3892</v>
      </c>
      <c r="O36" s="114">
        <v>0</v>
      </c>
      <c r="P36" s="113">
        <v>3892</v>
      </c>
      <c r="Q36" s="110">
        <v>0</v>
      </c>
      <c r="R36" s="114">
        <v>21896</v>
      </c>
      <c r="S36" s="114">
        <v>55090</v>
      </c>
      <c r="T36" s="114">
        <v>42980</v>
      </c>
      <c r="U36" s="114">
        <v>25235</v>
      </c>
      <c r="V36" s="114">
        <v>9688</v>
      </c>
      <c r="W36" s="113">
        <v>154889</v>
      </c>
      <c r="X36" s="116">
        <v>158781</v>
      </c>
      <c r="Y36" s="110">
        <v>0</v>
      </c>
      <c r="Z36" s="114">
        <v>0</v>
      </c>
      <c r="AA36" s="113">
        <v>0</v>
      </c>
      <c r="AB36" s="110">
        <v>0</v>
      </c>
      <c r="AC36" s="114">
        <v>11109</v>
      </c>
      <c r="AD36" s="114">
        <v>0</v>
      </c>
      <c r="AE36" s="114">
        <v>0</v>
      </c>
      <c r="AF36" s="114">
        <v>0</v>
      </c>
      <c r="AG36" s="114">
        <v>0</v>
      </c>
      <c r="AH36" s="113">
        <v>11109</v>
      </c>
      <c r="AI36" s="116">
        <v>11109</v>
      </c>
      <c r="AJ36" s="110">
        <v>0</v>
      </c>
      <c r="AK36" s="114">
        <v>0</v>
      </c>
      <c r="AL36" s="113">
        <v>0</v>
      </c>
      <c r="AM36" s="110">
        <v>0</v>
      </c>
      <c r="AN36" s="114">
        <v>0</v>
      </c>
      <c r="AO36" s="114">
        <v>0</v>
      </c>
      <c r="AP36" s="114">
        <v>0</v>
      </c>
      <c r="AQ36" s="114">
        <v>0</v>
      </c>
      <c r="AR36" s="114">
        <v>0</v>
      </c>
      <c r="AS36" s="113">
        <v>0</v>
      </c>
      <c r="AT36" s="116">
        <v>0</v>
      </c>
      <c r="AU36" s="110">
        <v>3892</v>
      </c>
      <c r="AV36" s="114">
        <v>0</v>
      </c>
      <c r="AW36" s="113">
        <v>3892</v>
      </c>
      <c r="AX36" s="110">
        <v>0</v>
      </c>
      <c r="AY36" s="114">
        <v>0</v>
      </c>
      <c r="AZ36" s="114">
        <v>46690</v>
      </c>
      <c r="BA36" s="114">
        <v>0</v>
      </c>
      <c r="BB36" s="114">
        <v>25235</v>
      </c>
      <c r="BC36" s="114">
        <v>0</v>
      </c>
      <c r="BD36" s="113">
        <v>71925</v>
      </c>
      <c r="BE36" s="116">
        <v>75817</v>
      </c>
      <c r="BF36" s="110">
        <v>0</v>
      </c>
      <c r="BG36" s="114">
        <v>0</v>
      </c>
      <c r="BH36" s="112">
        <v>0</v>
      </c>
      <c r="BI36" s="111">
        <v>0</v>
      </c>
      <c r="BJ36" s="114">
        <v>0</v>
      </c>
      <c r="BK36" s="114">
        <v>0</v>
      </c>
      <c r="BL36" s="114">
        <v>42980</v>
      </c>
      <c r="BM36" s="114">
        <v>0</v>
      </c>
      <c r="BN36" s="114">
        <v>0</v>
      </c>
      <c r="BO36" s="113">
        <v>42980</v>
      </c>
      <c r="BP36" s="116">
        <v>42980</v>
      </c>
      <c r="BQ36" s="110">
        <v>0</v>
      </c>
      <c r="BR36" s="114">
        <v>0</v>
      </c>
      <c r="BS36" s="113">
        <v>0</v>
      </c>
      <c r="BT36" s="110">
        <v>0</v>
      </c>
      <c r="BU36" s="114">
        <v>10787</v>
      </c>
      <c r="BV36" s="114">
        <v>8400</v>
      </c>
      <c r="BW36" s="114">
        <v>0</v>
      </c>
      <c r="BX36" s="114">
        <v>0</v>
      </c>
      <c r="BY36" s="114">
        <v>9688</v>
      </c>
      <c r="BZ36" s="113">
        <v>28875</v>
      </c>
      <c r="CA36" s="116">
        <v>28875</v>
      </c>
      <c r="CB36" s="110">
        <v>0</v>
      </c>
      <c r="CC36" s="114">
        <v>0</v>
      </c>
      <c r="CD36" s="113">
        <v>0</v>
      </c>
      <c r="CE36" s="110">
        <v>0</v>
      </c>
      <c r="CF36" s="114">
        <v>0</v>
      </c>
      <c r="CG36" s="114">
        <v>23877</v>
      </c>
      <c r="CH36" s="114">
        <v>164161</v>
      </c>
      <c r="CI36" s="114">
        <v>88809</v>
      </c>
      <c r="CJ36" s="114">
        <v>0</v>
      </c>
      <c r="CK36" s="113">
        <v>276847</v>
      </c>
      <c r="CL36" s="116">
        <v>276847</v>
      </c>
      <c r="CM36" s="110">
        <v>0</v>
      </c>
      <c r="CN36" s="114">
        <v>0</v>
      </c>
      <c r="CO36" s="113">
        <v>0</v>
      </c>
      <c r="CP36" s="111">
        <v>0</v>
      </c>
      <c r="CQ36" s="114">
        <v>0</v>
      </c>
      <c r="CR36" s="114">
        <v>23877</v>
      </c>
      <c r="CS36" s="114">
        <v>164161</v>
      </c>
      <c r="CT36" s="114">
        <v>88809</v>
      </c>
      <c r="CU36" s="114">
        <v>0</v>
      </c>
      <c r="CV36" s="113">
        <v>276847</v>
      </c>
      <c r="CW36" s="116">
        <v>276847</v>
      </c>
      <c r="CX36" s="110">
        <v>0</v>
      </c>
      <c r="CY36" s="114">
        <v>0</v>
      </c>
      <c r="CZ36" s="113">
        <v>0</v>
      </c>
      <c r="DA36" s="110">
        <v>0</v>
      </c>
      <c r="DB36" s="114">
        <v>0</v>
      </c>
      <c r="DC36" s="114">
        <v>0</v>
      </c>
      <c r="DD36" s="114">
        <v>0</v>
      </c>
      <c r="DE36" s="114">
        <v>0</v>
      </c>
      <c r="DF36" s="114">
        <v>0</v>
      </c>
      <c r="DG36" s="113">
        <v>0</v>
      </c>
      <c r="DH36" s="116">
        <v>0</v>
      </c>
      <c r="DI36" s="110">
        <v>0</v>
      </c>
      <c r="DJ36" s="114">
        <v>0</v>
      </c>
      <c r="DK36" s="112">
        <v>0</v>
      </c>
      <c r="DL36" s="111">
        <v>0</v>
      </c>
      <c r="DM36" s="114">
        <v>0</v>
      </c>
      <c r="DN36" s="114">
        <v>140210</v>
      </c>
      <c r="DO36" s="114">
        <v>0</v>
      </c>
      <c r="DP36" s="114">
        <v>93102</v>
      </c>
      <c r="DQ36" s="114">
        <v>0</v>
      </c>
      <c r="DR36" s="113">
        <v>233312</v>
      </c>
      <c r="DS36" s="116">
        <v>233312</v>
      </c>
      <c r="DT36" s="110">
        <v>0</v>
      </c>
      <c r="DU36" s="114">
        <v>0</v>
      </c>
      <c r="DV36" s="113">
        <v>0</v>
      </c>
      <c r="DW36" s="110">
        <v>0</v>
      </c>
      <c r="DX36" s="114">
        <v>0</v>
      </c>
      <c r="DY36" s="114">
        <v>0</v>
      </c>
      <c r="DZ36" s="114">
        <v>0</v>
      </c>
      <c r="EA36" s="114">
        <v>93102</v>
      </c>
      <c r="EB36" s="114">
        <v>0</v>
      </c>
      <c r="EC36" s="113">
        <v>93102</v>
      </c>
      <c r="ED36" s="116">
        <v>93102</v>
      </c>
      <c r="EE36" s="110">
        <v>0</v>
      </c>
      <c r="EF36" s="112">
        <v>0</v>
      </c>
      <c r="EG36" s="113">
        <v>0</v>
      </c>
      <c r="EH36" s="110">
        <v>0</v>
      </c>
      <c r="EI36" s="114">
        <v>0</v>
      </c>
      <c r="EJ36" s="114">
        <v>140210</v>
      </c>
      <c r="EK36" s="114">
        <v>0</v>
      </c>
      <c r="EL36" s="114">
        <v>0</v>
      </c>
      <c r="EM36" s="114">
        <v>0</v>
      </c>
      <c r="EN36" s="112">
        <v>140210</v>
      </c>
      <c r="EO36" s="116">
        <v>14021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8"/>
      <c r="FE36" s="114">
        <v>0</v>
      </c>
      <c r="FF36" s="114">
        <v>0</v>
      </c>
      <c r="FG36" s="114">
        <v>0</v>
      </c>
      <c r="FH36" s="114">
        <v>0</v>
      </c>
      <c r="FI36" s="114">
        <v>0</v>
      </c>
      <c r="FJ36" s="113">
        <v>0</v>
      </c>
      <c r="FK36" s="116">
        <v>0</v>
      </c>
      <c r="FL36" s="110">
        <v>0</v>
      </c>
      <c r="FM36" s="114">
        <v>0</v>
      </c>
      <c r="FN36" s="113">
        <v>0</v>
      </c>
      <c r="FO36" s="110">
        <v>0</v>
      </c>
      <c r="FP36" s="114">
        <v>18725</v>
      </c>
      <c r="FQ36" s="114">
        <v>25928</v>
      </c>
      <c r="FR36" s="114">
        <v>40061</v>
      </c>
      <c r="FS36" s="114">
        <v>7700</v>
      </c>
      <c r="FT36" s="114">
        <v>0</v>
      </c>
      <c r="FU36" s="113">
        <v>92414</v>
      </c>
      <c r="FV36" s="116">
        <v>92414</v>
      </c>
      <c r="FW36" s="115">
        <v>0</v>
      </c>
      <c r="FX36" s="114">
        <v>0</v>
      </c>
      <c r="FY36" s="112">
        <v>0</v>
      </c>
      <c r="FZ36" s="111">
        <v>0</v>
      </c>
      <c r="GA36" s="114">
        <v>18725</v>
      </c>
      <c r="GB36" s="114">
        <v>25928</v>
      </c>
      <c r="GC36" s="114">
        <v>40061</v>
      </c>
      <c r="GD36" s="114">
        <v>7700</v>
      </c>
      <c r="GE36" s="114">
        <v>0</v>
      </c>
      <c r="GF36" s="113">
        <v>92414</v>
      </c>
      <c r="GG36" s="319">
        <v>92414</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141054</v>
      </c>
      <c r="HI36" s="114">
        <v>0</v>
      </c>
      <c r="HJ36" s="114">
        <v>0</v>
      </c>
      <c r="HK36" s="114">
        <v>0</v>
      </c>
      <c r="HL36" s="114">
        <v>208264</v>
      </c>
      <c r="HM36" s="113">
        <v>349318</v>
      </c>
      <c r="HN36" s="109">
        <v>349318</v>
      </c>
      <c r="HO36" s="329"/>
      <c r="HP36" s="330"/>
      <c r="HQ36" s="331"/>
      <c r="HR36" s="332"/>
      <c r="HS36" s="330"/>
      <c r="HT36" s="330"/>
      <c r="HU36" s="330"/>
      <c r="HV36" s="330"/>
      <c r="HW36" s="330"/>
      <c r="HX36" s="333"/>
      <c r="HY36" s="334"/>
      <c r="HZ36" s="150">
        <v>0</v>
      </c>
      <c r="IA36" s="135">
        <v>0</v>
      </c>
      <c r="IB36" s="150">
        <v>0</v>
      </c>
      <c r="IC36" s="134">
        <v>0</v>
      </c>
      <c r="ID36" s="135">
        <v>31862</v>
      </c>
      <c r="IE36" s="136">
        <v>277387</v>
      </c>
      <c r="IF36" s="137">
        <v>39789</v>
      </c>
      <c r="IG36" s="135">
        <v>0</v>
      </c>
      <c r="IH36" s="137">
        <v>220648</v>
      </c>
      <c r="II36" s="138">
        <v>569686</v>
      </c>
      <c r="IJ36" s="150">
        <v>569686</v>
      </c>
      <c r="IK36" s="232">
        <v>0</v>
      </c>
      <c r="IL36" s="236">
        <v>0</v>
      </c>
      <c r="IM36" s="237">
        <v>0</v>
      </c>
      <c r="IN36" s="140"/>
      <c r="IO36" s="119">
        <v>0</v>
      </c>
      <c r="IP36" s="119">
        <v>85757</v>
      </c>
      <c r="IQ36" s="119">
        <v>0</v>
      </c>
      <c r="IR36" s="119">
        <v>0</v>
      </c>
      <c r="IS36" s="119">
        <v>0</v>
      </c>
      <c r="IT36" s="141">
        <v>85757</v>
      </c>
      <c r="IU36" s="321">
        <v>85757</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31862</v>
      </c>
      <c r="JL36" s="119">
        <v>41356</v>
      </c>
      <c r="JM36" s="119">
        <v>39789</v>
      </c>
      <c r="JN36" s="119">
        <v>0</v>
      </c>
      <c r="JO36" s="119">
        <v>0</v>
      </c>
      <c r="JP36" s="120">
        <v>113007</v>
      </c>
      <c r="JQ36" s="321">
        <v>113007</v>
      </c>
      <c r="JR36" s="142">
        <v>0</v>
      </c>
      <c r="JS36" s="119">
        <v>0</v>
      </c>
      <c r="JT36" s="141">
        <v>0</v>
      </c>
      <c r="JU36" s="118">
        <v>0</v>
      </c>
      <c r="JV36" s="119">
        <v>0</v>
      </c>
      <c r="JW36" s="119">
        <v>0</v>
      </c>
      <c r="JX36" s="119">
        <v>0</v>
      </c>
      <c r="JY36" s="119">
        <v>0</v>
      </c>
      <c r="JZ36" s="119">
        <v>0</v>
      </c>
      <c r="KA36" s="120">
        <v>0</v>
      </c>
      <c r="KB36" s="321">
        <v>0</v>
      </c>
      <c r="KC36" s="234">
        <v>0</v>
      </c>
      <c r="KD36" s="230">
        <v>0</v>
      </c>
      <c r="KE36" s="120">
        <v>0</v>
      </c>
      <c r="KF36" s="118">
        <v>0</v>
      </c>
      <c r="KG36" s="119">
        <v>0</v>
      </c>
      <c r="KH36" s="119">
        <v>150274</v>
      </c>
      <c r="KI36" s="119">
        <v>0</v>
      </c>
      <c r="KJ36" s="119">
        <v>0</v>
      </c>
      <c r="KK36" s="119">
        <v>0</v>
      </c>
      <c r="KL36" s="120">
        <v>150274</v>
      </c>
      <c r="KM36" s="143">
        <v>150274</v>
      </c>
      <c r="KN36" s="232">
        <v>0</v>
      </c>
      <c r="KO36" s="236">
        <v>0</v>
      </c>
      <c r="KP36" s="237">
        <v>0</v>
      </c>
      <c r="KQ36" s="140"/>
      <c r="KR36" s="119">
        <v>0</v>
      </c>
      <c r="KS36" s="119">
        <v>0</v>
      </c>
      <c r="KT36" s="119">
        <v>0</v>
      </c>
      <c r="KU36" s="119">
        <v>0</v>
      </c>
      <c r="KV36" s="119">
        <v>220648</v>
      </c>
      <c r="KW36" s="120">
        <v>220648</v>
      </c>
      <c r="KX36" s="321">
        <v>220648</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1">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7371</v>
      </c>
      <c r="ML36" s="119">
        <v>397513</v>
      </c>
      <c r="MM36" s="119">
        <v>205079</v>
      </c>
      <c r="MN36" s="119">
        <v>254387</v>
      </c>
      <c r="MO36" s="120">
        <v>864350</v>
      </c>
      <c r="MP36" s="143">
        <v>864350</v>
      </c>
      <c r="MQ36" s="142">
        <v>0</v>
      </c>
      <c r="MR36" s="119">
        <v>0</v>
      </c>
      <c r="MS36" s="120">
        <v>0</v>
      </c>
      <c r="MT36" s="145"/>
      <c r="MU36" s="119">
        <v>0</v>
      </c>
      <c r="MV36" s="119">
        <v>0</v>
      </c>
      <c r="MW36" s="119">
        <v>397513</v>
      </c>
      <c r="MX36" s="119">
        <v>205079</v>
      </c>
      <c r="MY36" s="119">
        <v>0</v>
      </c>
      <c r="MZ36" s="120">
        <v>602592</v>
      </c>
      <c r="NA36" s="143">
        <v>602592</v>
      </c>
      <c r="NB36" s="142">
        <v>0</v>
      </c>
      <c r="NC36" s="119">
        <v>0</v>
      </c>
      <c r="ND36" s="120">
        <v>0</v>
      </c>
      <c r="NE36" s="145"/>
      <c r="NF36" s="119">
        <v>0</v>
      </c>
      <c r="NG36" s="119">
        <v>7371</v>
      </c>
      <c r="NH36" s="119">
        <v>0</v>
      </c>
      <c r="NI36" s="119">
        <v>0</v>
      </c>
      <c r="NJ36" s="119">
        <v>254387</v>
      </c>
      <c r="NK36" s="120">
        <v>261758</v>
      </c>
      <c r="NL36" s="321">
        <v>261758</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3892</v>
      </c>
      <c r="OJ36" s="119">
        <v>0</v>
      </c>
      <c r="OK36" s="141">
        <v>3892</v>
      </c>
      <c r="OL36" s="118">
        <v>0</v>
      </c>
      <c r="OM36" s="119">
        <v>213537</v>
      </c>
      <c r="ON36" s="119">
        <v>529863</v>
      </c>
      <c r="OO36" s="119">
        <v>684504</v>
      </c>
      <c r="OP36" s="119">
        <v>419925</v>
      </c>
      <c r="OQ36" s="119">
        <v>692987</v>
      </c>
      <c r="OR36" s="120">
        <v>2540816</v>
      </c>
      <c r="OS36" s="143">
        <v>2544708</v>
      </c>
    </row>
    <row r="37" spans="2:409" ht="20.25" customHeight="1" x14ac:dyDescent="0.2">
      <c r="B37" s="126" t="s">
        <v>32</v>
      </c>
      <c r="C37" s="110">
        <v>51128</v>
      </c>
      <c r="D37" s="114">
        <v>11760</v>
      </c>
      <c r="E37" s="174">
        <v>62888</v>
      </c>
      <c r="F37" s="175">
        <v>0</v>
      </c>
      <c r="G37" s="176">
        <v>381340</v>
      </c>
      <c r="H37" s="176">
        <v>520404</v>
      </c>
      <c r="I37" s="176">
        <v>257832</v>
      </c>
      <c r="J37" s="176">
        <v>496029</v>
      </c>
      <c r="K37" s="176">
        <v>209685</v>
      </c>
      <c r="L37" s="177">
        <v>1865290</v>
      </c>
      <c r="M37" s="116">
        <v>1928178</v>
      </c>
      <c r="N37" s="110">
        <v>18368</v>
      </c>
      <c r="O37" s="114">
        <v>0</v>
      </c>
      <c r="P37" s="113">
        <v>18368</v>
      </c>
      <c r="Q37" s="110">
        <v>0</v>
      </c>
      <c r="R37" s="114">
        <v>54000</v>
      </c>
      <c r="S37" s="114">
        <v>93415</v>
      </c>
      <c r="T37" s="114">
        <v>66507</v>
      </c>
      <c r="U37" s="114">
        <v>184191</v>
      </c>
      <c r="V37" s="114">
        <v>13692</v>
      </c>
      <c r="W37" s="113">
        <v>411805</v>
      </c>
      <c r="X37" s="116">
        <v>430173</v>
      </c>
      <c r="Y37" s="110">
        <v>0</v>
      </c>
      <c r="Z37" s="114">
        <v>0</v>
      </c>
      <c r="AA37" s="113">
        <v>0</v>
      </c>
      <c r="AB37" s="110">
        <v>0</v>
      </c>
      <c r="AC37" s="114">
        <v>12140</v>
      </c>
      <c r="AD37" s="114">
        <v>23954</v>
      </c>
      <c r="AE37" s="114">
        <v>0</v>
      </c>
      <c r="AF37" s="114">
        <v>166187</v>
      </c>
      <c r="AG37" s="114">
        <v>0</v>
      </c>
      <c r="AH37" s="113">
        <v>202281</v>
      </c>
      <c r="AI37" s="116">
        <v>202281</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56287</v>
      </c>
      <c r="BA37" s="114">
        <v>25669</v>
      </c>
      <c r="BB37" s="114">
        <v>0</v>
      </c>
      <c r="BC37" s="114">
        <v>0</v>
      </c>
      <c r="BD37" s="113">
        <v>81956</v>
      </c>
      <c r="BE37" s="116">
        <v>81956</v>
      </c>
      <c r="BF37" s="110">
        <v>18368</v>
      </c>
      <c r="BG37" s="114">
        <v>0</v>
      </c>
      <c r="BH37" s="112">
        <v>18368</v>
      </c>
      <c r="BI37" s="111">
        <v>0</v>
      </c>
      <c r="BJ37" s="114">
        <v>33460</v>
      </c>
      <c r="BK37" s="114">
        <v>0</v>
      </c>
      <c r="BL37" s="114">
        <v>33460</v>
      </c>
      <c r="BM37" s="114">
        <v>0</v>
      </c>
      <c r="BN37" s="114">
        <v>0</v>
      </c>
      <c r="BO37" s="113">
        <v>66920</v>
      </c>
      <c r="BP37" s="116">
        <v>85288</v>
      </c>
      <c r="BQ37" s="110">
        <v>0</v>
      </c>
      <c r="BR37" s="114">
        <v>0</v>
      </c>
      <c r="BS37" s="113">
        <v>0</v>
      </c>
      <c r="BT37" s="110">
        <v>0</v>
      </c>
      <c r="BU37" s="114">
        <v>8400</v>
      </c>
      <c r="BV37" s="114">
        <v>13174</v>
      </c>
      <c r="BW37" s="114">
        <v>7378</v>
      </c>
      <c r="BX37" s="114">
        <v>18004</v>
      </c>
      <c r="BY37" s="114">
        <v>13692</v>
      </c>
      <c r="BZ37" s="113">
        <v>60648</v>
      </c>
      <c r="CA37" s="116">
        <v>60648</v>
      </c>
      <c r="CB37" s="110">
        <v>0</v>
      </c>
      <c r="CC37" s="114">
        <v>0</v>
      </c>
      <c r="CD37" s="113">
        <v>0</v>
      </c>
      <c r="CE37" s="110">
        <v>0</v>
      </c>
      <c r="CF37" s="114">
        <v>76589</v>
      </c>
      <c r="CG37" s="114">
        <v>209394</v>
      </c>
      <c r="CH37" s="114">
        <v>135227</v>
      </c>
      <c r="CI37" s="114">
        <v>64426</v>
      </c>
      <c r="CJ37" s="114">
        <v>0</v>
      </c>
      <c r="CK37" s="113">
        <v>485636</v>
      </c>
      <c r="CL37" s="116">
        <v>485636</v>
      </c>
      <c r="CM37" s="110">
        <v>0</v>
      </c>
      <c r="CN37" s="114">
        <v>0</v>
      </c>
      <c r="CO37" s="113">
        <v>0</v>
      </c>
      <c r="CP37" s="111">
        <v>0</v>
      </c>
      <c r="CQ37" s="114">
        <v>76589</v>
      </c>
      <c r="CR37" s="114">
        <v>145640</v>
      </c>
      <c r="CS37" s="114">
        <v>0</v>
      </c>
      <c r="CT37" s="114">
        <v>0</v>
      </c>
      <c r="CU37" s="114">
        <v>0</v>
      </c>
      <c r="CV37" s="113">
        <v>222229</v>
      </c>
      <c r="CW37" s="116">
        <v>222229</v>
      </c>
      <c r="CX37" s="110">
        <v>0</v>
      </c>
      <c r="CY37" s="114">
        <v>0</v>
      </c>
      <c r="CZ37" s="113">
        <v>0</v>
      </c>
      <c r="DA37" s="110">
        <v>0</v>
      </c>
      <c r="DB37" s="114">
        <v>0</v>
      </c>
      <c r="DC37" s="114">
        <v>63754</v>
      </c>
      <c r="DD37" s="114">
        <v>135227</v>
      </c>
      <c r="DE37" s="114">
        <v>64426</v>
      </c>
      <c r="DF37" s="114">
        <v>0</v>
      </c>
      <c r="DG37" s="113">
        <v>263407</v>
      </c>
      <c r="DH37" s="116">
        <v>263407</v>
      </c>
      <c r="DI37" s="110">
        <v>0</v>
      </c>
      <c r="DJ37" s="114">
        <v>0</v>
      </c>
      <c r="DK37" s="112">
        <v>0</v>
      </c>
      <c r="DL37" s="111">
        <v>0</v>
      </c>
      <c r="DM37" s="114">
        <v>94010</v>
      </c>
      <c r="DN37" s="114">
        <v>46865</v>
      </c>
      <c r="DO37" s="114">
        <v>0</v>
      </c>
      <c r="DP37" s="114">
        <v>30671</v>
      </c>
      <c r="DQ37" s="114">
        <v>0</v>
      </c>
      <c r="DR37" s="113">
        <v>171546</v>
      </c>
      <c r="DS37" s="116">
        <v>171546</v>
      </c>
      <c r="DT37" s="110">
        <v>0</v>
      </c>
      <c r="DU37" s="114">
        <v>0</v>
      </c>
      <c r="DV37" s="113">
        <v>0</v>
      </c>
      <c r="DW37" s="110">
        <v>0</v>
      </c>
      <c r="DX37" s="114">
        <v>94010</v>
      </c>
      <c r="DY37" s="114">
        <v>46865</v>
      </c>
      <c r="DZ37" s="114">
        <v>0</v>
      </c>
      <c r="EA37" s="114">
        <v>0</v>
      </c>
      <c r="EB37" s="114">
        <v>0</v>
      </c>
      <c r="EC37" s="113">
        <v>140875</v>
      </c>
      <c r="ED37" s="116">
        <v>140875</v>
      </c>
      <c r="EE37" s="110">
        <v>0</v>
      </c>
      <c r="EF37" s="112">
        <v>0</v>
      </c>
      <c r="EG37" s="113">
        <v>0</v>
      </c>
      <c r="EH37" s="110">
        <v>0</v>
      </c>
      <c r="EI37" s="114">
        <v>0</v>
      </c>
      <c r="EJ37" s="114">
        <v>0</v>
      </c>
      <c r="EK37" s="114">
        <v>0</v>
      </c>
      <c r="EL37" s="114">
        <v>30671</v>
      </c>
      <c r="EM37" s="114">
        <v>0</v>
      </c>
      <c r="EN37" s="112">
        <v>30671</v>
      </c>
      <c r="EO37" s="116">
        <v>30671</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8"/>
      <c r="FE37" s="114">
        <v>0</v>
      </c>
      <c r="FF37" s="114">
        <v>0</v>
      </c>
      <c r="FG37" s="114">
        <v>0</v>
      </c>
      <c r="FH37" s="114">
        <v>0</v>
      </c>
      <c r="FI37" s="114">
        <v>0</v>
      </c>
      <c r="FJ37" s="113">
        <v>0</v>
      </c>
      <c r="FK37" s="116">
        <v>0</v>
      </c>
      <c r="FL37" s="110">
        <v>32760</v>
      </c>
      <c r="FM37" s="114">
        <v>11760</v>
      </c>
      <c r="FN37" s="113">
        <v>44520</v>
      </c>
      <c r="FO37" s="110">
        <v>0</v>
      </c>
      <c r="FP37" s="114">
        <v>16380</v>
      </c>
      <c r="FQ37" s="114">
        <v>22400</v>
      </c>
      <c r="FR37" s="114">
        <v>56098</v>
      </c>
      <c r="FS37" s="114">
        <v>37135</v>
      </c>
      <c r="FT37" s="114">
        <v>0</v>
      </c>
      <c r="FU37" s="113">
        <v>132013</v>
      </c>
      <c r="FV37" s="116">
        <v>176533</v>
      </c>
      <c r="FW37" s="115">
        <v>32760</v>
      </c>
      <c r="FX37" s="114">
        <v>11760</v>
      </c>
      <c r="FY37" s="112">
        <v>44520</v>
      </c>
      <c r="FZ37" s="111">
        <v>0</v>
      </c>
      <c r="GA37" s="114">
        <v>16380</v>
      </c>
      <c r="GB37" s="114">
        <v>22400</v>
      </c>
      <c r="GC37" s="114">
        <v>56098</v>
      </c>
      <c r="GD37" s="114">
        <v>37135</v>
      </c>
      <c r="GE37" s="114">
        <v>0</v>
      </c>
      <c r="GF37" s="113">
        <v>132013</v>
      </c>
      <c r="GG37" s="319">
        <v>176533</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140361</v>
      </c>
      <c r="HI37" s="114">
        <v>148330</v>
      </c>
      <c r="HJ37" s="114">
        <v>0</v>
      </c>
      <c r="HK37" s="114">
        <v>179606</v>
      </c>
      <c r="HL37" s="114">
        <v>195993</v>
      </c>
      <c r="HM37" s="113">
        <v>664290</v>
      </c>
      <c r="HN37" s="109">
        <v>664290</v>
      </c>
      <c r="HO37" s="329"/>
      <c r="HP37" s="330"/>
      <c r="HQ37" s="331"/>
      <c r="HR37" s="332"/>
      <c r="HS37" s="330"/>
      <c r="HT37" s="330"/>
      <c r="HU37" s="330"/>
      <c r="HV37" s="330"/>
      <c r="HW37" s="330"/>
      <c r="HX37" s="333"/>
      <c r="HY37" s="334"/>
      <c r="HZ37" s="131">
        <v>0</v>
      </c>
      <c r="IA37" s="132">
        <v>0</v>
      </c>
      <c r="IB37" s="133">
        <v>0</v>
      </c>
      <c r="IC37" s="146">
        <v>0</v>
      </c>
      <c r="ID37" s="132">
        <v>60669</v>
      </c>
      <c r="IE37" s="147">
        <v>320362</v>
      </c>
      <c r="IF37" s="133">
        <v>250162</v>
      </c>
      <c r="IG37" s="132">
        <v>43470</v>
      </c>
      <c r="IH37" s="133">
        <v>224273</v>
      </c>
      <c r="II37" s="148">
        <v>898936</v>
      </c>
      <c r="IJ37" s="139">
        <v>898936</v>
      </c>
      <c r="IK37" s="232">
        <v>0</v>
      </c>
      <c r="IL37" s="236">
        <v>0</v>
      </c>
      <c r="IM37" s="237">
        <v>0</v>
      </c>
      <c r="IN37" s="140"/>
      <c r="IO37" s="119">
        <v>0</v>
      </c>
      <c r="IP37" s="119">
        <v>82957</v>
      </c>
      <c r="IQ37" s="119">
        <v>0</v>
      </c>
      <c r="IR37" s="119">
        <v>0</v>
      </c>
      <c r="IS37" s="119">
        <v>0</v>
      </c>
      <c r="IT37" s="141">
        <v>82957</v>
      </c>
      <c r="IU37" s="321">
        <v>82957</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60669</v>
      </c>
      <c r="JL37" s="119">
        <v>19817</v>
      </c>
      <c r="JM37" s="119">
        <v>34065</v>
      </c>
      <c r="JN37" s="119">
        <v>43470</v>
      </c>
      <c r="JO37" s="119">
        <v>0</v>
      </c>
      <c r="JP37" s="120">
        <v>158021</v>
      </c>
      <c r="JQ37" s="321">
        <v>158021</v>
      </c>
      <c r="JR37" s="142">
        <v>0</v>
      </c>
      <c r="JS37" s="119">
        <v>0</v>
      </c>
      <c r="JT37" s="141">
        <v>0</v>
      </c>
      <c r="JU37" s="118">
        <v>0</v>
      </c>
      <c r="JV37" s="119">
        <v>0</v>
      </c>
      <c r="JW37" s="119">
        <v>0</v>
      </c>
      <c r="JX37" s="119">
        <v>0</v>
      </c>
      <c r="JY37" s="119">
        <v>0</v>
      </c>
      <c r="JZ37" s="119">
        <v>0</v>
      </c>
      <c r="KA37" s="120">
        <v>0</v>
      </c>
      <c r="KB37" s="321">
        <v>0</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59913</v>
      </c>
      <c r="KT37" s="119">
        <v>216097</v>
      </c>
      <c r="KU37" s="119">
        <v>0</v>
      </c>
      <c r="KV37" s="119">
        <v>224273</v>
      </c>
      <c r="KW37" s="120">
        <v>500283</v>
      </c>
      <c r="KX37" s="321">
        <v>500283</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157675</v>
      </c>
      <c r="LP37" s="119">
        <v>0</v>
      </c>
      <c r="LQ37" s="119">
        <v>0</v>
      </c>
      <c r="LR37" s="119">
        <v>0</v>
      </c>
      <c r="LS37" s="120">
        <v>157675</v>
      </c>
      <c r="LT37" s="321">
        <v>157675</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0</v>
      </c>
      <c r="MM37" s="119">
        <v>0</v>
      </c>
      <c r="MN37" s="119">
        <v>255234</v>
      </c>
      <c r="MO37" s="120">
        <v>255234</v>
      </c>
      <c r="MP37" s="143">
        <v>255234</v>
      </c>
      <c r="MQ37" s="142">
        <v>0</v>
      </c>
      <c r="MR37" s="119">
        <v>0</v>
      </c>
      <c r="MS37" s="120">
        <v>0</v>
      </c>
      <c r="MT37" s="145"/>
      <c r="MU37" s="119">
        <v>0</v>
      </c>
      <c r="MV37" s="119">
        <v>0</v>
      </c>
      <c r="MW37" s="119">
        <v>0</v>
      </c>
      <c r="MX37" s="119">
        <v>0</v>
      </c>
      <c r="MY37" s="119">
        <v>255234</v>
      </c>
      <c r="MZ37" s="120">
        <v>255234</v>
      </c>
      <c r="NA37" s="143">
        <v>255234</v>
      </c>
      <c r="NB37" s="142">
        <v>0</v>
      </c>
      <c r="NC37" s="119">
        <v>0</v>
      </c>
      <c r="ND37" s="120">
        <v>0</v>
      </c>
      <c r="NE37" s="145"/>
      <c r="NF37" s="119">
        <v>0</v>
      </c>
      <c r="NG37" s="119">
        <v>0</v>
      </c>
      <c r="NH37" s="119">
        <v>0</v>
      </c>
      <c r="NI37" s="119">
        <v>0</v>
      </c>
      <c r="NJ37" s="119">
        <v>0</v>
      </c>
      <c r="NK37" s="120">
        <v>0</v>
      </c>
      <c r="NL37" s="321">
        <v>0</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51128</v>
      </c>
      <c r="OJ37" s="119">
        <v>11760</v>
      </c>
      <c r="OK37" s="141">
        <v>62888</v>
      </c>
      <c r="OL37" s="118">
        <v>0</v>
      </c>
      <c r="OM37" s="119">
        <v>442009</v>
      </c>
      <c r="ON37" s="119">
        <v>840766</v>
      </c>
      <c r="OO37" s="119">
        <v>507994</v>
      </c>
      <c r="OP37" s="119">
        <v>539499</v>
      </c>
      <c r="OQ37" s="119">
        <v>689192</v>
      </c>
      <c r="OR37" s="120">
        <v>3019460</v>
      </c>
      <c r="OS37" s="143">
        <v>3082348</v>
      </c>
    </row>
    <row r="38" spans="2:409" ht="20.25" customHeight="1" x14ac:dyDescent="0.2">
      <c r="B38" s="126" t="s">
        <v>33</v>
      </c>
      <c r="C38" s="110">
        <v>98478</v>
      </c>
      <c r="D38" s="114">
        <v>4900</v>
      </c>
      <c r="E38" s="113">
        <v>103378</v>
      </c>
      <c r="F38" s="109">
        <v>0</v>
      </c>
      <c r="G38" s="114">
        <v>318195</v>
      </c>
      <c r="H38" s="114">
        <v>341935</v>
      </c>
      <c r="I38" s="114">
        <v>635923</v>
      </c>
      <c r="J38" s="114">
        <v>343451</v>
      </c>
      <c r="K38" s="114">
        <v>57194</v>
      </c>
      <c r="L38" s="173">
        <v>1696698</v>
      </c>
      <c r="M38" s="116">
        <v>1800076</v>
      </c>
      <c r="N38" s="110">
        <v>50340</v>
      </c>
      <c r="O38" s="114">
        <v>0</v>
      </c>
      <c r="P38" s="113">
        <v>50340</v>
      </c>
      <c r="Q38" s="110">
        <v>0</v>
      </c>
      <c r="R38" s="114">
        <v>117537</v>
      </c>
      <c r="S38" s="114">
        <v>156803</v>
      </c>
      <c r="T38" s="114">
        <v>242846</v>
      </c>
      <c r="U38" s="114">
        <v>66845</v>
      </c>
      <c r="V38" s="114">
        <v>45294</v>
      </c>
      <c r="W38" s="113">
        <v>629325</v>
      </c>
      <c r="X38" s="116">
        <v>679665</v>
      </c>
      <c r="Y38" s="110">
        <v>0</v>
      </c>
      <c r="Z38" s="114">
        <v>0</v>
      </c>
      <c r="AA38" s="113">
        <v>0</v>
      </c>
      <c r="AB38" s="110">
        <v>0</v>
      </c>
      <c r="AC38" s="114">
        <v>61350</v>
      </c>
      <c r="AD38" s="114">
        <v>0</v>
      </c>
      <c r="AE38" s="114">
        <v>70661</v>
      </c>
      <c r="AF38" s="114">
        <v>0</v>
      </c>
      <c r="AG38" s="114">
        <v>0</v>
      </c>
      <c r="AH38" s="113">
        <v>132011</v>
      </c>
      <c r="AI38" s="116">
        <v>132011</v>
      </c>
      <c r="AJ38" s="110">
        <v>0</v>
      </c>
      <c r="AK38" s="114">
        <v>0</v>
      </c>
      <c r="AL38" s="113">
        <v>0</v>
      </c>
      <c r="AM38" s="110">
        <v>0</v>
      </c>
      <c r="AN38" s="114">
        <v>0</v>
      </c>
      <c r="AO38" s="114">
        <v>0</v>
      </c>
      <c r="AP38" s="114">
        <v>0</v>
      </c>
      <c r="AQ38" s="114">
        <v>0</v>
      </c>
      <c r="AR38" s="114">
        <v>0</v>
      </c>
      <c r="AS38" s="113">
        <v>0</v>
      </c>
      <c r="AT38" s="116">
        <v>0</v>
      </c>
      <c r="AU38" s="110">
        <v>19668</v>
      </c>
      <c r="AV38" s="114">
        <v>0</v>
      </c>
      <c r="AW38" s="113">
        <v>19668</v>
      </c>
      <c r="AX38" s="110">
        <v>0</v>
      </c>
      <c r="AY38" s="114">
        <v>28896</v>
      </c>
      <c r="AZ38" s="114">
        <v>82410</v>
      </c>
      <c r="BA38" s="114">
        <v>131335</v>
      </c>
      <c r="BB38" s="114">
        <v>0</v>
      </c>
      <c r="BC38" s="114">
        <v>38056</v>
      </c>
      <c r="BD38" s="113">
        <v>280697</v>
      </c>
      <c r="BE38" s="116">
        <v>300365</v>
      </c>
      <c r="BF38" s="110">
        <v>27592</v>
      </c>
      <c r="BG38" s="114">
        <v>0</v>
      </c>
      <c r="BH38" s="112">
        <v>27592</v>
      </c>
      <c r="BI38" s="111">
        <v>0</v>
      </c>
      <c r="BJ38" s="114">
        <v>20053</v>
      </c>
      <c r="BK38" s="114">
        <v>46792</v>
      </c>
      <c r="BL38" s="114">
        <v>26738</v>
      </c>
      <c r="BM38" s="114">
        <v>66845</v>
      </c>
      <c r="BN38" s="114">
        <v>0</v>
      </c>
      <c r="BO38" s="113">
        <v>160428</v>
      </c>
      <c r="BP38" s="116">
        <v>188020</v>
      </c>
      <c r="BQ38" s="110">
        <v>3080</v>
      </c>
      <c r="BR38" s="114">
        <v>0</v>
      </c>
      <c r="BS38" s="113">
        <v>3080</v>
      </c>
      <c r="BT38" s="110">
        <v>0</v>
      </c>
      <c r="BU38" s="114">
        <v>7238</v>
      </c>
      <c r="BV38" s="114">
        <v>27601</v>
      </c>
      <c r="BW38" s="114">
        <v>14112</v>
      </c>
      <c r="BX38" s="114">
        <v>0</v>
      </c>
      <c r="BY38" s="114">
        <v>7238</v>
      </c>
      <c r="BZ38" s="113">
        <v>56189</v>
      </c>
      <c r="CA38" s="116">
        <v>59269</v>
      </c>
      <c r="CB38" s="110">
        <v>0</v>
      </c>
      <c r="CC38" s="114">
        <v>0</v>
      </c>
      <c r="CD38" s="113">
        <v>0</v>
      </c>
      <c r="CE38" s="110">
        <v>0</v>
      </c>
      <c r="CF38" s="114">
        <v>45689</v>
      </c>
      <c r="CG38" s="114">
        <v>0</v>
      </c>
      <c r="CH38" s="114">
        <v>0</v>
      </c>
      <c r="CI38" s="114">
        <v>77639</v>
      </c>
      <c r="CJ38" s="114">
        <v>0</v>
      </c>
      <c r="CK38" s="113">
        <v>123328</v>
      </c>
      <c r="CL38" s="116">
        <v>123328</v>
      </c>
      <c r="CM38" s="110">
        <v>0</v>
      </c>
      <c r="CN38" s="114">
        <v>0</v>
      </c>
      <c r="CO38" s="113">
        <v>0</v>
      </c>
      <c r="CP38" s="111">
        <v>0</v>
      </c>
      <c r="CQ38" s="114">
        <v>29522</v>
      </c>
      <c r="CR38" s="114">
        <v>0</v>
      </c>
      <c r="CS38" s="114">
        <v>0</v>
      </c>
      <c r="CT38" s="114">
        <v>0</v>
      </c>
      <c r="CU38" s="114">
        <v>0</v>
      </c>
      <c r="CV38" s="113">
        <v>29522</v>
      </c>
      <c r="CW38" s="116">
        <v>29522</v>
      </c>
      <c r="CX38" s="110">
        <v>0</v>
      </c>
      <c r="CY38" s="114">
        <v>0</v>
      </c>
      <c r="CZ38" s="113">
        <v>0</v>
      </c>
      <c r="DA38" s="110">
        <v>0</v>
      </c>
      <c r="DB38" s="114">
        <v>16167</v>
      </c>
      <c r="DC38" s="114">
        <v>0</v>
      </c>
      <c r="DD38" s="114">
        <v>0</v>
      </c>
      <c r="DE38" s="114">
        <v>77639</v>
      </c>
      <c r="DF38" s="114">
        <v>0</v>
      </c>
      <c r="DG38" s="113">
        <v>93806</v>
      </c>
      <c r="DH38" s="116">
        <v>93806</v>
      </c>
      <c r="DI38" s="110">
        <v>0</v>
      </c>
      <c r="DJ38" s="114">
        <v>0</v>
      </c>
      <c r="DK38" s="112">
        <v>0</v>
      </c>
      <c r="DL38" s="111">
        <v>0</v>
      </c>
      <c r="DM38" s="114">
        <v>14059</v>
      </c>
      <c r="DN38" s="114">
        <v>0</v>
      </c>
      <c r="DO38" s="114">
        <v>0</v>
      </c>
      <c r="DP38" s="114">
        <v>0</v>
      </c>
      <c r="DQ38" s="114">
        <v>0</v>
      </c>
      <c r="DR38" s="113">
        <v>14059</v>
      </c>
      <c r="DS38" s="116">
        <v>14059</v>
      </c>
      <c r="DT38" s="110">
        <v>0</v>
      </c>
      <c r="DU38" s="114">
        <v>0</v>
      </c>
      <c r="DV38" s="113">
        <v>0</v>
      </c>
      <c r="DW38" s="110">
        <v>0</v>
      </c>
      <c r="DX38" s="114">
        <v>14059</v>
      </c>
      <c r="DY38" s="114">
        <v>0</v>
      </c>
      <c r="DZ38" s="114">
        <v>0</v>
      </c>
      <c r="EA38" s="114">
        <v>0</v>
      </c>
      <c r="EB38" s="114">
        <v>0</v>
      </c>
      <c r="EC38" s="113">
        <v>14059</v>
      </c>
      <c r="ED38" s="116">
        <v>14059</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8"/>
      <c r="FE38" s="114">
        <v>0</v>
      </c>
      <c r="FF38" s="114">
        <v>0</v>
      </c>
      <c r="FG38" s="114">
        <v>0</v>
      </c>
      <c r="FH38" s="114">
        <v>0</v>
      </c>
      <c r="FI38" s="114">
        <v>0</v>
      </c>
      <c r="FJ38" s="113">
        <v>0</v>
      </c>
      <c r="FK38" s="116">
        <v>0</v>
      </c>
      <c r="FL38" s="110">
        <v>0</v>
      </c>
      <c r="FM38" s="114">
        <v>4900</v>
      </c>
      <c r="FN38" s="113">
        <v>4900</v>
      </c>
      <c r="FO38" s="110">
        <v>0</v>
      </c>
      <c r="FP38" s="114">
        <v>3500</v>
      </c>
      <c r="FQ38" s="114">
        <v>29960</v>
      </c>
      <c r="FR38" s="114">
        <v>39991</v>
      </c>
      <c r="FS38" s="114">
        <v>2450</v>
      </c>
      <c r="FT38" s="114">
        <v>11900</v>
      </c>
      <c r="FU38" s="113">
        <v>87801</v>
      </c>
      <c r="FV38" s="116">
        <v>92701</v>
      </c>
      <c r="FW38" s="115">
        <v>0</v>
      </c>
      <c r="FX38" s="114">
        <v>4900</v>
      </c>
      <c r="FY38" s="112">
        <v>4900</v>
      </c>
      <c r="FZ38" s="111">
        <v>0</v>
      </c>
      <c r="GA38" s="114">
        <v>3500</v>
      </c>
      <c r="GB38" s="114">
        <v>29960</v>
      </c>
      <c r="GC38" s="114">
        <v>39991</v>
      </c>
      <c r="GD38" s="114">
        <v>2450</v>
      </c>
      <c r="GE38" s="114">
        <v>11900</v>
      </c>
      <c r="GF38" s="113">
        <v>87801</v>
      </c>
      <c r="GG38" s="319">
        <v>92701</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48138</v>
      </c>
      <c r="HE38" s="114">
        <v>0</v>
      </c>
      <c r="HF38" s="112">
        <v>48138</v>
      </c>
      <c r="HG38" s="111">
        <v>0</v>
      </c>
      <c r="HH38" s="114">
        <v>137410</v>
      </c>
      <c r="HI38" s="114">
        <v>155172</v>
      </c>
      <c r="HJ38" s="114">
        <v>353086</v>
      </c>
      <c r="HK38" s="114">
        <v>196517</v>
      </c>
      <c r="HL38" s="114">
        <v>0</v>
      </c>
      <c r="HM38" s="113">
        <v>842185</v>
      </c>
      <c r="HN38" s="109">
        <v>890323</v>
      </c>
      <c r="HO38" s="329"/>
      <c r="HP38" s="330"/>
      <c r="HQ38" s="331"/>
      <c r="HR38" s="332"/>
      <c r="HS38" s="330"/>
      <c r="HT38" s="330"/>
      <c r="HU38" s="330"/>
      <c r="HV38" s="330"/>
      <c r="HW38" s="330"/>
      <c r="HX38" s="333"/>
      <c r="HY38" s="334"/>
      <c r="HZ38" s="150">
        <v>0</v>
      </c>
      <c r="IA38" s="135">
        <v>0</v>
      </c>
      <c r="IB38" s="150">
        <v>0</v>
      </c>
      <c r="IC38" s="146">
        <v>0</v>
      </c>
      <c r="ID38" s="132">
        <v>60303</v>
      </c>
      <c r="IE38" s="147">
        <v>0</v>
      </c>
      <c r="IF38" s="133">
        <v>293211</v>
      </c>
      <c r="IG38" s="132">
        <v>0</v>
      </c>
      <c r="IH38" s="133">
        <v>0</v>
      </c>
      <c r="II38" s="148">
        <v>353514</v>
      </c>
      <c r="IJ38" s="150">
        <v>353514</v>
      </c>
      <c r="IK38" s="232">
        <v>0</v>
      </c>
      <c r="IL38" s="236">
        <v>0</v>
      </c>
      <c r="IM38" s="237">
        <v>0</v>
      </c>
      <c r="IN38" s="140"/>
      <c r="IO38" s="119">
        <v>0</v>
      </c>
      <c r="IP38" s="119">
        <v>0</v>
      </c>
      <c r="IQ38" s="119">
        <v>0</v>
      </c>
      <c r="IR38" s="119">
        <v>0</v>
      </c>
      <c r="IS38" s="119">
        <v>0</v>
      </c>
      <c r="IT38" s="141">
        <v>0</v>
      </c>
      <c r="IU38" s="321">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60303</v>
      </c>
      <c r="JL38" s="119">
        <v>0</v>
      </c>
      <c r="JM38" s="119">
        <v>90235</v>
      </c>
      <c r="JN38" s="119">
        <v>0</v>
      </c>
      <c r="JO38" s="119">
        <v>0</v>
      </c>
      <c r="JP38" s="120">
        <v>150538</v>
      </c>
      <c r="JQ38" s="321">
        <v>150538</v>
      </c>
      <c r="JR38" s="142">
        <v>0</v>
      </c>
      <c r="JS38" s="119">
        <v>0</v>
      </c>
      <c r="JT38" s="141">
        <v>0</v>
      </c>
      <c r="JU38" s="118">
        <v>0</v>
      </c>
      <c r="JV38" s="119">
        <v>0</v>
      </c>
      <c r="JW38" s="119">
        <v>0</v>
      </c>
      <c r="JX38" s="119">
        <v>0</v>
      </c>
      <c r="JY38" s="119">
        <v>0</v>
      </c>
      <c r="JZ38" s="119">
        <v>0</v>
      </c>
      <c r="KA38" s="120">
        <v>0</v>
      </c>
      <c r="KB38" s="321">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1">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1">
        <v>0</v>
      </c>
      <c r="LU38" s="142">
        <v>0</v>
      </c>
      <c r="LV38" s="119">
        <v>0</v>
      </c>
      <c r="LW38" s="120">
        <v>0</v>
      </c>
      <c r="LX38" s="145"/>
      <c r="LY38" s="119">
        <v>0</v>
      </c>
      <c r="LZ38" s="119">
        <v>0</v>
      </c>
      <c r="MA38" s="119">
        <v>202976</v>
      </c>
      <c r="MB38" s="119">
        <v>0</v>
      </c>
      <c r="MC38" s="119">
        <v>0</v>
      </c>
      <c r="MD38" s="120">
        <v>202976</v>
      </c>
      <c r="ME38" s="121">
        <v>202976</v>
      </c>
      <c r="MF38" s="142">
        <v>0</v>
      </c>
      <c r="MG38" s="119">
        <v>0</v>
      </c>
      <c r="MH38" s="120">
        <v>0</v>
      </c>
      <c r="MI38" s="145"/>
      <c r="MJ38" s="119">
        <v>0</v>
      </c>
      <c r="MK38" s="119">
        <v>190945</v>
      </c>
      <c r="ML38" s="119">
        <v>0</v>
      </c>
      <c r="MM38" s="119">
        <v>426640</v>
      </c>
      <c r="MN38" s="119">
        <v>297689</v>
      </c>
      <c r="MO38" s="120">
        <v>915274</v>
      </c>
      <c r="MP38" s="143">
        <v>915274</v>
      </c>
      <c r="MQ38" s="142">
        <v>0</v>
      </c>
      <c r="MR38" s="119">
        <v>0</v>
      </c>
      <c r="MS38" s="120">
        <v>0</v>
      </c>
      <c r="MT38" s="145"/>
      <c r="MU38" s="119">
        <v>0</v>
      </c>
      <c r="MV38" s="119">
        <v>0</v>
      </c>
      <c r="MW38" s="119">
        <v>0</v>
      </c>
      <c r="MX38" s="119">
        <v>238373</v>
      </c>
      <c r="MY38" s="119">
        <v>0</v>
      </c>
      <c r="MZ38" s="120">
        <v>238373</v>
      </c>
      <c r="NA38" s="143">
        <v>238373</v>
      </c>
      <c r="NB38" s="142">
        <v>0</v>
      </c>
      <c r="NC38" s="119">
        <v>0</v>
      </c>
      <c r="ND38" s="120">
        <v>0</v>
      </c>
      <c r="NE38" s="145"/>
      <c r="NF38" s="119">
        <v>0</v>
      </c>
      <c r="NG38" s="119">
        <v>0</v>
      </c>
      <c r="NH38" s="119">
        <v>0</v>
      </c>
      <c r="NI38" s="119">
        <v>0</v>
      </c>
      <c r="NJ38" s="119">
        <v>0</v>
      </c>
      <c r="NK38" s="120">
        <v>0</v>
      </c>
      <c r="NL38" s="321">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190945</v>
      </c>
      <c r="OD38" s="119">
        <v>0</v>
      </c>
      <c r="OE38" s="119">
        <v>188267</v>
      </c>
      <c r="OF38" s="119">
        <v>297689</v>
      </c>
      <c r="OG38" s="120">
        <v>676901</v>
      </c>
      <c r="OH38" s="121">
        <v>676901</v>
      </c>
      <c r="OI38" s="142">
        <v>98478</v>
      </c>
      <c r="OJ38" s="119">
        <v>4900</v>
      </c>
      <c r="OK38" s="141">
        <v>103378</v>
      </c>
      <c r="OL38" s="118">
        <v>0</v>
      </c>
      <c r="OM38" s="119">
        <v>378498</v>
      </c>
      <c r="ON38" s="119">
        <v>532880</v>
      </c>
      <c r="OO38" s="119">
        <v>929134</v>
      </c>
      <c r="OP38" s="119">
        <v>770091</v>
      </c>
      <c r="OQ38" s="119">
        <v>354883</v>
      </c>
      <c r="OR38" s="120">
        <v>2965486</v>
      </c>
      <c r="OS38" s="143">
        <v>3068864</v>
      </c>
    </row>
    <row r="39" spans="2:409" ht="20.25" customHeight="1" x14ac:dyDescent="0.2">
      <c r="B39" s="126" t="s">
        <v>34</v>
      </c>
      <c r="C39" s="110">
        <v>0</v>
      </c>
      <c r="D39" s="114">
        <v>4200</v>
      </c>
      <c r="E39" s="174">
        <v>4200</v>
      </c>
      <c r="F39" s="175">
        <v>0</v>
      </c>
      <c r="G39" s="176">
        <v>39081</v>
      </c>
      <c r="H39" s="176">
        <v>227458</v>
      </c>
      <c r="I39" s="176">
        <v>270396</v>
      </c>
      <c r="J39" s="176">
        <v>367500</v>
      </c>
      <c r="K39" s="176">
        <v>0</v>
      </c>
      <c r="L39" s="177">
        <v>904435</v>
      </c>
      <c r="M39" s="116">
        <v>908635</v>
      </c>
      <c r="N39" s="110">
        <v>0</v>
      </c>
      <c r="O39" s="114">
        <v>0</v>
      </c>
      <c r="P39" s="113">
        <v>0</v>
      </c>
      <c r="Q39" s="110">
        <v>0</v>
      </c>
      <c r="R39" s="114">
        <v>29631</v>
      </c>
      <c r="S39" s="114">
        <v>17346</v>
      </c>
      <c r="T39" s="114">
        <v>52493</v>
      </c>
      <c r="U39" s="114">
        <v>245196</v>
      </c>
      <c r="V39" s="114">
        <v>0</v>
      </c>
      <c r="W39" s="113">
        <v>344666</v>
      </c>
      <c r="X39" s="116">
        <v>344666</v>
      </c>
      <c r="Y39" s="110">
        <v>0</v>
      </c>
      <c r="Z39" s="114">
        <v>0</v>
      </c>
      <c r="AA39" s="113">
        <v>0</v>
      </c>
      <c r="AB39" s="110">
        <v>0</v>
      </c>
      <c r="AC39" s="114">
        <v>9926</v>
      </c>
      <c r="AD39" s="114">
        <v>0</v>
      </c>
      <c r="AE39" s="114">
        <v>32963</v>
      </c>
      <c r="AF39" s="114">
        <v>236796</v>
      </c>
      <c r="AG39" s="114">
        <v>0</v>
      </c>
      <c r="AH39" s="113">
        <v>279685</v>
      </c>
      <c r="AI39" s="116">
        <v>279685</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0</v>
      </c>
      <c r="BL39" s="114">
        <v>19530</v>
      </c>
      <c r="BM39" s="114">
        <v>0</v>
      </c>
      <c r="BN39" s="114">
        <v>0</v>
      </c>
      <c r="BO39" s="113">
        <v>19530</v>
      </c>
      <c r="BP39" s="116">
        <v>19530</v>
      </c>
      <c r="BQ39" s="110">
        <v>0</v>
      </c>
      <c r="BR39" s="114">
        <v>0</v>
      </c>
      <c r="BS39" s="113">
        <v>0</v>
      </c>
      <c r="BT39" s="110">
        <v>0</v>
      </c>
      <c r="BU39" s="114">
        <v>19705</v>
      </c>
      <c r="BV39" s="114">
        <v>17346</v>
      </c>
      <c r="BW39" s="114">
        <v>0</v>
      </c>
      <c r="BX39" s="114">
        <v>8400</v>
      </c>
      <c r="BY39" s="114">
        <v>0</v>
      </c>
      <c r="BZ39" s="113">
        <v>45451</v>
      </c>
      <c r="CA39" s="116">
        <v>45451</v>
      </c>
      <c r="CB39" s="110">
        <v>0</v>
      </c>
      <c r="CC39" s="114">
        <v>0</v>
      </c>
      <c r="CD39" s="113">
        <v>0</v>
      </c>
      <c r="CE39" s="110">
        <v>0</v>
      </c>
      <c r="CF39" s="114">
        <v>0</v>
      </c>
      <c r="CG39" s="114">
        <v>63203</v>
      </c>
      <c r="CH39" s="114">
        <v>189987</v>
      </c>
      <c r="CI39" s="114">
        <v>103075</v>
      </c>
      <c r="CJ39" s="114">
        <v>0</v>
      </c>
      <c r="CK39" s="113">
        <v>356265</v>
      </c>
      <c r="CL39" s="116">
        <v>356265</v>
      </c>
      <c r="CM39" s="110">
        <v>0</v>
      </c>
      <c r="CN39" s="114">
        <v>0</v>
      </c>
      <c r="CO39" s="113">
        <v>0</v>
      </c>
      <c r="CP39" s="111">
        <v>0</v>
      </c>
      <c r="CQ39" s="114">
        <v>0</v>
      </c>
      <c r="CR39" s="114">
        <v>63203</v>
      </c>
      <c r="CS39" s="114">
        <v>189987</v>
      </c>
      <c r="CT39" s="114">
        <v>103075</v>
      </c>
      <c r="CU39" s="114">
        <v>0</v>
      </c>
      <c r="CV39" s="113">
        <v>356265</v>
      </c>
      <c r="CW39" s="116">
        <v>356265</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8"/>
      <c r="FE39" s="114">
        <v>0</v>
      </c>
      <c r="FF39" s="114">
        <v>0</v>
      </c>
      <c r="FG39" s="114">
        <v>0</v>
      </c>
      <c r="FH39" s="114">
        <v>0</v>
      </c>
      <c r="FI39" s="114">
        <v>0</v>
      </c>
      <c r="FJ39" s="113">
        <v>0</v>
      </c>
      <c r="FK39" s="116">
        <v>0</v>
      </c>
      <c r="FL39" s="110">
        <v>0</v>
      </c>
      <c r="FM39" s="114">
        <v>4200</v>
      </c>
      <c r="FN39" s="113">
        <v>4200</v>
      </c>
      <c r="FO39" s="110">
        <v>0</v>
      </c>
      <c r="FP39" s="114">
        <v>9450</v>
      </c>
      <c r="FQ39" s="114">
        <v>0</v>
      </c>
      <c r="FR39" s="114">
        <v>27916</v>
      </c>
      <c r="FS39" s="114">
        <v>19229</v>
      </c>
      <c r="FT39" s="114">
        <v>0</v>
      </c>
      <c r="FU39" s="113">
        <v>56595</v>
      </c>
      <c r="FV39" s="116">
        <v>60795</v>
      </c>
      <c r="FW39" s="115">
        <v>0</v>
      </c>
      <c r="FX39" s="114">
        <v>4200</v>
      </c>
      <c r="FY39" s="112">
        <v>4200</v>
      </c>
      <c r="FZ39" s="111">
        <v>0</v>
      </c>
      <c r="GA39" s="114">
        <v>9450</v>
      </c>
      <c r="GB39" s="114">
        <v>0</v>
      </c>
      <c r="GC39" s="114">
        <v>27916</v>
      </c>
      <c r="GD39" s="114">
        <v>19229</v>
      </c>
      <c r="GE39" s="114">
        <v>0</v>
      </c>
      <c r="GF39" s="113">
        <v>56595</v>
      </c>
      <c r="GG39" s="319">
        <v>60795</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146909</v>
      </c>
      <c r="HJ39" s="114">
        <v>0</v>
      </c>
      <c r="HK39" s="114">
        <v>0</v>
      </c>
      <c r="HL39" s="114">
        <v>0</v>
      </c>
      <c r="HM39" s="113">
        <v>146909</v>
      </c>
      <c r="HN39" s="109">
        <v>146909</v>
      </c>
      <c r="HO39" s="329"/>
      <c r="HP39" s="330"/>
      <c r="HQ39" s="331"/>
      <c r="HR39" s="332"/>
      <c r="HS39" s="330"/>
      <c r="HT39" s="330"/>
      <c r="HU39" s="330"/>
      <c r="HV39" s="330"/>
      <c r="HW39" s="330"/>
      <c r="HX39" s="333"/>
      <c r="HY39" s="334"/>
      <c r="HZ39" s="131">
        <v>0</v>
      </c>
      <c r="IA39" s="132">
        <v>0</v>
      </c>
      <c r="IB39" s="133">
        <v>0</v>
      </c>
      <c r="IC39" s="146">
        <v>0</v>
      </c>
      <c r="ID39" s="132">
        <v>96873</v>
      </c>
      <c r="IE39" s="147">
        <v>156296</v>
      </c>
      <c r="IF39" s="133">
        <v>0</v>
      </c>
      <c r="IG39" s="132">
        <v>0</v>
      </c>
      <c r="IH39" s="133">
        <v>0</v>
      </c>
      <c r="II39" s="148">
        <v>253169</v>
      </c>
      <c r="IJ39" s="139">
        <v>253169</v>
      </c>
      <c r="IK39" s="232">
        <v>0</v>
      </c>
      <c r="IL39" s="236">
        <v>0</v>
      </c>
      <c r="IM39" s="237">
        <v>0</v>
      </c>
      <c r="IN39" s="140"/>
      <c r="IO39" s="119">
        <v>0</v>
      </c>
      <c r="IP39" s="119">
        <v>0</v>
      </c>
      <c r="IQ39" s="119">
        <v>0</v>
      </c>
      <c r="IR39" s="119">
        <v>0</v>
      </c>
      <c r="IS39" s="119">
        <v>0</v>
      </c>
      <c r="IT39" s="141">
        <v>0</v>
      </c>
      <c r="IU39" s="321">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0</v>
      </c>
      <c r="JL39" s="119">
        <v>0</v>
      </c>
      <c r="JM39" s="119">
        <v>0</v>
      </c>
      <c r="JN39" s="119">
        <v>0</v>
      </c>
      <c r="JO39" s="119">
        <v>0</v>
      </c>
      <c r="JP39" s="120">
        <v>0</v>
      </c>
      <c r="JQ39" s="321">
        <v>0</v>
      </c>
      <c r="JR39" s="142">
        <v>0</v>
      </c>
      <c r="JS39" s="119">
        <v>0</v>
      </c>
      <c r="JT39" s="141">
        <v>0</v>
      </c>
      <c r="JU39" s="118">
        <v>0</v>
      </c>
      <c r="JV39" s="119">
        <v>0</v>
      </c>
      <c r="JW39" s="119">
        <v>0</v>
      </c>
      <c r="JX39" s="119">
        <v>0</v>
      </c>
      <c r="JY39" s="119">
        <v>0</v>
      </c>
      <c r="JZ39" s="119">
        <v>0</v>
      </c>
      <c r="KA39" s="120">
        <v>0</v>
      </c>
      <c r="KB39" s="321">
        <v>0</v>
      </c>
      <c r="KC39" s="234">
        <v>0</v>
      </c>
      <c r="KD39" s="230">
        <v>0</v>
      </c>
      <c r="KE39" s="120">
        <v>0</v>
      </c>
      <c r="KF39" s="118">
        <v>0</v>
      </c>
      <c r="KG39" s="119">
        <v>96873</v>
      </c>
      <c r="KH39" s="119">
        <v>0</v>
      </c>
      <c r="KI39" s="119">
        <v>0</v>
      </c>
      <c r="KJ39" s="119">
        <v>0</v>
      </c>
      <c r="KK39" s="119">
        <v>0</v>
      </c>
      <c r="KL39" s="120">
        <v>96873</v>
      </c>
      <c r="KM39" s="143">
        <v>96873</v>
      </c>
      <c r="KN39" s="232">
        <v>0</v>
      </c>
      <c r="KO39" s="236">
        <v>0</v>
      </c>
      <c r="KP39" s="237">
        <v>0</v>
      </c>
      <c r="KQ39" s="140"/>
      <c r="KR39" s="119">
        <v>0</v>
      </c>
      <c r="KS39" s="119">
        <v>0</v>
      </c>
      <c r="KT39" s="119">
        <v>0</v>
      </c>
      <c r="KU39" s="119">
        <v>0</v>
      </c>
      <c r="KV39" s="119">
        <v>0</v>
      </c>
      <c r="KW39" s="120">
        <v>0</v>
      </c>
      <c r="KX39" s="321">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1">
        <v>0</v>
      </c>
      <c r="LU39" s="142">
        <v>0</v>
      </c>
      <c r="LV39" s="119">
        <v>0</v>
      </c>
      <c r="LW39" s="120">
        <v>0</v>
      </c>
      <c r="LX39" s="145"/>
      <c r="LY39" s="119">
        <v>0</v>
      </c>
      <c r="LZ39" s="119">
        <v>156296</v>
      </c>
      <c r="MA39" s="119">
        <v>0</v>
      </c>
      <c r="MB39" s="119">
        <v>0</v>
      </c>
      <c r="MC39" s="119">
        <v>0</v>
      </c>
      <c r="MD39" s="120">
        <v>156296</v>
      </c>
      <c r="ME39" s="121">
        <v>156296</v>
      </c>
      <c r="MF39" s="142">
        <v>0</v>
      </c>
      <c r="MG39" s="119">
        <v>0</v>
      </c>
      <c r="MH39" s="120">
        <v>0</v>
      </c>
      <c r="MI39" s="145"/>
      <c r="MJ39" s="119">
        <v>0</v>
      </c>
      <c r="MK39" s="119">
        <v>0</v>
      </c>
      <c r="ML39" s="119">
        <v>0</v>
      </c>
      <c r="MM39" s="119">
        <v>0</v>
      </c>
      <c r="MN39" s="119">
        <v>0</v>
      </c>
      <c r="MO39" s="120">
        <v>0</v>
      </c>
      <c r="MP39" s="143">
        <v>0</v>
      </c>
      <c r="MQ39" s="142">
        <v>0</v>
      </c>
      <c r="MR39" s="119">
        <v>0</v>
      </c>
      <c r="MS39" s="120">
        <v>0</v>
      </c>
      <c r="MT39" s="145"/>
      <c r="MU39" s="119">
        <v>0</v>
      </c>
      <c r="MV39" s="119">
        <v>0</v>
      </c>
      <c r="MW39" s="119">
        <v>0</v>
      </c>
      <c r="MX39" s="119">
        <v>0</v>
      </c>
      <c r="MY39" s="119">
        <v>0</v>
      </c>
      <c r="MZ39" s="120">
        <v>0</v>
      </c>
      <c r="NA39" s="143">
        <v>0</v>
      </c>
      <c r="NB39" s="142">
        <v>0</v>
      </c>
      <c r="NC39" s="119">
        <v>0</v>
      </c>
      <c r="ND39" s="120">
        <v>0</v>
      </c>
      <c r="NE39" s="145"/>
      <c r="NF39" s="119">
        <v>0</v>
      </c>
      <c r="NG39" s="119">
        <v>0</v>
      </c>
      <c r="NH39" s="119">
        <v>0</v>
      </c>
      <c r="NI39" s="119">
        <v>0</v>
      </c>
      <c r="NJ39" s="119">
        <v>0</v>
      </c>
      <c r="NK39" s="120">
        <v>0</v>
      </c>
      <c r="NL39" s="321">
        <v>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4200</v>
      </c>
      <c r="OK39" s="141">
        <v>4200</v>
      </c>
      <c r="OL39" s="118">
        <v>0</v>
      </c>
      <c r="OM39" s="119">
        <v>135954</v>
      </c>
      <c r="ON39" s="119">
        <v>383754</v>
      </c>
      <c r="OO39" s="119">
        <v>270396</v>
      </c>
      <c r="OP39" s="119">
        <v>367500</v>
      </c>
      <c r="OQ39" s="119">
        <v>0</v>
      </c>
      <c r="OR39" s="120">
        <v>1157604</v>
      </c>
      <c r="OS39" s="143">
        <v>1161804</v>
      </c>
    </row>
    <row r="40" spans="2:409" ht="20.25" customHeight="1" x14ac:dyDescent="0.2">
      <c r="B40" s="126" t="s">
        <v>35</v>
      </c>
      <c r="C40" s="110">
        <v>205711</v>
      </c>
      <c r="D40" s="114">
        <v>238534</v>
      </c>
      <c r="E40" s="113">
        <v>444245</v>
      </c>
      <c r="F40" s="109">
        <v>0</v>
      </c>
      <c r="G40" s="114">
        <v>835592</v>
      </c>
      <c r="H40" s="114">
        <v>742851</v>
      </c>
      <c r="I40" s="114">
        <v>868074</v>
      </c>
      <c r="J40" s="114">
        <v>1240570</v>
      </c>
      <c r="K40" s="114">
        <v>296366</v>
      </c>
      <c r="L40" s="173">
        <v>3983453</v>
      </c>
      <c r="M40" s="116">
        <v>4427698</v>
      </c>
      <c r="N40" s="110">
        <v>41398</v>
      </c>
      <c r="O40" s="114">
        <v>30037</v>
      </c>
      <c r="P40" s="113">
        <v>71435</v>
      </c>
      <c r="Q40" s="110">
        <v>0</v>
      </c>
      <c r="R40" s="114">
        <v>328897</v>
      </c>
      <c r="S40" s="114">
        <v>263187</v>
      </c>
      <c r="T40" s="114">
        <v>311717</v>
      </c>
      <c r="U40" s="114">
        <v>360901</v>
      </c>
      <c r="V40" s="114">
        <v>159012</v>
      </c>
      <c r="W40" s="113">
        <v>1423714</v>
      </c>
      <c r="X40" s="116">
        <v>1495149</v>
      </c>
      <c r="Y40" s="110">
        <v>0</v>
      </c>
      <c r="Z40" s="114">
        <v>0</v>
      </c>
      <c r="AA40" s="113">
        <v>0</v>
      </c>
      <c r="AB40" s="110">
        <v>0</v>
      </c>
      <c r="AC40" s="114">
        <v>263507</v>
      </c>
      <c r="AD40" s="114">
        <v>198507</v>
      </c>
      <c r="AE40" s="114">
        <v>182175</v>
      </c>
      <c r="AF40" s="114">
        <v>197892</v>
      </c>
      <c r="AG40" s="114">
        <v>0</v>
      </c>
      <c r="AH40" s="113">
        <v>842081</v>
      </c>
      <c r="AI40" s="116">
        <v>842081</v>
      </c>
      <c r="AJ40" s="110">
        <v>0</v>
      </c>
      <c r="AK40" s="114">
        <v>0</v>
      </c>
      <c r="AL40" s="113">
        <v>0</v>
      </c>
      <c r="AM40" s="110">
        <v>0</v>
      </c>
      <c r="AN40" s="114">
        <v>0</v>
      </c>
      <c r="AO40" s="114">
        <v>0</v>
      </c>
      <c r="AP40" s="114">
        <v>0</v>
      </c>
      <c r="AQ40" s="114">
        <v>0</v>
      </c>
      <c r="AR40" s="114">
        <v>0</v>
      </c>
      <c r="AS40" s="113">
        <v>0</v>
      </c>
      <c r="AT40" s="116">
        <v>0</v>
      </c>
      <c r="AU40" s="110">
        <v>0</v>
      </c>
      <c r="AV40" s="114">
        <v>0</v>
      </c>
      <c r="AW40" s="113">
        <v>0</v>
      </c>
      <c r="AX40" s="110">
        <v>0</v>
      </c>
      <c r="AY40" s="114">
        <v>32483</v>
      </c>
      <c r="AZ40" s="114">
        <v>39109</v>
      </c>
      <c r="BA40" s="114">
        <v>95627</v>
      </c>
      <c r="BB40" s="114">
        <v>81823</v>
      </c>
      <c r="BC40" s="114">
        <v>153307</v>
      </c>
      <c r="BD40" s="113">
        <v>402349</v>
      </c>
      <c r="BE40" s="116">
        <v>402349</v>
      </c>
      <c r="BF40" s="110">
        <v>0</v>
      </c>
      <c r="BG40" s="114">
        <v>0</v>
      </c>
      <c r="BH40" s="112">
        <v>0</v>
      </c>
      <c r="BI40" s="111">
        <v>0</v>
      </c>
      <c r="BJ40" s="114">
        <v>13146</v>
      </c>
      <c r="BK40" s="114">
        <v>0</v>
      </c>
      <c r="BL40" s="114">
        <v>14406</v>
      </c>
      <c r="BM40" s="114">
        <v>0</v>
      </c>
      <c r="BN40" s="114">
        <v>0</v>
      </c>
      <c r="BO40" s="113">
        <v>27552</v>
      </c>
      <c r="BP40" s="116">
        <v>27552</v>
      </c>
      <c r="BQ40" s="110">
        <v>41398</v>
      </c>
      <c r="BR40" s="114">
        <v>30037</v>
      </c>
      <c r="BS40" s="113">
        <v>71435</v>
      </c>
      <c r="BT40" s="110">
        <v>0</v>
      </c>
      <c r="BU40" s="114">
        <v>19761</v>
      </c>
      <c r="BV40" s="114">
        <v>25571</v>
      </c>
      <c r="BW40" s="114">
        <v>19509</v>
      </c>
      <c r="BX40" s="114">
        <v>81186</v>
      </c>
      <c r="BY40" s="114">
        <v>5705</v>
      </c>
      <c r="BZ40" s="113">
        <v>151732</v>
      </c>
      <c r="CA40" s="116">
        <v>223167</v>
      </c>
      <c r="CB40" s="110">
        <v>18872</v>
      </c>
      <c r="CC40" s="114">
        <v>31822</v>
      </c>
      <c r="CD40" s="113">
        <v>50694</v>
      </c>
      <c r="CE40" s="110">
        <v>0</v>
      </c>
      <c r="CF40" s="114">
        <v>138803</v>
      </c>
      <c r="CG40" s="114">
        <v>222435</v>
      </c>
      <c r="CH40" s="114">
        <v>92729</v>
      </c>
      <c r="CI40" s="114">
        <v>97155</v>
      </c>
      <c r="CJ40" s="114">
        <v>67172</v>
      </c>
      <c r="CK40" s="113">
        <v>618294</v>
      </c>
      <c r="CL40" s="116">
        <v>668988</v>
      </c>
      <c r="CM40" s="110">
        <v>0</v>
      </c>
      <c r="CN40" s="114">
        <v>0</v>
      </c>
      <c r="CO40" s="113">
        <v>0</v>
      </c>
      <c r="CP40" s="111">
        <v>0</v>
      </c>
      <c r="CQ40" s="114">
        <v>138803</v>
      </c>
      <c r="CR40" s="114">
        <v>153184</v>
      </c>
      <c r="CS40" s="114">
        <v>92729</v>
      </c>
      <c r="CT40" s="114">
        <v>0</v>
      </c>
      <c r="CU40" s="114">
        <v>67172</v>
      </c>
      <c r="CV40" s="113">
        <v>451888</v>
      </c>
      <c r="CW40" s="116">
        <v>451888</v>
      </c>
      <c r="CX40" s="110">
        <v>18872</v>
      </c>
      <c r="CY40" s="114">
        <v>31822</v>
      </c>
      <c r="CZ40" s="113">
        <v>50694</v>
      </c>
      <c r="DA40" s="110">
        <v>0</v>
      </c>
      <c r="DB40" s="114">
        <v>0</v>
      </c>
      <c r="DC40" s="114">
        <v>69251</v>
      </c>
      <c r="DD40" s="114">
        <v>0</v>
      </c>
      <c r="DE40" s="114">
        <v>97155</v>
      </c>
      <c r="DF40" s="114">
        <v>0</v>
      </c>
      <c r="DG40" s="113">
        <v>166406</v>
      </c>
      <c r="DH40" s="116">
        <v>217100</v>
      </c>
      <c r="DI40" s="110">
        <v>0</v>
      </c>
      <c r="DJ40" s="114">
        <v>0</v>
      </c>
      <c r="DK40" s="112">
        <v>0</v>
      </c>
      <c r="DL40" s="111">
        <v>0</v>
      </c>
      <c r="DM40" s="114">
        <v>12992</v>
      </c>
      <c r="DN40" s="114">
        <v>0</v>
      </c>
      <c r="DO40" s="114">
        <v>0</v>
      </c>
      <c r="DP40" s="114">
        <v>0</v>
      </c>
      <c r="DQ40" s="114">
        <v>26733</v>
      </c>
      <c r="DR40" s="113">
        <v>39725</v>
      </c>
      <c r="DS40" s="116">
        <v>39725</v>
      </c>
      <c r="DT40" s="110">
        <v>0</v>
      </c>
      <c r="DU40" s="114">
        <v>0</v>
      </c>
      <c r="DV40" s="113">
        <v>0</v>
      </c>
      <c r="DW40" s="110">
        <v>0</v>
      </c>
      <c r="DX40" s="114">
        <v>12992</v>
      </c>
      <c r="DY40" s="114">
        <v>0</v>
      </c>
      <c r="DZ40" s="114">
        <v>0</v>
      </c>
      <c r="EA40" s="114">
        <v>0</v>
      </c>
      <c r="EB40" s="114">
        <v>26733</v>
      </c>
      <c r="EC40" s="113">
        <v>39725</v>
      </c>
      <c r="ED40" s="116">
        <v>39725</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8"/>
      <c r="FE40" s="114">
        <v>0</v>
      </c>
      <c r="FF40" s="114">
        <v>0</v>
      </c>
      <c r="FG40" s="114">
        <v>0</v>
      </c>
      <c r="FH40" s="114">
        <v>0</v>
      </c>
      <c r="FI40" s="114">
        <v>0</v>
      </c>
      <c r="FJ40" s="113">
        <v>0</v>
      </c>
      <c r="FK40" s="116">
        <v>0</v>
      </c>
      <c r="FL40" s="110">
        <v>5950</v>
      </c>
      <c r="FM40" s="114">
        <v>11550</v>
      </c>
      <c r="FN40" s="113">
        <v>17500</v>
      </c>
      <c r="FO40" s="110">
        <v>0</v>
      </c>
      <c r="FP40" s="114">
        <v>87110</v>
      </c>
      <c r="FQ40" s="114">
        <v>110320</v>
      </c>
      <c r="FR40" s="114">
        <v>122885</v>
      </c>
      <c r="FS40" s="114">
        <v>47110</v>
      </c>
      <c r="FT40" s="114">
        <v>43449</v>
      </c>
      <c r="FU40" s="113">
        <v>410874</v>
      </c>
      <c r="FV40" s="116">
        <v>428374</v>
      </c>
      <c r="FW40" s="115">
        <v>5950</v>
      </c>
      <c r="FX40" s="114">
        <v>11550</v>
      </c>
      <c r="FY40" s="112">
        <v>17500</v>
      </c>
      <c r="FZ40" s="111">
        <v>0</v>
      </c>
      <c r="GA40" s="114">
        <v>35770</v>
      </c>
      <c r="GB40" s="114">
        <v>110320</v>
      </c>
      <c r="GC40" s="114">
        <v>122885</v>
      </c>
      <c r="GD40" s="114">
        <v>47110</v>
      </c>
      <c r="GE40" s="114">
        <v>43449</v>
      </c>
      <c r="GF40" s="113">
        <v>359534</v>
      </c>
      <c r="GG40" s="319">
        <v>377034</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51340</v>
      </c>
      <c r="GX40" s="114">
        <v>0</v>
      </c>
      <c r="GY40" s="114">
        <v>0</v>
      </c>
      <c r="GZ40" s="114">
        <v>0</v>
      </c>
      <c r="HA40" s="114">
        <v>0</v>
      </c>
      <c r="HB40" s="112">
        <v>51340</v>
      </c>
      <c r="HC40" s="116">
        <v>51340</v>
      </c>
      <c r="HD40" s="110">
        <v>139491</v>
      </c>
      <c r="HE40" s="114">
        <v>165125</v>
      </c>
      <c r="HF40" s="112">
        <v>304616</v>
      </c>
      <c r="HG40" s="111">
        <v>0</v>
      </c>
      <c r="HH40" s="114">
        <v>267790</v>
      </c>
      <c r="HI40" s="114">
        <v>146909</v>
      </c>
      <c r="HJ40" s="114">
        <v>340743</v>
      </c>
      <c r="HK40" s="114">
        <v>735404</v>
      </c>
      <c r="HL40" s="114">
        <v>0</v>
      </c>
      <c r="HM40" s="113">
        <v>1490846</v>
      </c>
      <c r="HN40" s="109">
        <v>1795462</v>
      </c>
      <c r="HO40" s="329"/>
      <c r="HP40" s="330"/>
      <c r="HQ40" s="331"/>
      <c r="HR40" s="332"/>
      <c r="HS40" s="330"/>
      <c r="HT40" s="330"/>
      <c r="HU40" s="330"/>
      <c r="HV40" s="330"/>
      <c r="HW40" s="330"/>
      <c r="HX40" s="333"/>
      <c r="HY40" s="334"/>
      <c r="HZ40" s="150">
        <v>0</v>
      </c>
      <c r="IA40" s="135">
        <v>0</v>
      </c>
      <c r="IB40" s="150">
        <v>0</v>
      </c>
      <c r="IC40" s="146">
        <v>0</v>
      </c>
      <c r="ID40" s="132">
        <v>70889</v>
      </c>
      <c r="IE40" s="147">
        <v>63325</v>
      </c>
      <c r="IF40" s="133">
        <v>77189</v>
      </c>
      <c r="IG40" s="132">
        <v>213416</v>
      </c>
      <c r="IH40" s="133">
        <v>0</v>
      </c>
      <c r="II40" s="148">
        <v>424819</v>
      </c>
      <c r="IJ40" s="150">
        <v>424819</v>
      </c>
      <c r="IK40" s="232">
        <v>0</v>
      </c>
      <c r="IL40" s="236">
        <v>0</v>
      </c>
      <c r="IM40" s="237">
        <v>0</v>
      </c>
      <c r="IN40" s="140"/>
      <c r="IO40" s="119">
        <v>0</v>
      </c>
      <c r="IP40" s="119">
        <v>0</v>
      </c>
      <c r="IQ40" s="119">
        <v>0</v>
      </c>
      <c r="IR40" s="119">
        <v>0</v>
      </c>
      <c r="IS40" s="119">
        <v>0</v>
      </c>
      <c r="IT40" s="141">
        <v>0</v>
      </c>
      <c r="IU40" s="321">
        <v>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53109</v>
      </c>
      <c r="JL40" s="119">
        <v>63325</v>
      </c>
      <c r="JM40" s="119">
        <v>0</v>
      </c>
      <c r="JN40" s="119">
        <v>0</v>
      </c>
      <c r="JO40" s="119">
        <v>0</v>
      </c>
      <c r="JP40" s="120">
        <v>116434</v>
      </c>
      <c r="JQ40" s="321">
        <v>116434</v>
      </c>
      <c r="JR40" s="142">
        <v>0</v>
      </c>
      <c r="JS40" s="119">
        <v>0</v>
      </c>
      <c r="JT40" s="141">
        <v>0</v>
      </c>
      <c r="JU40" s="118">
        <v>0</v>
      </c>
      <c r="JV40" s="119">
        <v>0</v>
      </c>
      <c r="JW40" s="119">
        <v>0</v>
      </c>
      <c r="JX40" s="119">
        <v>0</v>
      </c>
      <c r="JY40" s="119">
        <v>0</v>
      </c>
      <c r="JZ40" s="119">
        <v>0</v>
      </c>
      <c r="KA40" s="120">
        <v>0</v>
      </c>
      <c r="KB40" s="321">
        <v>0</v>
      </c>
      <c r="KC40" s="234">
        <v>0</v>
      </c>
      <c r="KD40" s="230">
        <v>0</v>
      </c>
      <c r="KE40" s="120">
        <v>0</v>
      </c>
      <c r="KF40" s="118">
        <v>0</v>
      </c>
      <c r="KG40" s="119">
        <v>17780</v>
      </c>
      <c r="KH40" s="119">
        <v>0</v>
      </c>
      <c r="KI40" s="119">
        <v>77189</v>
      </c>
      <c r="KJ40" s="119">
        <v>0</v>
      </c>
      <c r="KK40" s="119">
        <v>0</v>
      </c>
      <c r="KL40" s="120">
        <v>94969</v>
      </c>
      <c r="KM40" s="143">
        <v>94969</v>
      </c>
      <c r="KN40" s="232">
        <v>0</v>
      </c>
      <c r="KO40" s="236">
        <v>0</v>
      </c>
      <c r="KP40" s="237">
        <v>0</v>
      </c>
      <c r="KQ40" s="140"/>
      <c r="KR40" s="119">
        <v>0</v>
      </c>
      <c r="KS40" s="119">
        <v>0</v>
      </c>
      <c r="KT40" s="119">
        <v>0</v>
      </c>
      <c r="KU40" s="119">
        <v>213416</v>
      </c>
      <c r="KV40" s="119">
        <v>0</v>
      </c>
      <c r="KW40" s="120">
        <v>213416</v>
      </c>
      <c r="KX40" s="321">
        <v>213416</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1">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252245</v>
      </c>
      <c r="MM40" s="119">
        <v>433153</v>
      </c>
      <c r="MN40" s="119">
        <v>0</v>
      </c>
      <c r="MO40" s="120">
        <v>685398</v>
      </c>
      <c r="MP40" s="143">
        <v>685398</v>
      </c>
      <c r="MQ40" s="142">
        <v>0</v>
      </c>
      <c r="MR40" s="119">
        <v>0</v>
      </c>
      <c r="MS40" s="120">
        <v>0</v>
      </c>
      <c r="MT40" s="145"/>
      <c r="MU40" s="119">
        <v>0</v>
      </c>
      <c r="MV40" s="119">
        <v>0</v>
      </c>
      <c r="MW40" s="119">
        <v>6076</v>
      </c>
      <c r="MX40" s="119">
        <v>433153</v>
      </c>
      <c r="MY40" s="119">
        <v>0</v>
      </c>
      <c r="MZ40" s="120">
        <v>439229</v>
      </c>
      <c r="NA40" s="143">
        <v>439229</v>
      </c>
      <c r="NB40" s="142">
        <v>0</v>
      </c>
      <c r="NC40" s="119">
        <v>0</v>
      </c>
      <c r="ND40" s="120">
        <v>0</v>
      </c>
      <c r="NE40" s="145"/>
      <c r="NF40" s="119">
        <v>0</v>
      </c>
      <c r="NG40" s="119">
        <v>0</v>
      </c>
      <c r="NH40" s="119">
        <v>246169</v>
      </c>
      <c r="NI40" s="119">
        <v>0</v>
      </c>
      <c r="NJ40" s="119">
        <v>0</v>
      </c>
      <c r="NK40" s="120">
        <v>246169</v>
      </c>
      <c r="NL40" s="321">
        <v>246169</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05711</v>
      </c>
      <c r="OJ40" s="119">
        <v>238534</v>
      </c>
      <c r="OK40" s="141">
        <v>444245</v>
      </c>
      <c r="OL40" s="118">
        <v>0</v>
      </c>
      <c r="OM40" s="119">
        <v>906481</v>
      </c>
      <c r="ON40" s="119">
        <v>806176</v>
      </c>
      <c r="OO40" s="119">
        <v>1197508</v>
      </c>
      <c r="OP40" s="119">
        <v>1887139</v>
      </c>
      <c r="OQ40" s="119">
        <v>296366</v>
      </c>
      <c r="OR40" s="120">
        <v>5093670</v>
      </c>
      <c r="OS40" s="143">
        <v>5537915</v>
      </c>
    </row>
    <row r="41" spans="2:409" ht="20.25" customHeight="1" x14ac:dyDescent="0.2">
      <c r="B41" s="126" t="s">
        <v>36</v>
      </c>
      <c r="C41" s="110">
        <v>12884</v>
      </c>
      <c r="D41" s="114">
        <v>71896</v>
      </c>
      <c r="E41" s="113">
        <v>84780</v>
      </c>
      <c r="F41" s="109">
        <v>0</v>
      </c>
      <c r="G41" s="114">
        <v>433940</v>
      </c>
      <c r="H41" s="114">
        <v>871931</v>
      </c>
      <c r="I41" s="114">
        <v>423887</v>
      </c>
      <c r="J41" s="114">
        <v>787075</v>
      </c>
      <c r="K41" s="114">
        <v>77797</v>
      </c>
      <c r="L41" s="173">
        <v>2594630</v>
      </c>
      <c r="M41" s="116">
        <v>2679410</v>
      </c>
      <c r="N41" s="110">
        <v>12884</v>
      </c>
      <c r="O41" s="114">
        <v>25776</v>
      </c>
      <c r="P41" s="113">
        <v>38660</v>
      </c>
      <c r="Q41" s="110">
        <v>0</v>
      </c>
      <c r="R41" s="114">
        <v>285874</v>
      </c>
      <c r="S41" s="114">
        <v>93489</v>
      </c>
      <c r="T41" s="114">
        <v>56434</v>
      </c>
      <c r="U41" s="114">
        <v>56700</v>
      </c>
      <c r="V41" s="114">
        <v>49440</v>
      </c>
      <c r="W41" s="113">
        <v>541937</v>
      </c>
      <c r="X41" s="116">
        <v>580597</v>
      </c>
      <c r="Y41" s="110">
        <v>0</v>
      </c>
      <c r="Z41" s="114">
        <v>0</v>
      </c>
      <c r="AA41" s="113">
        <v>0</v>
      </c>
      <c r="AB41" s="110">
        <v>0</v>
      </c>
      <c r="AC41" s="114">
        <v>181877</v>
      </c>
      <c r="AD41" s="114">
        <v>8913</v>
      </c>
      <c r="AE41" s="114">
        <v>0</v>
      </c>
      <c r="AF41" s="114">
        <v>0</v>
      </c>
      <c r="AG41" s="114">
        <v>0</v>
      </c>
      <c r="AH41" s="113">
        <v>190790</v>
      </c>
      <c r="AI41" s="116">
        <v>190790</v>
      </c>
      <c r="AJ41" s="110">
        <v>0</v>
      </c>
      <c r="AK41" s="114">
        <v>0</v>
      </c>
      <c r="AL41" s="113">
        <v>0</v>
      </c>
      <c r="AM41" s="110">
        <v>0</v>
      </c>
      <c r="AN41" s="114">
        <v>0</v>
      </c>
      <c r="AO41" s="114">
        <v>0</v>
      </c>
      <c r="AP41" s="114">
        <v>0</v>
      </c>
      <c r="AQ41" s="114">
        <v>0</v>
      </c>
      <c r="AR41" s="114">
        <v>0</v>
      </c>
      <c r="AS41" s="113">
        <v>0</v>
      </c>
      <c r="AT41" s="116">
        <v>0</v>
      </c>
      <c r="AU41" s="110">
        <v>12884</v>
      </c>
      <c r="AV41" s="114">
        <v>25776</v>
      </c>
      <c r="AW41" s="113">
        <v>38660</v>
      </c>
      <c r="AX41" s="110">
        <v>0</v>
      </c>
      <c r="AY41" s="114">
        <v>58593</v>
      </c>
      <c r="AZ41" s="114">
        <v>55974</v>
      </c>
      <c r="BA41" s="114">
        <v>0</v>
      </c>
      <c r="BB41" s="114">
        <v>0</v>
      </c>
      <c r="BC41" s="114">
        <v>0</v>
      </c>
      <c r="BD41" s="113">
        <v>114567</v>
      </c>
      <c r="BE41" s="116">
        <v>153227</v>
      </c>
      <c r="BF41" s="110">
        <v>0</v>
      </c>
      <c r="BG41" s="114">
        <v>0</v>
      </c>
      <c r="BH41" s="112">
        <v>0</v>
      </c>
      <c r="BI41" s="111">
        <v>0</v>
      </c>
      <c r="BJ41" s="114">
        <v>45404</v>
      </c>
      <c r="BK41" s="114">
        <v>0</v>
      </c>
      <c r="BL41" s="114">
        <v>0</v>
      </c>
      <c r="BM41" s="114">
        <v>0</v>
      </c>
      <c r="BN41" s="114">
        <v>43182</v>
      </c>
      <c r="BO41" s="113">
        <v>88586</v>
      </c>
      <c r="BP41" s="116">
        <v>88586</v>
      </c>
      <c r="BQ41" s="110">
        <v>0</v>
      </c>
      <c r="BR41" s="114">
        <v>0</v>
      </c>
      <c r="BS41" s="113">
        <v>0</v>
      </c>
      <c r="BT41" s="110">
        <v>0</v>
      </c>
      <c r="BU41" s="114">
        <v>0</v>
      </c>
      <c r="BV41" s="114">
        <v>28602</v>
      </c>
      <c r="BW41" s="114">
        <v>56434</v>
      </c>
      <c r="BX41" s="114">
        <v>56700</v>
      </c>
      <c r="BY41" s="114">
        <v>6258</v>
      </c>
      <c r="BZ41" s="113">
        <v>147994</v>
      </c>
      <c r="CA41" s="116">
        <v>147994</v>
      </c>
      <c r="CB41" s="110">
        <v>0</v>
      </c>
      <c r="CC41" s="114">
        <v>32330</v>
      </c>
      <c r="CD41" s="113">
        <v>32330</v>
      </c>
      <c r="CE41" s="110">
        <v>0</v>
      </c>
      <c r="CF41" s="114">
        <v>126016</v>
      </c>
      <c r="CG41" s="114">
        <v>184307</v>
      </c>
      <c r="CH41" s="114">
        <v>110242</v>
      </c>
      <c r="CI41" s="114">
        <v>0</v>
      </c>
      <c r="CJ41" s="114">
        <v>0</v>
      </c>
      <c r="CK41" s="113">
        <v>420565</v>
      </c>
      <c r="CL41" s="116">
        <v>452895</v>
      </c>
      <c r="CM41" s="110">
        <v>0</v>
      </c>
      <c r="CN41" s="114">
        <v>0</v>
      </c>
      <c r="CO41" s="113">
        <v>0</v>
      </c>
      <c r="CP41" s="111">
        <v>0</v>
      </c>
      <c r="CQ41" s="114">
        <v>101816</v>
      </c>
      <c r="CR41" s="114">
        <v>184307</v>
      </c>
      <c r="CS41" s="114">
        <v>110242</v>
      </c>
      <c r="CT41" s="114">
        <v>0</v>
      </c>
      <c r="CU41" s="114">
        <v>0</v>
      </c>
      <c r="CV41" s="113">
        <v>396365</v>
      </c>
      <c r="CW41" s="116">
        <v>396365</v>
      </c>
      <c r="CX41" s="110">
        <v>0</v>
      </c>
      <c r="CY41" s="114">
        <v>32330</v>
      </c>
      <c r="CZ41" s="113">
        <v>32330</v>
      </c>
      <c r="DA41" s="110">
        <v>0</v>
      </c>
      <c r="DB41" s="114">
        <v>24200</v>
      </c>
      <c r="DC41" s="114">
        <v>0</v>
      </c>
      <c r="DD41" s="114">
        <v>0</v>
      </c>
      <c r="DE41" s="114">
        <v>0</v>
      </c>
      <c r="DF41" s="114">
        <v>0</v>
      </c>
      <c r="DG41" s="113">
        <v>24200</v>
      </c>
      <c r="DH41" s="116">
        <v>56530</v>
      </c>
      <c r="DI41" s="110">
        <v>0</v>
      </c>
      <c r="DJ41" s="114">
        <v>0</v>
      </c>
      <c r="DK41" s="112">
        <v>0</v>
      </c>
      <c r="DL41" s="111">
        <v>0</v>
      </c>
      <c r="DM41" s="114">
        <v>0</v>
      </c>
      <c r="DN41" s="114">
        <v>116860</v>
      </c>
      <c r="DO41" s="114">
        <v>35137</v>
      </c>
      <c r="DP41" s="114">
        <v>158555</v>
      </c>
      <c r="DQ41" s="114">
        <v>0</v>
      </c>
      <c r="DR41" s="113">
        <v>310552</v>
      </c>
      <c r="DS41" s="116">
        <v>310552</v>
      </c>
      <c r="DT41" s="110">
        <v>0</v>
      </c>
      <c r="DU41" s="114">
        <v>0</v>
      </c>
      <c r="DV41" s="113">
        <v>0</v>
      </c>
      <c r="DW41" s="110">
        <v>0</v>
      </c>
      <c r="DX41" s="114">
        <v>0</v>
      </c>
      <c r="DY41" s="114">
        <v>116860</v>
      </c>
      <c r="DZ41" s="114">
        <v>35137</v>
      </c>
      <c r="EA41" s="114">
        <v>158555</v>
      </c>
      <c r="EB41" s="114">
        <v>0</v>
      </c>
      <c r="EC41" s="113">
        <v>310552</v>
      </c>
      <c r="ED41" s="116">
        <v>310552</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8"/>
      <c r="FE41" s="114">
        <v>0</v>
      </c>
      <c r="FF41" s="114">
        <v>0</v>
      </c>
      <c r="FG41" s="114">
        <v>0</v>
      </c>
      <c r="FH41" s="114">
        <v>0</v>
      </c>
      <c r="FI41" s="114">
        <v>0</v>
      </c>
      <c r="FJ41" s="113">
        <v>0</v>
      </c>
      <c r="FK41" s="116">
        <v>0</v>
      </c>
      <c r="FL41" s="110">
        <v>0</v>
      </c>
      <c r="FM41" s="114">
        <v>13790</v>
      </c>
      <c r="FN41" s="113">
        <v>13790</v>
      </c>
      <c r="FO41" s="110">
        <v>0</v>
      </c>
      <c r="FP41" s="114">
        <v>22050</v>
      </c>
      <c r="FQ41" s="114">
        <v>27685</v>
      </c>
      <c r="FR41" s="114">
        <v>43155</v>
      </c>
      <c r="FS41" s="114">
        <v>12600</v>
      </c>
      <c r="FT41" s="114">
        <v>28357</v>
      </c>
      <c r="FU41" s="113">
        <v>133847</v>
      </c>
      <c r="FV41" s="116">
        <v>147637</v>
      </c>
      <c r="FW41" s="115">
        <v>0</v>
      </c>
      <c r="FX41" s="114">
        <v>13790</v>
      </c>
      <c r="FY41" s="112">
        <v>13790</v>
      </c>
      <c r="FZ41" s="111">
        <v>0</v>
      </c>
      <c r="GA41" s="114">
        <v>22050</v>
      </c>
      <c r="GB41" s="114">
        <v>27685</v>
      </c>
      <c r="GC41" s="114">
        <v>43155</v>
      </c>
      <c r="GD41" s="114">
        <v>12600</v>
      </c>
      <c r="GE41" s="114">
        <v>28357</v>
      </c>
      <c r="GF41" s="113">
        <v>133847</v>
      </c>
      <c r="GG41" s="319">
        <v>147637</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0</v>
      </c>
      <c r="HI41" s="114">
        <v>449590</v>
      </c>
      <c r="HJ41" s="114">
        <v>178919</v>
      </c>
      <c r="HK41" s="114">
        <v>559220</v>
      </c>
      <c r="HL41" s="114">
        <v>0</v>
      </c>
      <c r="HM41" s="113">
        <v>1187729</v>
      </c>
      <c r="HN41" s="109">
        <v>1187729</v>
      </c>
      <c r="HO41" s="329"/>
      <c r="HP41" s="330"/>
      <c r="HQ41" s="331"/>
      <c r="HR41" s="332"/>
      <c r="HS41" s="330"/>
      <c r="HT41" s="330"/>
      <c r="HU41" s="330"/>
      <c r="HV41" s="330"/>
      <c r="HW41" s="330"/>
      <c r="HX41" s="333"/>
      <c r="HY41" s="334"/>
      <c r="HZ41" s="131">
        <v>0</v>
      </c>
      <c r="IA41" s="132">
        <v>0</v>
      </c>
      <c r="IB41" s="133">
        <v>0</v>
      </c>
      <c r="IC41" s="146">
        <v>0</v>
      </c>
      <c r="ID41" s="132">
        <v>99402</v>
      </c>
      <c r="IE41" s="147">
        <v>0</v>
      </c>
      <c r="IF41" s="133">
        <v>218579</v>
      </c>
      <c r="IG41" s="132">
        <v>443595</v>
      </c>
      <c r="IH41" s="133">
        <v>79945</v>
      </c>
      <c r="II41" s="148">
        <v>841521</v>
      </c>
      <c r="IJ41" s="139">
        <v>841521</v>
      </c>
      <c r="IK41" s="232">
        <v>0</v>
      </c>
      <c r="IL41" s="236">
        <v>0</v>
      </c>
      <c r="IM41" s="237">
        <v>0</v>
      </c>
      <c r="IN41" s="140"/>
      <c r="IO41" s="119">
        <v>0</v>
      </c>
      <c r="IP41" s="119">
        <v>0</v>
      </c>
      <c r="IQ41" s="119">
        <v>0</v>
      </c>
      <c r="IR41" s="119">
        <v>0</v>
      </c>
      <c r="IS41" s="119">
        <v>0</v>
      </c>
      <c r="IT41" s="141">
        <v>0</v>
      </c>
      <c r="IU41" s="321">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0</v>
      </c>
      <c r="JL41" s="119">
        <v>0</v>
      </c>
      <c r="JM41" s="119">
        <v>0</v>
      </c>
      <c r="JN41" s="119">
        <v>220905</v>
      </c>
      <c r="JO41" s="119">
        <v>79945</v>
      </c>
      <c r="JP41" s="120">
        <v>300850</v>
      </c>
      <c r="JQ41" s="321">
        <v>300850</v>
      </c>
      <c r="JR41" s="142">
        <v>0</v>
      </c>
      <c r="JS41" s="119">
        <v>0</v>
      </c>
      <c r="JT41" s="141">
        <v>0</v>
      </c>
      <c r="JU41" s="118">
        <v>0</v>
      </c>
      <c r="JV41" s="119">
        <v>0</v>
      </c>
      <c r="JW41" s="119">
        <v>0</v>
      </c>
      <c r="JX41" s="119">
        <v>0</v>
      </c>
      <c r="JY41" s="119">
        <v>0</v>
      </c>
      <c r="JZ41" s="119">
        <v>0</v>
      </c>
      <c r="KA41" s="120">
        <v>0</v>
      </c>
      <c r="KB41" s="321">
        <v>0</v>
      </c>
      <c r="KC41" s="234">
        <v>0</v>
      </c>
      <c r="KD41" s="230">
        <v>0</v>
      </c>
      <c r="KE41" s="120">
        <v>0</v>
      </c>
      <c r="KF41" s="118">
        <v>0</v>
      </c>
      <c r="KG41" s="119">
        <v>99402</v>
      </c>
      <c r="KH41" s="119">
        <v>0</v>
      </c>
      <c r="KI41" s="119">
        <v>0</v>
      </c>
      <c r="KJ41" s="119">
        <v>0</v>
      </c>
      <c r="KK41" s="119">
        <v>0</v>
      </c>
      <c r="KL41" s="120">
        <v>99402</v>
      </c>
      <c r="KM41" s="143">
        <v>99402</v>
      </c>
      <c r="KN41" s="232">
        <v>0</v>
      </c>
      <c r="KO41" s="236">
        <v>0</v>
      </c>
      <c r="KP41" s="237">
        <v>0</v>
      </c>
      <c r="KQ41" s="140"/>
      <c r="KR41" s="119">
        <v>0</v>
      </c>
      <c r="KS41" s="119">
        <v>0</v>
      </c>
      <c r="KT41" s="119">
        <v>218579</v>
      </c>
      <c r="KU41" s="119">
        <v>222690</v>
      </c>
      <c r="KV41" s="119">
        <v>0</v>
      </c>
      <c r="KW41" s="120">
        <v>441269</v>
      </c>
      <c r="KX41" s="321">
        <v>441269</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1">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422913</v>
      </c>
      <c r="MK41" s="119">
        <v>0</v>
      </c>
      <c r="ML41" s="119">
        <v>119847</v>
      </c>
      <c r="MM41" s="119">
        <v>459658</v>
      </c>
      <c r="MN41" s="119">
        <v>462585</v>
      </c>
      <c r="MO41" s="120">
        <v>1465003</v>
      </c>
      <c r="MP41" s="143">
        <v>1465003</v>
      </c>
      <c r="MQ41" s="142">
        <v>0</v>
      </c>
      <c r="MR41" s="119">
        <v>0</v>
      </c>
      <c r="MS41" s="120">
        <v>0</v>
      </c>
      <c r="MT41" s="145"/>
      <c r="MU41" s="119">
        <v>0</v>
      </c>
      <c r="MV41" s="119">
        <v>0</v>
      </c>
      <c r="MW41" s="119">
        <v>0</v>
      </c>
      <c r="MX41" s="119">
        <v>388623</v>
      </c>
      <c r="MY41" s="119">
        <v>462585</v>
      </c>
      <c r="MZ41" s="120">
        <v>851208</v>
      </c>
      <c r="NA41" s="143">
        <v>851208</v>
      </c>
      <c r="NB41" s="142">
        <v>0</v>
      </c>
      <c r="NC41" s="119">
        <v>0</v>
      </c>
      <c r="ND41" s="120">
        <v>0</v>
      </c>
      <c r="NE41" s="145"/>
      <c r="NF41" s="119">
        <v>422913</v>
      </c>
      <c r="NG41" s="119">
        <v>0</v>
      </c>
      <c r="NH41" s="119">
        <v>119847</v>
      </c>
      <c r="NI41" s="119">
        <v>71035</v>
      </c>
      <c r="NJ41" s="119">
        <v>0</v>
      </c>
      <c r="NK41" s="120">
        <v>613795</v>
      </c>
      <c r="NL41" s="321">
        <v>613795</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12884</v>
      </c>
      <c r="OJ41" s="119">
        <v>71896</v>
      </c>
      <c r="OK41" s="141">
        <v>84780</v>
      </c>
      <c r="OL41" s="118">
        <v>0</v>
      </c>
      <c r="OM41" s="119">
        <v>956255</v>
      </c>
      <c r="ON41" s="119">
        <v>871931</v>
      </c>
      <c r="OO41" s="119">
        <v>762313</v>
      </c>
      <c r="OP41" s="119">
        <v>1690328</v>
      </c>
      <c r="OQ41" s="119">
        <v>620327</v>
      </c>
      <c r="OR41" s="120">
        <v>4901154</v>
      </c>
      <c r="OS41" s="143">
        <v>4985934</v>
      </c>
    </row>
    <row r="42" spans="2:409" ht="20.25" customHeight="1" thickBot="1" x14ac:dyDescent="0.25">
      <c r="B42" s="127" t="s">
        <v>37</v>
      </c>
      <c r="C42" s="117">
        <v>0</v>
      </c>
      <c r="D42" s="178">
        <v>0</v>
      </c>
      <c r="E42" s="179">
        <v>0</v>
      </c>
      <c r="F42" s="180">
        <v>0</v>
      </c>
      <c r="G42" s="178">
        <v>0</v>
      </c>
      <c r="H42" s="178">
        <v>0</v>
      </c>
      <c r="I42" s="178">
        <v>0</v>
      </c>
      <c r="J42" s="178">
        <v>192100</v>
      </c>
      <c r="K42" s="178">
        <v>166793</v>
      </c>
      <c r="L42" s="180">
        <v>358893</v>
      </c>
      <c r="M42" s="181">
        <v>358893</v>
      </c>
      <c r="N42" s="117">
        <v>0</v>
      </c>
      <c r="O42" s="178">
        <v>0</v>
      </c>
      <c r="P42" s="179">
        <v>0</v>
      </c>
      <c r="Q42" s="117">
        <v>0</v>
      </c>
      <c r="R42" s="178">
        <v>0</v>
      </c>
      <c r="S42" s="178">
        <v>0</v>
      </c>
      <c r="T42" s="178">
        <v>0</v>
      </c>
      <c r="U42" s="178">
        <v>8400</v>
      </c>
      <c r="V42" s="178">
        <v>136133</v>
      </c>
      <c r="W42" s="179">
        <v>144533</v>
      </c>
      <c r="X42" s="181">
        <v>144533</v>
      </c>
      <c r="Y42" s="117">
        <v>0</v>
      </c>
      <c r="Z42" s="178">
        <v>0</v>
      </c>
      <c r="AA42" s="179">
        <v>0</v>
      </c>
      <c r="AB42" s="117">
        <v>0</v>
      </c>
      <c r="AC42" s="178">
        <v>0</v>
      </c>
      <c r="AD42" s="178">
        <v>0</v>
      </c>
      <c r="AE42" s="178">
        <v>0</v>
      </c>
      <c r="AF42" s="178">
        <v>0</v>
      </c>
      <c r="AG42" s="178">
        <v>89219</v>
      </c>
      <c r="AH42" s="179">
        <v>89219</v>
      </c>
      <c r="AI42" s="181">
        <v>89219</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35504</v>
      </c>
      <c r="BD42" s="179">
        <v>35504</v>
      </c>
      <c r="BE42" s="181">
        <v>35504</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8400</v>
      </c>
      <c r="BY42" s="178">
        <v>11410</v>
      </c>
      <c r="BZ42" s="179">
        <v>19810</v>
      </c>
      <c r="CA42" s="181">
        <v>19810</v>
      </c>
      <c r="CB42" s="117">
        <v>0</v>
      </c>
      <c r="CC42" s="178">
        <v>0</v>
      </c>
      <c r="CD42" s="179">
        <v>0</v>
      </c>
      <c r="CE42" s="117">
        <v>0</v>
      </c>
      <c r="CF42" s="178">
        <v>0</v>
      </c>
      <c r="CG42" s="178">
        <v>0</v>
      </c>
      <c r="CH42" s="178">
        <v>0</v>
      </c>
      <c r="CI42" s="178">
        <v>0</v>
      </c>
      <c r="CJ42" s="178">
        <v>0</v>
      </c>
      <c r="CK42" s="179">
        <v>0</v>
      </c>
      <c r="CL42" s="181">
        <v>0</v>
      </c>
      <c r="CM42" s="117">
        <v>0</v>
      </c>
      <c r="CN42" s="178">
        <v>0</v>
      </c>
      <c r="CO42" s="179">
        <v>0</v>
      </c>
      <c r="CP42" s="182">
        <v>0</v>
      </c>
      <c r="CQ42" s="178">
        <v>0</v>
      </c>
      <c r="CR42" s="178">
        <v>0</v>
      </c>
      <c r="CS42" s="178">
        <v>0</v>
      </c>
      <c r="CT42" s="178">
        <v>0</v>
      </c>
      <c r="CU42" s="178">
        <v>0</v>
      </c>
      <c r="CV42" s="179">
        <v>0</v>
      </c>
      <c r="CW42" s="181">
        <v>0</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9"/>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30660</v>
      </c>
      <c r="FU42" s="179">
        <v>30660</v>
      </c>
      <c r="FV42" s="181">
        <v>30660</v>
      </c>
      <c r="FW42" s="184">
        <v>0</v>
      </c>
      <c r="FX42" s="178">
        <v>0</v>
      </c>
      <c r="FY42" s="183">
        <v>0</v>
      </c>
      <c r="FZ42" s="182">
        <v>0</v>
      </c>
      <c r="GA42" s="178">
        <v>0</v>
      </c>
      <c r="GB42" s="178">
        <v>0</v>
      </c>
      <c r="GC42" s="178">
        <v>0</v>
      </c>
      <c r="GD42" s="178">
        <v>0</v>
      </c>
      <c r="GE42" s="178">
        <v>30660</v>
      </c>
      <c r="GF42" s="179">
        <v>30660</v>
      </c>
      <c r="GG42" s="320">
        <v>3066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83700</v>
      </c>
      <c r="HL42" s="178">
        <v>0</v>
      </c>
      <c r="HM42" s="179">
        <v>183700</v>
      </c>
      <c r="HN42" s="180">
        <v>183700</v>
      </c>
      <c r="HO42" s="335"/>
      <c r="HP42" s="336"/>
      <c r="HQ42" s="337"/>
      <c r="HR42" s="338"/>
      <c r="HS42" s="336"/>
      <c r="HT42" s="336"/>
      <c r="HU42" s="336"/>
      <c r="HV42" s="336"/>
      <c r="HW42" s="336"/>
      <c r="HX42" s="339"/>
      <c r="HY42" s="340"/>
      <c r="HZ42" s="151">
        <v>0</v>
      </c>
      <c r="IA42" s="152">
        <v>0</v>
      </c>
      <c r="IB42" s="153">
        <v>0</v>
      </c>
      <c r="IC42" s="154">
        <v>0</v>
      </c>
      <c r="ID42" s="155">
        <v>0</v>
      </c>
      <c r="IE42" s="156">
        <v>0</v>
      </c>
      <c r="IF42" s="157">
        <v>6864</v>
      </c>
      <c r="IG42" s="155">
        <v>0</v>
      </c>
      <c r="IH42" s="157">
        <v>82931</v>
      </c>
      <c r="II42" s="158">
        <v>89795</v>
      </c>
      <c r="IJ42" s="159">
        <v>89795</v>
      </c>
      <c r="IK42" s="233">
        <v>0</v>
      </c>
      <c r="IL42" s="238">
        <v>0</v>
      </c>
      <c r="IM42" s="239">
        <v>0</v>
      </c>
      <c r="IN42" s="160"/>
      <c r="IO42" s="161">
        <v>0</v>
      </c>
      <c r="IP42" s="161">
        <v>0</v>
      </c>
      <c r="IQ42" s="161">
        <v>0</v>
      </c>
      <c r="IR42" s="161">
        <v>0</v>
      </c>
      <c r="IS42" s="161">
        <v>0</v>
      </c>
      <c r="IT42" s="162">
        <v>0</v>
      </c>
      <c r="IU42" s="322">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6864</v>
      </c>
      <c r="JN42" s="161">
        <v>0</v>
      </c>
      <c r="JO42" s="161">
        <v>82931</v>
      </c>
      <c r="JP42" s="165">
        <v>89795</v>
      </c>
      <c r="JQ42" s="322">
        <v>89795</v>
      </c>
      <c r="JR42" s="163">
        <v>0</v>
      </c>
      <c r="JS42" s="161">
        <v>0</v>
      </c>
      <c r="JT42" s="162">
        <v>0</v>
      </c>
      <c r="JU42" s="164">
        <v>0</v>
      </c>
      <c r="JV42" s="161">
        <v>0</v>
      </c>
      <c r="JW42" s="161">
        <v>0</v>
      </c>
      <c r="JX42" s="161">
        <v>0</v>
      </c>
      <c r="JY42" s="161">
        <v>0</v>
      </c>
      <c r="JZ42" s="161">
        <v>0</v>
      </c>
      <c r="KA42" s="165">
        <v>0</v>
      </c>
      <c r="KB42" s="322">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2">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2">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0</v>
      </c>
      <c r="MM42" s="161">
        <v>0</v>
      </c>
      <c r="MN42" s="161">
        <v>344317</v>
      </c>
      <c r="MO42" s="165">
        <v>344317</v>
      </c>
      <c r="MP42" s="167">
        <v>344317</v>
      </c>
      <c r="MQ42" s="163">
        <v>0</v>
      </c>
      <c r="MR42" s="161">
        <v>0</v>
      </c>
      <c r="MS42" s="165">
        <v>0</v>
      </c>
      <c r="MT42" s="169"/>
      <c r="MU42" s="161">
        <v>0</v>
      </c>
      <c r="MV42" s="161">
        <v>0</v>
      </c>
      <c r="MW42" s="161">
        <v>0</v>
      </c>
      <c r="MX42" s="161">
        <v>0</v>
      </c>
      <c r="MY42" s="161">
        <v>0</v>
      </c>
      <c r="MZ42" s="165">
        <v>0</v>
      </c>
      <c r="NA42" s="167">
        <v>0</v>
      </c>
      <c r="NB42" s="163">
        <v>0</v>
      </c>
      <c r="NC42" s="161">
        <v>0</v>
      </c>
      <c r="ND42" s="165">
        <v>0</v>
      </c>
      <c r="NE42" s="169"/>
      <c r="NF42" s="161">
        <v>0</v>
      </c>
      <c r="NG42" s="161">
        <v>0</v>
      </c>
      <c r="NH42" s="161">
        <v>0</v>
      </c>
      <c r="NI42" s="161">
        <v>0</v>
      </c>
      <c r="NJ42" s="161">
        <v>0</v>
      </c>
      <c r="NK42" s="165">
        <v>0</v>
      </c>
      <c r="NL42" s="322">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344317</v>
      </c>
      <c r="OG42" s="165">
        <v>344317</v>
      </c>
      <c r="OH42" s="166">
        <v>344317</v>
      </c>
      <c r="OI42" s="163">
        <v>0</v>
      </c>
      <c r="OJ42" s="161">
        <v>0</v>
      </c>
      <c r="OK42" s="162">
        <v>0</v>
      </c>
      <c r="OL42" s="164">
        <v>0</v>
      </c>
      <c r="OM42" s="161">
        <v>0</v>
      </c>
      <c r="ON42" s="161">
        <v>0</v>
      </c>
      <c r="OO42" s="161">
        <v>6864</v>
      </c>
      <c r="OP42" s="161">
        <v>192100</v>
      </c>
      <c r="OQ42" s="161">
        <v>594041</v>
      </c>
      <c r="OR42" s="165">
        <v>793005</v>
      </c>
      <c r="OS42" s="167">
        <v>793005</v>
      </c>
    </row>
    <row r="43" spans="2:409" x14ac:dyDescent="0.2">
      <c r="B43" s="44" t="s">
        <v>84</v>
      </c>
    </row>
  </sheetData>
  <mergeCells count="158">
    <mergeCell ref="AT7:AT8"/>
    <mergeCell ref="AU7:AW7"/>
    <mergeCell ref="AX7:BD7"/>
    <mergeCell ref="BE7:BE8"/>
    <mergeCell ref="BF7:BH7"/>
    <mergeCell ref="BI7:BO7"/>
    <mergeCell ref="DH7:DH8"/>
    <mergeCell ref="G1:H1"/>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2.5546875" style="292" customWidth="1"/>
    <col min="2" max="2" width="9" style="292" customWidth="1"/>
    <col min="3" max="4" width="9.21875" style="292" bestFit="1" customWidth="1"/>
    <col min="5" max="5" width="10.77734375" style="292" bestFit="1" customWidth="1"/>
    <col min="6" max="6" width="7.109375" style="292" customWidth="1"/>
    <col min="7" max="11" width="10.44140625" style="292" bestFit="1" customWidth="1"/>
    <col min="12" max="13" width="11.6640625" style="292" bestFit="1" customWidth="1"/>
    <col min="14" max="16" width="9.21875" style="292" bestFit="1" customWidth="1"/>
    <col min="17" max="17" width="7.44140625" style="292" customWidth="1"/>
    <col min="18" max="18" width="9.21875" style="292" bestFit="1" customWidth="1"/>
    <col min="19" max="22" width="10.44140625" style="292" bestFit="1" customWidth="1"/>
    <col min="23" max="24" width="11.6640625" style="292" bestFit="1" customWidth="1"/>
    <col min="25" max="27" width="9.109375" style="292" bestFit="1" customWidth="1"/>
    <col min="28" max="28" width="7" style="292" customWidth="1"/>
    <col min="29" max="30" width="9.109375" style="292" bestFit="1" customWidth="1"/>
    <col min="31" max="32" width="9.6640625" style="292" bestFit="1" customWidth="1"/>
    <col min="33" max="33" width="9.109375" style="292" bestFit="1" customWidth="1"/>
    <col min="34" max="35" width="9.6640625" style="292" bestFit="1" customWidth="1"/>
    <col min="36" max="38" width="9.109375" style="292" bestFit="1" customWidth="1"/>
    <col min="39" max="39" width="7.33203125" style="292" customWidth="1"/>
    <col min="40" max="49" width="9.109375" style="292" bestFit="1" customWidth="1"/>
    <col min="50" max="50" width="7.33203125" style="292" customWidth="1"/>
    <col min="51" max="60" width="9.109375" style="292" bestFit="1" customWidth="1"/>
    <col min="61" max="61" width="7.77734375" style="292" customWidth="1"/>
    <col min="62" max="71" width="9.109375" style="292" bestFit="1" customWidth="1"/>
    <col min="72" max="72" width="7.77734375" style="292" customWidth="1"/>
    <col min="73" max="77" width="9.109375" style="292" bestFit="1" customWidth="1"/>
    <col min="78" max="79" width="9.6640625" style="292" bestFit="1" customWidth="1"/>
    <col min="80" max="82" width="9.109375" style="292" bestFit="1" customWidth="1"/>
    <col min="83" max="83" width="7.88671875" style="292" customWidth="1"/>
    <col min="84" max="93" width="9.109375" style="292" bestFit="1" customWidth="1"/>
    <col min="94" max="94" width="8" style="292" customWidth="1"/>
    <col min="95" max="104" width="9.109375" style="292" bestFit="1" customWidth="1"/>
    <col min="105" max="105" width="8" style="292" customWidth="1"/>
    <col min="106" max="115" width="9.109375" style="292" bestFit="1" customWidth="1"/>
    <col min="116" max="116" width="7.6640625" style="292" customWidth="1"/>
    <col min="117" max="117" width="9.109375" style="292" bestFit="1" customWidth="1"/>
    <col min="118" max="121" width="9.6640625" style="292" bestFit="1" customWidth="1"/>
    <col min="122" max="123" width="10.6640625" style="292" bestFit="1" customWidth="1"/>
    <col min="124" max="126" width="9.109375" style="292" bestFit="1" customWidth="1"/>
    <col min="127" max="127" width="7.44140625" style="292" customWidth="1"/>
    <col min="128" max="129" width="9.109375" style="292" bestFit="1" customWidth="1"/>
    <col min="130" max="134" width="9.6640625" style="292" bestFit="1" customWidth="1"/>
    <col min="135" max="137" width="9.109375" style="292" bestFit="1" customWidth="1"/>
    <col min="138" max="138" width="7.6640625" style="292" customWidth="1"/>
    <col min="139" max="148" width="9.109375" style="292" bestFit="1" customWidth="1"/>
    <col min="149" max="149" width="7.77734375" style="292" customWidth="1"/>
    <col min="150" max="159" width="9.109375" style="292" bestFit="1" customWidth="1"/>
    <col min="160" max="160" width="7.77734375" style="292" customWidth="1"/>
    <col min="161" max="170" width="9.109375" style="292" bestFit="1" customWidth="1"/>
    <col min="171" max="171" width="7.33203125" style="292" customWidth="1"/>
    <col min="172" max="181" width="9.109375" style="292" bestFit="1" customWidth="1"/>
    <col min="182" max="182" width="8" style="292" customWidth="1"/>
    <col min="183" max="188" width="9.109375" style="292" bestFit="1" customWidth="1"/>
    <col min="189" max="189" width="9.6640625" style="292" bestFit="1" customWidth="1"/>
    <col min="190" max="192" width="9.109375" style="292" bestFit="1" customWidth="1"/>
    <col min="193" max="193" width="7.44140625" style="292" customWidth="1"/>
    <col min="194" max="203" width="9.109375" style="292" bestFit="1" customWidth="1"/>
    <col min="204" max="204" width="7.88671875" style="292" customWidth="1"/>
    <col min="205" max="214" width="9.109375" style="292" bestFit="1" customWidth="1"/>
    <col min="215" max="215" width="7.88671875" style="292" customWidth="1"/>
    <col min="216" max="225" width="9.109375" style="292" bestFit="1" customWidth="1"/>
    <col min="226" max="226" width="7.6640625" style="292" customWidth="1"/>
    <col min="227" max="229" width="9.6640625" style="292" bestFit="1" customWidth="1"/>
    <col min="230" max="230" width="10.6640625" style="292" bestFit="1" customWidth="1"/>
    <col min="231" max="231" width="9.6640625" style="292" bestFit="1" customWidth="1"/>
    <col min="232" max="233" width="10.6640625" style="292" bestFit="1" customWidth="1"/>
    <col min="234" max="16384" width="9" style="292"/>
  </cols>
  <sheetData>
    <row r="1" spans="2:233" s="1" customFormat="1" ht="24" customHeight="1" x14ac:dyDescent="0.2">
      <c r="B1" s="20" t="s">
        <v>0</v>
      </c>
      <c r="C1" s="39"/>
      <c r="D1" s="39"/>
      <c r="E1" s="368">
        <f>第１表!F2</f>
        <v>4</v>
      </c>
      <c r="F1" s="253">
        <f>第１表!G2</f>
        <v>7</v>
      </c>
      <c r="G1" s="738">
        <f>IF(F1&lt;3,F1-2+12,F1-2)</f>
        <v>5</v>
      </c>
      <c r="H1" s="738"/>
      <c r="J1" s="39"/>
      <c r="K1" s="39"/>
      <c r="L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c r="EC1" s="39"/>
    </row>
    <row r="2" spans="2:233" ht="24" customHeight="1" thickBot="1" x14ac:dyDescent="0.25">
      <c r="B2" s="20" t="s">
        <v>120</v>
      </c>
    </row>
    <row r="3" spans="2:233" ht="19.5" customHeight="1" thickBot="1" x14ac:dyDescent="0.25">
      <c r="B3" s="739"/>
      <c r="C3" s="746" t="s">
        <v>116</v>
      </c>
      <c r="D3" s="747"/>
      <c r="E3" s="747"/>
      <c r="F3" s="747"/>
      <c r="G3" s="747"/>
      <c r="H3" s="747"/>
      <c r="I3" s="747"/>
      <c r="J3" s="747"/>
      <c r="K3" s="747"/>
      <c r="L3" s="747"/>
      <c r="M3" s="747"/>
      <c r="N3" s="505"/>
      <c r="O3" s="505"/>
      <c r="P3" s="505"/>
      <c r="Q3" s="505"/>
      <c r="R3" s="505"/>
      <c r="S3" s="505"/>
      <c r="T3" s="505"/>
      <c r="U3" s="505"/>
      <c r="V3" s="505"/>
      <c r="W3" s="505"/>
      <c r="X3" s="505"/>
      <c r="Y3" s="505"/>
      <c r="Z3" s="505"/>
      <c r="AA3" s="505"/>
      <c r="AB3" s="505"/>
      <c r="AC3" s="505"/>
      <c r="AD3" s="505"/>
      <c r="AE3" s="505"/>
      <c r="AF3" s="505"/>
      <c r="AG3" s="505"/>
      <c r="AH3" s="505"/>
      <c r="AI3" s="505"/>
      <c r="AJ3" s="505"/>
      <c r="AK3" s="505"/>
      <c r="AL3" s="505"/>
      <c r="AM3" s="505"/>
      <c r="AN3" s="505"/>
      <c r="AO3" s="505"/>
      <c r="AP3" s="505"/>
      <c r="AQ3" s="505"/>
      <c r="AR3" s="505"/>
      <c r="AS3" s="505"/>
      <c r="AT3" s="505"/>
      <c r="AU3" s="505"/>
      <c r="AV3" s="505"/>
      <c r="AW3" s="505"/>
      <c r="AX3" s="505"/>
      <c r="AY3" s="505"/>
      <c r="AZ3" s="505"/>
      <c r="BA3" s="505"/>
      <c r="BB3" s="505"/>
      <c r="BC3" s="505"/>
      <c r="BD3" s="505"/>
      <c r="BE3" s="505"/>
      <c r="BF3" s="505"/>
      <c r="BG3" s="505"/>
      <c r="BH3" s="505"/>
      <c r="BI3" s="505"/>
      <c r="BJ3" s="505"/>
      <c r="BK3" s="505"/>
      <c r="BL3" s="505"/>
      <c r="BM3" s="505"/>
      <c r="BN3" s="505"/>
      <c r="BO3" s="505"/>
      <c r="BP3" s="505"/>
      <c r="BQ3" s="505"/>
      <c r="BR3" s="505"/>
      <c r="BS3" s="505"/>
      <c r="BT3" s="505"/>
      <c r="BU3" s="505"/>
      <c r="BV3" s="505"/>
      <c r="BW3" s="505"/>
      <c r="BX3" s="505"/>
      <c r="BY3" s="505"/>
      <c r="BZ3" s="505"/>
      <c r="CA3" s="505"/>
      <c r="CB3" s="505"/>
      <c r="CC3" s="505"/>
      <c r="CD3" s="505"/>
      <c r="CE3" s="505"/>
      <c r="CF3" s="505"/>
      <c r="CG3" s="505"/>
      <c r="CH3" s="505"/>
      <c r="CI3" s="505"/>
      <c r="CJ3" s="505"/>
      <c r="CK3" s="505"/>
      <c r="CL3" s="505"/>
      <c r="CM3" s="505"/>
      <c r="CN3" s="505"/>
      <c r="CO3" s="505"/>
      <c r="CP3" s="505"/>
      <c r="CQ3" s="505"/>
      <c r="CR3" s="505"/>
      <c r="CS3" s="505"/>
      <c r="CT3" s="505"/>
      <c r="CU3" s="505"/>
      <c r="CV3" s="505"/>
      <c r="CW3" s="505"/>
      <c r="CX3" s="505"/>
      <c r="CY3" s="505"/>
      <c r="CZ3" s="505"/>
      <c r="DA3" s="505"/>
      <c r="DB3" s="505"/>
      <c r="DC3" s="505"/>
      <c r="DD3" s="505"/>
      <c r="DE3" s="505"/>
      <c r="DF3" s="505"/>
      <c r="DG3" s="505"/>
      <c r="DH3" s="506"/>
      <c r="DI3" s="746" t="s">
        <v>118</v>
      </c>
      <c r="DJ3" s="747"/>
      <c r="DK3" s="747"/>
      <c r="DL3" s="747"/>
      <c r="DM3" s="747"/>
      <c r="DN3" s="747"/>
      <c r="DO3" s="747"/>
      <c r="DP3" s="747"/>
      <c r="DQ3" s="747"/>
      <c r="DR3" s="747"/>
      <c r="DS3" s="747"/>
      <c r="DT3" s="747"/>
      <c r="DU3" s="747"/>
      <c r="DV3" s="747"/>
      <c r="DW3" s="747"/>
      <c r="DX3" s="747"/>
      <c r="DY3" s="747"/>
      <c r="DZ3" s="747"/>
      <c r="EA3" s="747"/>
      <c r="EB3" s="747"/>
      <c r="EC3" s="747"/>
      <c r="ED3" s="747"/>
      <c r="EE3" s="747"/>
      <c r="EF3" s="747"/>
      <c r="EG3" s="747"/>
      <c r="EH3" s="747"/>
      <c r="EI3" s="747"/>
      <c r="EJ3" s="747"/>
      <c r="EK3" s="747"/>
      <c r="EL3" s="747"/>
      <c r="EM3" s="747"/>
      <c r="EN3" s="747"/>
      <c r="EO3" s="747"/>
      <c r="EP3" s="747"/>
      <c r="EQ3" s="747"/>
      <c r="ER3" s="747"/>
      <c r="ES3" s="747"/>
      <c r="ET3" s="747"/>
      <c r="EU3" s="747"/>
      <c r="EV3" s="747"/>
      <c r="EW3" s="747"/>
      <c r="EX3" s="747"/>
      <c r="EY3" s="747"/>
      <c r="EZ3" s="747"/>
      <c r="FA3" s="747"/>
      <c r="FB3" s="747"/>
      <c r="FC3" s="747"/>
      <c r="FD3" s="747"/>
      <c r="FE3" s="747"/>
      <c r="FF3" s="747"/>
      <c r="FG3" s="747"/>
      <c r="FH3" s="747"/>
      <c r="FI3" s="747"/>
      <c r="FJ3" s="747"/>
      <c r="FK3" s="747"/>
      <c r="FL3" s="747"/>
      <c r="FM3" s="747"/>
      <c r="FN3" s="747"/>
      <c r="FO3" s="747"/>
      <c r="FP3" s="747"/>
      <c r="FQ3" s="747"/>
      <c r="FR3" s="747"/>
      <c r="FS3" s="747"/>
      <c r="FT3" s="747"/>
      <c r="FU3" s="747"/>
      <c r="FV3" s="747"/>
      <c r="FW3" s="747"/>
      <c r="FX3" s="747"/>
      <c r="FY3" s="747"/>
      <c r="FZ3" s="747"/>
      <c r="GA3" s="747"/>
      <c r="GB3" s="747"/>
      <c r="GC3" s="747"/>
      <c r="GD3" s="747"/>
      <c r="GE3" s="747"/>
      <c r="GF3" s="747"/>
      <c r="GG3" s="747"/>
      <c r="GH3" s="747"/>
      <c r="GI3" s="747"/>
      <c r="GJ3" s="747"/>
      <c r="GK3" s="747"/>
      <c r="GL3" s="747"/>
      <c r="GM3" s="747"/>
      <c r="GN3" s="747"/>
      <c r="GO3" s="747"/>
      <c r="GP3" s="747"/>
      <c r="GQ3" s="747"/>
      <c r="GR3" s="747"/>
      <c r="GS3" s="747"/>
      <c r="GT3" s="747"/>
      <c r="GU3" s="747"/>
      <c r="GV3" s="747"/>
      <c r="GW3" s="747"/>
      <c r="GX3" s="747"/>
      <c r="GY3" s="747"/>
      <c r="GZ3" s="747"/>
      <c r="HA3" s="747"/>
      <c r="HB3" s="747"/>
      <c r="HC3" s="747"/>
      <c r="HD3" s="747"/>
      <c r="HE3" s="747"/>
      <c r="HF3" s="747"/>
      <c r="HG3" s="747"/>
      <c r="HH3" s="747"/>
      <c r="HI3" s="747"/>
      <c r="HJ3" s="747"/>
      <c r="HK3" s="747"/>
      <c r="HL3" s="747"/>
      <c r="HM3" s="747"/>
      <c r="HN3" s="749"/>
      <c r="HO3" s="750" t="s">
        <v>60</v>
      </c>
      <c r="HP3" s="751"/>
      <c r="HQ3" s="751"/>
      <c r="HR3" s="751"/>
      <c r="HS3" s="751"/>
      <c r="HT3" s="751"/>
      <c r="HU3" s="751"/>
      <c r="HV3" s="751"/>
      <c r="HW3" s="751"/>
      <c r="HX3" s="751"/>
      <c r="HY3" s="752"/>
    </row>
    <row r="4" spans="2:233" ht="19.5" customHeight="1" thickBot="1" x14ac:dyDescent="0.25">
      <c r="B4" s="740"/>
      <c r="C4" s="726"/>
      <c r="D4" s="727"/>
      <c r="E4" s="727"/>
      <c r="F4" s="727"/>
      <c r="G4" s="727"/>
      <c r="H4" s="727"/>
      <c r="I4" s="727"/>
      <c r="J4" s="727"/>
      <c r="K4" s="727"/>
      <c r="L4" s="727"/>
      <c r="M4" s="748"/>
      <c r="N4" s="742" t="s">
        <v>57</v>
      </c>
      <c r="O4" s="743"/>
      <c r="P4" s="743"/>
      <c r="Q4" s="743"/>
      <c r="R4" s="743"/>
      <c r="S4" s="743"/>
      <c r="T4" s="743"/>
      <c r="U4" s="743"/>
      <c r="V4" s="743"/>
      <c r="W4" s="743"/>
      <c r="X4" s="744"/>
      <c r="Y4" s="742" t="s">
        <v>58</v>
      </c>
      <c r="Z4" s="743"/>
      <c r="AA4" s="743"/>
      <c r="AB4" s="743"/>
      <c r="AC4" s="743"/>
      <c r="AD4" s="743"/>
      <c r="AE4" s="743"/>
      <c r="AF4" s="743"/>
      <c r="AG4" s="743"/>
      <c r="AH4" s="743"/>
      <c r="AI4" s="744"/>
      <c r="AJ4" s="742" t="s">
        <v>59</v>
      </c>
      <c r="AK4" s="743"/>
      <c r="AL4" s="743"/>
      <c r="AM4" s="743"/>
      <c r="AN4" s="743"/>
      <c r="AO4" s="743"/>
      <c r="AP4" s="743"/>
      <c r="AQ4" s="743"/>
      <c r="AR4" s="743"/>
      <c r="AS4" s="743"/>
      <c r="AT4" s="744"/>
      <c r="AU4" s="742" t="s">
        <v>151</v>
      </c>
      <c r="AV4" s="743"/>
      <c r="AW4" s="743"/>
      <c r="AX4" s="743"/>
      <c r="AY4" s="743"/>
      <c r="AZ4" s="743"/>
      <c r="BA4" s="743"/>
      <c r="BB4" s="743"/>
      <c r="BC4" s="743"/>
      <c r="BD4" s="743"/>
      <c r="BE4" s="744"/>
      <c r="BF4" s="742" t="s">
        <v>117</v>
      </c>
      <c r="BG4" s="743"/>
      <c r="BH4" s="743"/>
      <c r="BI4" s="743"/>
      <c r="BJ4" s="743"/>
      <c r="BK4" s="743"/>
      <c r="BL4" s="743"/>
      <c r="BM4" s="743"/>
      <c r="BN4" s="743"/>
      <c r="BO4" s="743"/>
      <c r="BP4" s="744"/>
      <c r="BQ4" s="742" t="s">
        <v>77</v>
      </c>
      <c r="BR4" s="743"/>
      <c r="BS4" s="743"/>
      <c r="BT4" s="743"/>
      <c r="BU4" s="743"/>
      <c r="BV4" s="743"/>
      <c r="BW4" s="743"/>
      <c r="BX4" s="743"/>
      <c r="BY4" s="743"/>
      <c r="BZ4" s="743"/>
      <c r="CA4" s="744"/>
      <c r="CB4" s="742" t="s">
        <v>78</v>
      </c>
      <c r="CC4" s="743"/>
      <c r="CD4" s="743"/>
      <c r="CE4" s="743"/>
      <c r="CF4" s="743"/>
      <c r="CG4" s="743"/>
      <c r="CH4" s="743"/>
      <c r="CI4" s="743"/>
      <c r="CJ4" s="743"/>
      <c r="CK4" s="743"/>
      <c r="CL4" s="744"/>
      <c r="CM4" s="742" t="s">
        <v>79</v>
      </c>
      <c r="CN4" s="743"/>
      <c r="CO4" s="743"/>
      <c r="CP4" s="743"/>
      <c r="CQ4" s="743"/>
      <c r="CR4" s="743"/>
      <c r="CS4" s="743"/>
      <c r="CT4" s="743"/>
      <c r="CU4" s="743"/>
      <c r="CV4" s="743"/>
      <c r="CW4" s="744"/>
      <c r="CX4" s="742" t="s">
        <v>152</v>
      </c>
      <c r="CY4" s="743"/>
      <c r="CZ4" s="743"/>
      <c r="DA4" s="743"/>
      <c r="DB4" s="743"/>
      <c r="DC4" s="743"/>
      <c r="DD4" s="743"/>
      <c r="DE4" s="743"/>
      <c r="DF4" s="743"/>
      <c r="DG4" s="743"/>
      <c r="DH4" s="744"/>
      <c r="DI4" s="726"/>
      <c r="DJ4" s="727"/>
      <c r="DK4" s="727"/>
      <c r="DL4" s="727"/>
      <c r="DM4" s="727"/>
      <c r="DN4" s="727"/>
      <c r="DO4" s="727"/>
      <c r="DP4" s="727"/>
      <c r="DQ4" s="727"/>
      <c r="DR4" s="727"/>
      <c r="DS4" s="728"/>
      <c r="DT4" s="742" t="s">
        <v>57</v>
      </c>
      <c r="DU4" s="743"/>
      <c r="DV4" s="743"/>
      <c r="DW4" s="743"/>
      <c r="DX4" s="743"/>
      <c r="DY4" s="743"/>
      <c r="DZ4" s="743"/>
      <c r="EA4" s="743"/>
      <c r="EB4" s="743"/>
      <c r="EC4" s="743"/>
      <c r="ED4" s="744"/>
      <c r="EE4" s="742" t="s">
        <v>58</v>
      </c>
      <c r="EF4" s="743"/>
      <c r="EG4" s="743"/>
      <c r="EH4" s="743"/>
      <c r="EI4" s="743"/>
      <c r="EJ4" s="743"/>
      <c r="EK4" s="743"/>
      <c r="EL4" s="743"/>
      <c r="EM4" s="743"/>
      <c r="EN4" s="743"/>
      <c r="EO4" s="744"/>
      <c r="EP4" s="742" t="s">
        <v>59</v>
      </c>
      <c r="EQ4" s="743"/>
      <c r="ER4" s="743"/>
      <c r="ES4" s="743"/>
      <c r="ET4" s="743"/>
      <c r="EU4" s="743"/>
      <c r="EV4" s="743"/>
      <c r="EW4" s="743"/>
      <c r="EX4" s="743"/>
      <c r="EY4" s="743"/>
      <c r="EZ4" s="744"/>
      <c r="FA4" s="742" t="s">
        <v>151</v>
      </c>
      <c r="FB4" s="743"/>
      <c r="FC4" s="743"/>
      <c r="FD4" s="743"/>
      <c r="FE4" s="743"/>
      <c r="FF4" s="743"/>
      <c r="FG4" s="743"/>
      <c r="FH4" s="743"/>
      <c r="FI4" s="743"/>
      <c r="FJ4" s="743"/>
      <c r="FK4" s="744"/>
      <c r="FL4" s="742" t="s">
        <v>117</v>
      </c>
      <c r="FM4" s="743"/>
      <c r="FN4" s="743"/>
      <c r="FO4" s="743"/>
      <c r="FP4" s="743"/>
      <c r="FQ4" s="743"/>
      <c r="FR4" s="743"/>
      <c r="FS4" s="743"/>
      <c r="FT4" s="743"/>
      <c r="FU4" s="743"/>
      <c r="FV4" s="744"/>
      <c r="FW4" s="742" t="s">
        <v>77</v>
      </c>
      <c r="FX4" s="743"/>
      <c r="FY4" s="743"/>
      <c r="FZ4" s="743"/>
      <c r="GA4" s="743"/>
      <c r="GB4" s="743"/>
      <c r="GC4" s="743"/>
      <c r="GD4" s="743"/>
      <c r="GE4" s="743"/>
      <c r="GF4" s="743"/>
      <c r="GG4" s="744"/>
      <c r="GH4" s="742" t="s">
        <v>78</v>
      </c>
      <c r="GI4" s="743"/>
      <c r="GJ4" s="743"/>
      <c r="GK4" s="743"/>
      <c r="GL4" s="743"/>
      <c r="GM4" s="743"/>
      <c r="GN4" s="743"/>
      <c r="GO4" s="743"/>
      <c r="GP4" s="743"/>
      <c r="GQ4" s="743"/>
      <c r="GR4" s="744"/>
      <c r="GS4" s="742" t="s">
        <v>79</v>
      </c>
      <c r="GT4" s="743"/>
      <c r="GU4" s="743"/>
      <c r="GV4" s="743"/>
      <c r="GW4" s="743"/>
      <c r="GX4" s="743"/>
      <c r="GY4" s="743"/>
      <c r="GZ4" s="743"/>
      <c r="HA4" s="743"/>
      <c r="HB4" s="743"/>
      <c r="HC4" s="744"/>
      <c r="HD4" s="742" t="s">
        <v>152</v>
      </c>
      <c r="HE4" s="743"/>
      <c r="HF4" s="743"/>
      <c r="HG4" s="743"/>
      <c r="HH4" s="743"/>
      <c r="HI4" s="743"/>
      <c r="HJ4" s="743"/>
      <c r="HK4" s="743"/>
      <c r="HL4" s="743"/>
      <c r="HM4" s="743"/>
      <c r="HN4" s="744"/>
      <c r="HO4" s="753"/>
      <c r="HP4" s="754"/>
      <c r="HQ4" s="754"/>
      <c r="HR4" s="754"/>
      <c r="HS4" s="754"/>
      <c r="HT4" s="754"/>
      <c r="HU4" s="754"/>
      <c r="HV4" s="754"/>
      <c r="HW4" s="754"/>
      <c r="HX4" s="754"/>
      <c r="HY4" s="755"/>
    </row>
    <row r="5" spans="2:233" ht="19.5" customHeight="1" x14ac:dyDescent="0.2">
      <c r="B5" s="740"/>
      <c r="C5" s="731" t="s">
        <v>61</v>
      </c>
      <c r="D5" s="732"/>
      <c r="E5" s="733"/>
      <c r="F5" s="734" t="s">
        <v>62</v>
      </c>
      <c r="G5" s="732"/>
      <c r="H5" s="732"/>
      <c r="I5" s="732"/>
      <c r="J5" s="732"/>
      <c r="K5" s="732"/>
      <c r="L5" s="735"/>
      <c r="M5" s="745" t="s">
        <v>52</v>
      </c>
      <c r="N5" s="726" t="s">
        <v>61</v>
      </c>
      <c r="O5" s="727"/>
      <c r="P5" s="728"/>
      <c r="Q5" s="729" t="s">
        <v>62</v>
      </c>
      <c r="R5" s="727"/>
      <c r="S5" s="727"/>
      <c r="T5" s="727"/>
      <c r="U5" s="727"/>
      <c r="V5" s="727"/>
      <c r="W5" s="730"/>
      <c r="X5" s="628" t="s">
        <v>52</v>
      </c>
      <c r="Y5" s="726" t="s">
        <v>61</v>
      </c>
      <c r="Z5" s="727"/>
      <c r="AA5" s="728"/>
      <c r="AB5" s="729" t="s">
        <v>62</v>
      </c>
      <c r="AC5" s="727"/>
      <c r="AD5" s="727"/>
      <c r="AE5" s="727"/>
      <c r="AF5" s="727"/>
      <c r="AG5" s="727"/>
      <c r="AH5" s="730"/>
      <c r="AI5" s="628" t="s">
        <v>52</v>
      </c>
      <c r="AJ5" s="726" t="s">
        <v>61</v>
      </c>
      <c r="AK5" s="727"/>
      <c r="AL5" s="728"/>
      <c r="AM5" s="729" t="s">
        <v>62</v>
      </c>
      <c r="AN5" s="727"/>
      <c r="AO5" s="727"/>
      <c r="AP5" s="727"/>
      <c r="AQ5" s="727"/>
      <c r="AR5" s="727"/>
      <c r="AS5" s="730"/>
      <c r="AT5" s="628" t="s">
        <v>52</v>
      </c>
      <c r="AU5" s="726" t="s">
        <v>61</v>
      </c>
      <c r="AV5" s="727"/>
      <c r="AW5" s="728"/>
      <c r="AX5" s="729" t="s">
        <v>62</v>
      </c>
      <c r="AY5" s="727"/>
      <c r="AZ5" s="727"/>
      <c r="BA5" s="727"/>
      <c r="BB5" s="727"/>
      <c r="BC5" s="727"/>
      <c r="BD5" s="730"/>
      <c r="BE5" s="628" t="s">
        <v>52</v>
      </c>
      <c r="BF5" s="726" t="s">
        <v>61</v>
      </c>
      <c r="BG5" s="727"/>
      <c r="BH5" s="728"/>
      <c r="BI5" s="729" t="s">
        <v>62</v>
      </c>
      <c r="BJ5" s="727"/>
      <c r="BK5" s="727"/>
      <c r="BL5" s="727"/>
      <c r="BM5" s="727"/>
      <c r="BN5" s="727"/>
      <c r="BO5" s="730"/>
      <c r="BP5" s="628" t="s">
        <v>52</v>
      </c>
      <c r="BQ5" s="726" t="s">
        <v>61</v>
      </c>
      <c r="BR5" s="727"/>
      <c r="BS5" s="728"/>
      <c r="BT5" s="729" t="s">
        <v>62</v>
      </c>
      <c r="BU5" s="727"/>
      <c r="BV5" s="727"/>
      <c r="BW5" s="727"/>
      <c r="BX5" s="727"/>
      <c r="BY5" s="727"/>
      <c r="BZ5" s="730"/>
      <c r="CA5" s="628" t="s">
        <v>52</v>
      </c>
      <c r="CB5" s="726" t="s">
        <v>61</v>
      </c>
      <c r="CC5" s="727"/>
      <c r="CD5" s="728"/>
      <c r="CE5" s="729" t="s">
        <v>62</v>
      </c>
      <c r="CF5" s="727"/>
      <c r="CG5" s="727"/>
      <c r="CH5" s="727"/>
      <c r="CI5" s="727"/>
      <c r="CJ5" s="727"/>
      <c r="CK5" s="730"/>
      <c r="CL5" s="628" t="s">
        <v>52</v>
      </c>
      <c r="CM5" s="726" t="s">
        <v>61</v>
      </c>
      <c r="CN5" s="727"/>
      <c r="CO5" s="728"/>
      <c r="CP5" s="729" t="s">
        <v>62</v>
      </c>
      <c r="CQ5" s="727"/>
      <c r="CR5" s="727"/>
      <c r="CS5" s="727"/>
      <c r="CT5" s="727"/>
      <c r="CU5" s="727"/>
      <c r="CV5" s="730"/>
      <c r="CW5" s="628" t="s">
        <v>52</v>
      </c>
      <c r="CX5" s="726" t="s">
        <v>61</v>
      </c>
      <c r="CY5" s="727"/>
      <c r="CZ5" s="728"/>
      <c r="DA5" s="729" t="s">
        <v>62</v>
      </c>
      <c r="DB5" s="727"/>
      <c r="DC5" s="727"/>
      <c r="DD5" s="727"/>
      <c r="DE5" s="727"/>
      <c r="DF5" s="727"/>
      <c r="DG5" s="730"/>
      <c r="DH5" s="628" t="s">
        <v>52</v>
      </c>
      <c r="DI5" s="731" t="s">
        <v>61</v>
      </c>
      <c r="DJ5" s="732"/>
      <c r="DK5" s="733"/>
      <c r="DL5" s="734" t="s">
        <v>62</v>
      </c>
      <c r="DM5" s="732"/>
      <c r="DN5" s="732"/>
      <c r="DO5" s="732"/>
      <c r="DP5" s="732"/>
      <c r="DQ5" s="732"/>
      <c r="DR5" s="735"/>
      <c r="DS5" s="736" t="s">
        <v>52</v>
      </c>
      <c r="DT5" s="726" t="s">
        <v>61</v>
      </c>
      <c r="DU5" s="727"/>
      <c r="DV5" s="728"/>
      <c r="DW5" s="729" t="s">
        <v>62</v>
      </c>
      <c r="DX5" s="727"/>
      <c r="DY5" s="727"/>
      <c r="DZ5" s="727"/>
      <c r="EA5" s="727"/>
      <c r="EB5" s="727"/>
      <c r="EC5" s="730"/>
      <c r="ED5" s="628" t="s">
        <v>52</v>
      </c>
      <c r="EE5" s="726" t="s">
        <v>61</v>
      </c>
      <c r="EF5" s="727"/>
      <c r="EG5" s="728"/>
      <c r="EH5" s="729" t="s">
        <v>62</v>
      </c>
      <c r="EI5" s="727"/>
      <c r="EJ5" s="727"/>
      <c r="EK5" s="727"/>
      <c r="EL5" s="727"/>
      <c r="EM5" s="727"/>
      <c r="EN5" s="730"/>
      <c r="EO5" s="628" t="s">
        <v>52</v>
      </c>
      <c r="EP5" s="726" t="s">
        <v>61</v>
      </c>
      <c r="EQ5" s="727"/>
      <c r="ER5" s="728"/>
      <c r="ES5" s="729" t="s">
        <v>62</v>
      </c>
      <c r="ET5" s="727"/>
      <c r="EU5" s="727"/>
      <c r="EV5" s="727"/>
      <c r="EW5" s="727"/>
      <c r="EX5" s="727"/>
      <c r="EY5" s="730"/>
      <c r="EZ5" s="628" t="s">
        <v>52</v>
      </c>
      <c r="FA5" s="726" t="s">
        <v>61</v>
      </c>
      <c r="FB5" s="727"/>
      <c r="FC5" s="728"/>
      <c r="FD5" s="729" t="s">
        <v>62</v>
      </c>
      <c r="FE5" s="727"/>
      <c r="FF5" s="727"/>
      <c r="FG5" s="727"/>
      <c r="FH5" s="727"/>
      <c r="FI5" s="727"/>
      <c r="FJ5" s="730"/>
      <c r="FK5" s="628" t="s">
        <v>52</v>
      </c>
      <c r="FL5" s="726" t="s">
        <v>61</v>
      </c>
      <c r="FM5" s="727"/>
      <c r="FN5" s="728"/>
      <c r="FO5" s="729" t="s">
        <v>62</v>
      </c>
      <c r="FP5" s="727"/>
      <c r="FQ5" s="727"/>
      <c r="FR5" s="727"/>
      <c r="FS5" s="727"/>
      <c r="FT5" s="727"/>
      <c r="FU5" s="730"/>
      <c r="FV5" s="628" t="s">
        <v>52</v>
      </c>
      <c r="FW5" s="726" t="s">
        <v>61</v>
      </c>
      <c r="FX5" s="727"/>
      <c r="FY5" s="728"/>
      <c r="FZ5" s="729" t="s">
        <v>62</v>
      </c>
      <c r="GA5" s="727"/>
      <c r="GB5" s="727"/>
      <c r="GC5" s="727"/>
      <c r="GD5" s="727"/>
      <c r="GE5" s="727"/>
      <c r="GF5" s="730"/>
      <c r="GG5" s="628" t="s">
        <v>52</v>
      </c>
      <c r="GH5" s="726" t="s">
        <v>61</v>
      </c>
      <c r="GI5" s="727"/>
      <c r="GJ5" s="728"/>
      <c r="GK5" s="729" t="s">
        <v>62</v>
      </c>
      <c r="GL5" s="727"/>
      <c r="GM5" s="727"/>
      <c r="GN5" s="727"/>
      <c r="GO5" s="727"/>
      <c r="GP5" s="727"/>
      <c r="GQ5" s="730"/>
      <c r="GR5" s="628" t="s">
        <v>52</v>
      </c>
      <c r="GS5" s="726" t="s">
        <v>61</v>
      </c>
      <c r="GT5" s="727"/>
      <c r="GU5" s="728"/>
      <c r="GV5" s="729" t="s">
        <v>62</v>
      </c>
      <c r="GW5" s="727"/>
      <c r="GX5" s="727"/>
      <c r="GY5" s="727"/>
      <c r="GZ5" s="727"/>
      <c r="HA5" s="727"/>
      <c r="HB5" s="730"/>
      <c r="HC5" s="628" t="s">
        <v>52</v>
      </c>
      <c r="HD5" s="726" t="s">
        <v>61</v>
      </c>
      <c r="HE5" s="727"/>
      <c r="HF5" s="728"/>
      <c r="HG5" s="729" t="s">
        <v>62</v>
      </c>
      <c r="HH5" s="727"/>
      <c r="HI5" s="727"/>
      <c r="HJ5" s="727"/>
      <c r="HK5" s="727"/>
      <c r="HL5" s="727"/>
      <c r="HM5" s="730"/>
      <c r="HN5" s="628" t="s">
        <v>52</v>
      </c>
      <c r="HO5" s="726" t="s">
        <v>61</v>
      </c>
      <c r="HP5" s="727"/>
      <c r="HQ5" s="728"/>
      <c r="HR5" s="729" t="s">
        <v>62</v>
      </c>
      <c r="HS5" s="727"/>
      <c r="HT5" s="727"/>
      <c r="HU5" s="727"/>
      <c r="HV5" s="727"/>
      <c r="HW5" s="727"/>
      <c r="HX5" s="730"/>
      <c r="HY5" s="628" t="s">
        <v>52</v>
      </c>
    </row>
    <row r="6" spans="2:233" ht="34.5" customHeight="1" thickBot="1" x14ac:dyDescent="0.25">
      <c r="B6" s="741"/>
      <c r="C6" s="372" t="s">
        <v>119</v>
      </c>
      <c r="D6" s="373" t="s">
        <v>44</v>
      </c>
      <c r="E6" s="380" t="s">
        <v>45</v>
      </c>
      <c r="F6" s="381" t="s">
        <v>83</v>
      </c>
      <c r="G6" s="373" t="s">
        <v>47</v>
      </c>
      <c r="H6" s="373" t="s">
        <v>48</v>
      </c>
      <c r="I6" s="373" t="s">
        <v>49</v>
      </c>
      <c r="J6" s="373" t="s">
        <v>50</v>
      </c>
      <c r="K6" s="373" t="s">
        <v>51</v>
      </c>
      <c r="L6" s="382" t="s">
        <v>45</v>
      </c>
      <c r="M6" s="725"/>
      <c r="N6" s="372" t="s">
        <v>119</v>
      </c>
      <c r="O6" s="373" t="s">
        <v>44</v>
      </c>
      <c r="P6" s="380" t="s">
        <v>45</v>
      </c>
      <c r="Q6" s="381" t="s">
        <v>83</v>
      </c>
      <c r="R6" s="373" t="s">
        <v>47</v>
      </c>
      <c r="S6" s="373" t="s">
        <v>48</v>
      </c>
      <c r="T6" s="373" t="s">
        <v>49</v>
      </c>
      <c r="U6" s="373" t="s">
        <v>50</v>
      </c>
      <c r="V6" s="373" t="s">
        <v>51</v>
      </c>
      <c r="W6" s="382" t="s">
        <v>45</v>
      </c>
      <c r="X6" s="725"/>
      <c r="Y6" s="372" t="s">
        <v>119</v>
      </c>
      <c r="Z6" s="373" t="s">
        <v>44</v>
      </c>
      <c r="AA6" s="380" t="s">
        <v>45</v>
      </c>
      <c r="AB6" s="381" t="s">
        <v>83</v>
      </c>
      <c r="AC6" s="373" t="s">
        <v>47</v>
      </c>
      <c r="AD6" s="373" t="s">
        <v>48</v>
      </c>
      <c r="AE6" s="373" t="s">
        <v>49</v>
      </c>
      <c r="AF6" s="373" t="s">
        <v>50</v>
      </c>
      <c r="AG6" s="373" t="s">
        <v>51</v>
      </c>
      <c r="AH6" s="382" t="s">
        <v>45</v>
      </c>
      <c r="AI6" s="725"/>
      <c r="AJ6" s="372" t="s">
        <v>119</v>
      </c>
      <c r="AK6" s="373" t="s">
        <v>44</v>
      </c>
      <c r="AL6" s="380" t="s">
        <v>45</v>
      </c>
      <c r="AM6" s="381" t="s">
        <v>83</v>
      </c>
      <c r="AN6" s="373" t="s">
        <v>47</v>
      </c>
      <c r="AO6" s="373" t="s">
        <v>48</v>
      </c>
      <c r="AP6" s="373" t="s">
        <v>49</v>
      </c>
      <c r="AQ6" s="373" t="s">
        <v>50</v>
      </c>
      <c r="AR6" s="373" t="s">
        <v>51</v>
      </c>
      <c r="AS6" s="382" t="s">
        <v>45</v>
      </c>
      <c r="AT6" s="725"/>
      <c r="AU6" s="372" t="s">
        <v>119</v>
      </c>
      <c r="AV6" s="373" t="s">
        <v>44</v>
      </c>
      <c r="AW6" s="380" t="s">
        <v>45</v>
      </c>
      <c r="AX6" s="381" t="s">
        <v>83</v>
      </c>
      <c r="AY6" s="373" t="s">
        <v>47</v>
      </c>
      <c r="AZ6" s="373" t="s">
        <v>48</v>
      </c>
      <c r="BA6" s="373" t="s">
        <v>49</v>
      </c>
      <c r="BB6" s="373" t="s">
        <v>50</v>
      </c>
      <c r="BC6" s="373" t="s">
        <v>51</v>
      </c>
      <c r="BD6" s="382" t="s">
        <v>45</v>
      </c>
      <c r="BE6" s="725"/>
      <c r="BF6" s="372" t="s">
        <v>119</v>
      </c>
      <c r="BG6" s="373" t="s">
        <v>44</v>
      </c>
      <c r="BH6" s="380" t="s">
        <v>45</v>
      </c>
      <c r="BI6" s="381" t="s">
        <v>83</v>
      </c>
      <c r="BJ6" s="373" t="s">
        <v>47</v>
      </c>
      <c r="BK6" s="373" t="s">
        <v>48</v>
      </c>
      <c r="BL6" s="373" t="s">
        <v>49</v>
      </c>
      <c r="BM6" s="373" t="s">
        <v>50</v>
      </c>
      <c r="BN6" s="373" t="s">
        <v>51</v>
      </c>
      <c r="BO6" s="382" t="s">
        <v>45</v>
      </c>
      <c r="BP6" s="725"/>
      <c r="BQ6" s="372" t="s">
        <v>119</v>
      </c>
      <c r="BR6" s="373" t="s">
        <v>44</v>
      </c>
      <c r="BS6" s="380" t="s">
        <v>45</v>
      </c>
      <c r="BT6" s="381" t="s">
        <v>83</v>
      </c>
      <c r="BU6" s="373" t="s">
        <v>47</v>
      </c>
      <c r="BV6" s="373" t="s">
        <v>48</v>
      </c>
      <c r="BW6" s="373" t="s">
        <v>49</v>
      </c>
      <c r="BX6" s="373" t="s">
        <v>50</v>
      </c>
      <c r="BY6" s="373" t="s">
        <v>51</v>
      </c>
      <c r="BZ6" s="382" t="s">
        <v>45</v>
      </c>
      <c r="CA6" s="725"/>
      <c r="CB6" s="372" t="s">
        <v>119</v>
      </c>
      <c r="CC6" s="373" t="s">
        <v>44</v>
      </c>
      <c r="CD6" s="380" t="s">
        <v>45</v>
      </c>
      <c r="CE6" s="381" t="s">
        <v>83</v>
      </c>
      <c r="CF6" s="373" t="s">
        <v>47</v>
      </c>
      <c r="CG6" s="373" t="s">
        <v>48</v>
      </c>
      <c r="CH6" s="373" t="s">
        <v>49</v>
      </c>
      <c r="CI6" s="373" t="s">
        <v>50</v>
      </c>
      <c r="CJ6" s="373" t="s">
        <v>51</v>
      </c>
      <c r="CK6" s="382" t="s">
        <v>45</v>
      </c>
      <c r="CL6" s="725"/>
      <c r="CM6" s="372" t="s">
        <v>119</v>
      </c>
      <c r="CN6" s="373" t="s">
        <v>44</v>
      </c>
      <c r="CO6" s="380" t="s">
        <v>45</v>
      </c>
      <c r="CP6" s="381" t="s">
        <v>83</v>
      </c>
      <c r="CQ6" s="373" t="s">
        <v>47</v>
      </c>
      <c r="CR6" s="373" t="s">
        <v>48</v>
      </c>
      <c r="CS6" s="373" t="s">
        <v>49</v>
      </c>
      <c r="CT6" s="373" t="s">
        <v>50</v>
      </c>
      <c r="CU6" s="373" t="s">
        <v>51</v>
      </c>
      <c r="CV6" s="382" t="s">
        <v>45</v>
      </c>
      <c r="CW6" s="725"/>
      <c r="CX6" s="372" t="s">
        <v>119</v>
      </c>
      <c r="CY6" s="373" t="s">
        <v>44</v>
      </c>
      <c r="CZ6" s="380" t="s">
        <v>45</v>
      </c>
      <c r="DA6" s="381" t="s">
        <v>83</v>
      </c>
      <c r="DB6" s="373" t="s">
        <v>47</v>
      </c>
      <c r="DC6" s="373" t="s">
        <v>48</v>
      </c>
      <c r="DD6" s="373" t="s">
        <v>49</v>
      </c>
      <c r="DE6" s="373" t="s">
        <v>50</v>
      </c>
      <c r="DF6" s="373" t="s">
        <v>51</v>
      </c>
      <c r="DG6" s="382" t="s">
        <v>45</v>
      </c>
      <c r="DH6" s="725"/>
      <c r="DI6" s="372" t="s">
        <v>119</v>
      </c>
      <c r="DJ6" s="373" t="s">
        <v>44</v>
      </c>
      <c r="DK6" s="380" t="s">
        <v>45</v>
      </c>
      <c r="DL6" s="381" t="s">
        <v>83</v>
      </c>
      <c r="DM6" s="373" t="s">
        <v>47</v>
      </c>
      <c r="DN6" s="373" t="s">
        <v>48</v>
      </c>
      <c r="DO6" s="373" t="s">
        <v>49</v>
      </c>
      <c r="DP6" s="373" t="s">
        <v>50</v>
      </c>
      <c r="DQ6" s="373" t="s">
        <v>51</v>
      </c>
      <c r="DR6" s="382" t="s">
        <v>45</v>
      </c>
      <c r="DS6" s="737"/>
      <c r="DT6" s="372" t="s">
        <v>119</v>
      </c>
      <c r="DU6" s="373" t="s">
        <v>44</v>
      </c>
      <c r="DV6" s="380" t="s">
        <v>45</v>
      </c>
      <c r="DW6" s="381" t="s">
        <v>83</v>
      </c>
      <c r="DX6" s="373" t="s">
        <v>47</v>
      </c>
      <c r="DY6" s="373" t="s">
        <v>48</v>
      </c>
      <c r="DZ6" s="373" t="s">
        <v>49</v>
      </c>
      <c r="EA6" s="373" t="s">
        <v>50</v>
      </c>
      <c r="EB6" s="373" t="s">
        <v>51</v>
      </c>
      <c r="EC6" s="382" t="s">
        <v>45</v>
      </c>
      <c r="ED6" s="725"/>
      <c r="EE6" s="372" t="s">
        <v>119</v>
      </c>
      <c r="EF6" s="373" t="s">
        <v>44</v>
      </c>
      <c r="EG6" s="380" t="s">
        <v>45</v>
      </c>
      <c r="EH6" s="381" t="s">
        <v>83</v>
      </c>
      <c r="EI6" s="373" t="s">
        <v>47</v>
      </c>
      <c r="EJ6" s="373" t="s">
        <v>48</v>
      </c>
      <c r="EK6" s="373" t="s">
        <v>49</v>
      </c>
      <c r="EL6" s="373" t="s">
        <v>50</v>
      </c>
      <c r="EM6" s="373" t="s">
        <v>51</v>
      </c>
      <c r="EN6" s="382" t="s">
        <v>45</v>
      </c>
      <c r="EO6" s="725"/>
      <c r="EP6" s="372" t="s">
        <v>119</v>
      </c>
      <c r="EQ6" s="373" t="s">
        <v>44</v>
      </c>
      <c r="ER6" s="380" t="s">
        <v>45</v>
      </c>
      <c r="ES6" s="381" t="s">
        <v>83</v>
      </c>
      <c r="ET6" s="373" t="s">
        <v>47</v>
      </c>
      <c r="EU6" s="373" t="s">
        <v>48</v>
      </c>
      <c r="EV6" s="373" t="s">
        <v>49</v>
      </c>
      <c r="EW6" s="373" t="s">
        <v>50</v>
      </c>
      <c r="EX6" s="373" t="s">
        <v>51</v>
      </c>
      <c r="EY6" s="382" t="s">
        <v>45</v>
      </c>
      <c r="EZ6" s="725"/>
      <c r="FA6" s="372" t="s">
        <v>119</v>
      </c>
      <c r="FB6" s="373" t="s">
        <v>44</v>
      </c>
      <c r="FC6" s="380" t="s">
        <v>45</v>
      </c>
      <c r="FD6" s="381" t="s">
        <v>83</v>
      </c>
      <c r="FE6" s="373" t="s">
        <v>47</v>
      </c>
      <c r="FF6" s="373" t="s">
        <v>48</v>
      </c>
      <c r="FG6" s="373" t="s">
        <v>49</v>
      </c>
      <c r="FH6" s="373" t="s">
        <v>50</v>
      </c>
      <c r="FI6" s="373" t="s">
        <v>51</v>
      </c>
      <c r="FJ6" s="382" t="s">
        <v>45</v>
      </c>
      <c r="FK6" s="725"/>
      <c r="FL6" s="372" t="s">
        <v>119</v>
      </c>
      <c r="FM6" s="373" t="s">
        <v>44</v>
      </c>
      <c r="FN6" s="380" t="s">
        <v>45</v>
      </c>
      <c r="FO6" s="381" t="s">
        <v>83</v>
      </c>
      <c r="FP6" s="373" t="s">
        <v>47</v>
      </c>
      <c r="FQ6" s="373" t="s">
        <v>48</v>
      </c>
      <c r="FR6" s="373" t="s">
        <v>49</v>
      </c>
      <c r="FS6" s="373" t="s">
        <v>50</v>
      </c>
      <c r="FT6" s="373" t="s">
        <v>51</v>
      </c>
      <c r="FU6" s="382" t="s">
        <v>45</v>
      </c>
      <c r="FV6" s="725"/>
      <c r="FW6" s="372" t="s">
        <v>119</v>
      </c>
      <c r="FX6" s="373" t="s">
        <v>44</v>
      </c>
      <c r="FY6" s="380" t="s">
        <v>45</v>
      </c>
      <c r="FZ6" s="381" t="s">
        <v>83</v>
      </c>
      <c r="GA6" s="373" t="s">
        <v>47</v>
      </c>
      <c r="GB6" s="373" t="s">
        <v>48</v>
      </c>
      <c r="GC6" s="373" t="s">
        <v>49</v>
      </c>
      <c r="GD6" s="373" t="s">
        <v>50</v>
      </c>
      <c r="GE6" s="373" t="s">
        <v>51</v>
      </c>
      <c r="GF6" s="382" t="s">
        <v>45</v>
      </c>
      <c r="GG6" s="725"/>
      <c r="GH6" s="372" t="s">
        <v>119</v>
      </c>
      <c r="GI6" s="373" t="s">
        <v>44</v>
      </c>
      <c r="GJ6" s="380" t="s">
        <v>45</v>
      </c>
      <c r="GK6" s="381" t="s">
        <v>83</v>
      </c>
      <c r="GL6" s="373" t="s">
        <v>47</v>
      </c>
      <c r="GM6" s="373" t="s">
        <v>48</v>
      </c>
      <c r="GN6" s="373" t="s">
        <v>49</v>
      </c>
      <c r="GO6" s="373" t="s">
        <v>50</v>
      </c>
      <c r="GP6" s="373" t="s">
        <v>51</v>
      </c>
      <c r="GQ6" s="382" t="s">
        <v>45</v>
      </c>
      <c r="GR6" s="725"/>
      <c r="GS6" s="372" t="s">
        <v>119</v>
      </c>
      <c r="GT6" s="373" t="s">
        <v>44</v>
      </c>
      <c r="GU6" s="380" t="s">
        <v>45</v>
      </c>
      <c r="GV6" s="381" t="s">
        <v>83</v>
      </c>
      <c r="GW6" s="373" t="s">
        <v>47</v>
      </c>
      <c r="GX6" s="373" t="s">
        <v>48</v>
      </c>
      <c r="GY6" s="373" t="s">
        <v>49</v>
      </c>
      <c r="GZ6" s="373" t="s">
        <v>50</v>
      </c>
      <c r="HA6" s="373" t="s">
        <v>51</v>
      </c>
      <c r="HB6" s="382" t="s">
        <v>45</v>
      </c>
      <c r="HC6" s="725"/>
      <c r="HD6" s="372" t="s">
        <v>119</v>
      </c>
      <c r="HE6" s="373" t="s">
        <v>44</v>
      </c>
      <c r="HF6" s="380" t="s">
        <v>45</v>
      </c>
      <c r="HG6" s="381" t="s">
        <v>83</v>
      </c>
      <c r="HH6" s="373" t="s">
        <v>47</v>
      </c>
      <c r="HI6" s="373" t="s">
        <v>48</v>
      </c>
      <c r="HJ6" s="373" t="s">
        <v>49</v>
      </c>
      <c r="HK6" s="373" t="s">
        <v>50</v>
      </c>
      <c r="HL6" s="373" t="s">
        <v>51</v>
      </c>
      <c r="HM6" s="382" t="s">
        <v>45</v>
      </c>
      <c r="HN6" s="725"/>
      <c r="HO6" s="372" t="s">
        <v>119</v>
      </c>
      <c r="HP6" s="373" t="s">
        <v>44</v>
      </c>
      <c r="HQ6" s="380" t="s">
        <v>45</v>
      </c>
      <c r="HR6" s="381" t="s">
        <v>83</v>
      </c>
      <c r="HS6" s="373" t="s">
        <v>47</v>
      </c>
      <c r="HT6" s="373" t="s">
        <v>48</v>
      </c>
      <c r="HU6" s="373" t="s">
        <v>49</v>
      </c>
      <c r="HV6" s="373" t="s">
        <v>50</v>
      </c>
      <c r="HW6" s="373" t="s">
        <v>51</v>
      </c>
      <c r="HX6" s="382" t="s">
        <v>45</v>
      </c>
      <c r="HY6" s="725"/>
    </row>
    <row r="7" spans="2:233" s="491" customFormat="1" ht="16.5" customHeight="1" x14ac:dyDescent="0.2">
      <c r="B7" s="482" t="s">
        <v>4</v>
      </c>
      <c r="C7" s="483">
        <v>22809</v>
      </c>
      <c r="D7" s="484">
        <v>87062</v>
      </c>
      <c r="E7" s="485">
        <v>109871</v>
      </c>
      <c r="F7" s="486">
        <v>0</v>
      </c>
      <c r="G7" s="484">
        <v>20446157</v>
      </c>
      <c r="H7" s="484">
        <v>42607210</v>
      </c>
      <c r="I7" s="484">
        <v>125344632</v>
      </c>
      <c r="J7" s="484">
        <v>159449325</v>
      </c>
      <c r="K7" s="484">
        <v>102381362</v>
      </c>
      <c r="L7" s="487">
        <v>450228686</v>
      </c>
      <c r="M7" s="488">
        <v>450338557</v>
      </c>
      <c r="N7" s="483">
        <v>0</v>
      </c>
      <c r="O7" s="484">
        <v>0</v>
      </c>
      <c r="P7" s="485">
        <v>0</v>
      </c>
      <c r="Q7" s="489"/>
      <c r="R7" s="484">
        <v>4970599</v>
      </c>
      <c r="S7" s="484">
        <v>13637969</v>
      </c>
      <c r="T7" s="484">
        <v>85764068</v>
      </c>
      <c r="U7" s="484">
        <v>116125220</v>
      </c>
      <c r="V7" s="484">
        <v>78445197</v>
      </c>
      <c r="W7" s="487">
        <v>298943053</v>
      </c>
      <c r="X7" s="488">
        <v>298943053</v>
      </c>
      <c r="Y7" s="483">
        <v>0</v>
      </c>
      <c r="Z7" s="484">
        <v>0</v>
      </c>
      <c r="AA7" s="485">
        <v>0</v>
      </c>
      <c r="AB7" s="489"/>
      <c r="AC7" s="484">
        <v>13232869</v>
      </c>
      <c r="AD7" s="484">
        <v>23941873</v>
      </c>
      <c r="AE7" s="484">
        <v>28918984</v>
      </c>
      <c r="AF7" s="484">
        <v>30994516</v>
      </c>
      <c r="AG7" s="484">
        <v>15505386</v>
      </c>
      <c r="AH7" s="487">
        <v>112593628</v>
      </c>
      <c r="AI7" s="488">
        <v>112593628</v>
      </c>
      <c r="AJ7" s="483">
        <v>0</v>
      </c>
      <c r="AK7" s="484">
        <v>0</v>
      </c>
      <c r="AL7" s="485">
        <v>0</v>
      </c>
      <c r="AM7" s="489"/>
      <c r="AN7" s="484">
        <v>0</v>
      </c>
      <c r="AO7" s="484">
        <v>15900</v>
      </c>
      <c r="AP7" s="484">
        <v>66870</v>
      </c>
      <c r="AQ7" s="484">
        <v>886096</v>
      </c>
      <c r="AR7" s="484">
        <v>1089156</v>
      </c>
      <c r="AS7" s="487">
        <v>2058022</v>
      </c>
      <c r="AT7" s="488">
        <v>2058022</v>
      </c>
      <c r="AU7" s="483">
        <v>0</v>
      </c>
      <c r="AV7" s="484">
        <v>0</v>
      </c>
      <c r="AW7" s="485">
        <v>0</v>
      </c>
      <c r="AX7" s="489"/>
      <c r="AY7" s="484">
        <v>229245</v>
      </c>
      <c r="AZ7" s="484">
        <v>147250</v>
      </c>
      <c r="BA7" s="484">
        <v>451125</v>
      </c>
      <c r="BB7" s="484">
        <v>1965980</v>
      </c>
      <c r="BC7" s="484">
        <v>2414101</v>
      </c>
      <c r="BD7" s="487">
        <v>5207701</v>
      </c>
      <c r="BE7" s="488">
        <v>5207701</v>
      </c>
      <c r="BF7" s="483">
        <v>0</v>
      </c>
      <c r="BG7" s="484">
        <v>0</v>
      </c>
      <c r="BH7" s="485">
        <v>0</v>
      </c>
      <c r="BI7" s="489"/>
      <c r="BJ7" s="484">
        <v>70525</v>
      </c>
      <c r="BK7" s="484">
        <v>279850</v>
      </c>
      <c r="BL7" s="484">
        <v>1558090</v>
      </c>
      <c r="BM7" s="484">
        <v>1899900</v>
      </c>
      <c r="BN7" s="484">
        <v>1100770</v>
      </c>
      <c r="BO7" s="487">
        <v>4909135</v>
      </c>
      <c r="BP7" s="488">
        <v>4909135</v>
      </c>
      <c r="BQ7" s="483">
        <v>22809</v>
      </c>
      <c r="BR7" s="484">
        <v>86627</v>
      </c>
      <c r="BS7" s="485">
        <v>109436</v>
      </c>
      <c r="BT7" s="486">
        <v>0</v>
      </c>
      <c r="BU7" s="484">
        <v>1876018</v>
      </c>
      <c r="BV7" s="484">
        <v>4299637</v>
      </c>
      <c r="BW7" s="484">
        <v>8285931</v>
      </c>
      <c r="BX7" s="484">
        <v>7180984</v>
      </c>
      <c r="BY7" s="484">
        <v>3562947</v>
      </c>
      <c r="BZ7" s="487">
        <v>25205517</v>
      </c>
      <c r="CA7" s="488">
        <v>25314953</v>
      </c>
      <c r="CB7" s="483">
        <v>0</v>
      </c>
      <c r="CC7" s="484">
        <v>435</v>
      </c>
      <c r="CD7" s="485">
        <v>435</v>
      </c>
      <c r="CE7" s="486">
        <v>0</v>
      </c>
      <c r="CF7" s="484">
        <v>66901</v>
      </c>
      <c r="CG7" s="484">
        <v>284731</v>
      </c>
      <c r="CH7" s="484">
        <v>298839</v>
      </c>
      <c r="CI7" s="484">
        <v>396629</v>
      </c>
      <c r="CJ7" s="484">
        <v>263805</v>
      </c>
      <c r="CK7" s="487">
        <v>1310905</v>
      </c>
      <c r="CL7" s="488">
        <v>1311340</v>
      </c>
      <c r="CM7" s="483">
        <v>0</v>
      </c>
      <c r="CN7" s="484">
        <v>0</v>
      </c>
      <c r="CO7" s="485">
        <v>0</v>
      </c>
      <c r="CP7" s="486">
        <v>0</v>
      </c>
      <c r="CQ7" s="484">
        <v>0</v>
      </c>
      <c r="CR7" s="484">
        <v>0</v>
      </c>
      <c r="CS7" s="484">
        <v>0</v>
      </c>
      <c r="CT7" s="484">
        <v>0</v>
      </c>
      <c r="CU7" s="484">
        <v>0</v>
      </c>
      <c r="CV7" s="487">
        <v>0</v>
      </c>
      <c r="CW7" s="488">
        <v>0</v>
      </c>
      <c r="CX7" s="483">
        <v>0</v>
      </c>
      <c r="CY7" s="484">
        <v>0</v>
      </c>
      <c r="CZ7" s="485">
        <v>0</v>
      </c>
      <c r="DA7" s="489"/>
      <c r="DB7" s="484">
        <v>0</v>
      </c>
      <c r="DC7" s="484">
        <v>0</v>
      </c>
      <c r="DD7" s="484">
        <v>725</v>
      </c>
      <c r="DE7" s="484">
        <v>0</v>
      </c>
      <c r="DF7" s="484">
        <v>0</v>
      </c>
      <c r="DG7" s="487">
        <v>725</v>
      </c>
      <c r="DH7" s="488">
        <v>725</v>
      </c>
      <c r="DI7" s="483">
        <v>37766</v>
      </c>
      <c r="DJ7" s="484">
        <v>153540</v>
      </c>
      <c r="DK7" s="485">
        <v>191306</v>
      </c>
      <c r="DL7" s="486">
        <v>0</v>
      </c>
      <c r="DM7" s="484">
        <v>12606110</v>
      </c>
      <c r="DN7" s="484">
        <v>33275551</v>
      </c>
      <c r="DO7" s="484">
        <v>132715527</v>
      </c>
      <c r="DP7" s="484">
        <v>167765089</v>
      </c>
      <c r="DQ7" s="484">
        <v>104841579</v>
      </c>
      <c r="DR7" s="487">
        <v>451203856</v>
      </c>
      <c r="DS7" s="490">
        <v>451395162</v>
      </c>
      <c r="DT7" s="483">
        <v>0</v>
      </c>
      <c r="DU7" s="484">
        <v>0</v>
      </c>
      <c r="DV7" s="485">
        <v>0</v>
      </c>
      <c r="DW7" s="489"/>
      <c r="DX7" s="484">
        <v>6156438</v>
      </c>
      <c r="DY7" s="484">
        <v>19556349</v>
      </c>
      <c r="DZ7" s="484">
        <v>109940282</v>
      </c>
      <c r="EA7" s="484">
        <v>145705690</v>
      </c>
      <c r="EB7" s="484">
        <v>92733069</v>
      </c>
      <c r="EC7" s="487">
        <v>374091828</v>
      </c>
      <c r="ED7" s="488">
        <v>374091828</v>
      </c>
      <c r="EE7" s="483">
        <v>0</v>
      </c>
      <c r="EF7" s="484">
        <v>0</v>
      </c>
      <c r="EG7" s="485">
        <v>0</v>
      </c>
      <c r="EH7" s="489"/>
      <c r="EI7" s="484">
        <v>3271057</v>
      </c>
      <c r="EJ7" s="484">
        <v>6388293</v>
      </c>
      <c r="EK7" s="484">
        <v>6742364</v>
      </c>
      <c r="EL7" s="484">
        <v>7114854</v>
      </c>
      <c r="EM7" s="484">
        <v>4045852</v>
      </c>
      <c r="EN7" s="487">
        <v>27562420</v>
      </c>
      <c r="EO7" s="488">
        <v>27562420</v>
      </c>
      <c r="EP7" s="483">
        <v>0</v>
      </c>
      <c r="EQ7" s="484">
        <v>0</v>
      </c>
      <c r="ER7" s="485">
        <v>0</v>
      </c>
      <c r="ES7" s="489"/>
      <c r="ET7" s="484">
        <v>0</v>
      </c>
      <c r="EU7" s="484">
        <v>0</v>
      </c>
      <c r="EV7" s="484">
        <v>24242</v>
      </c>
      <c r="EW7" s="484">
        <v>101372</v>
      </c>
      <c r="EX7" s="484">
        <v>202765</v>
      </c>
      <c r="EY7" s="487">
        <v>328379</v>
      </c>
      <c r="EZ7" s="488">
        <v>328379</v>
      </c>
      <c r="FA7" s="483">
        <v>0</v>
      </c>
      <c r="FB7" s="484">
        <v>0</v>
      </c>
      <c r="FC7" s="485">
        <v>0</v>
      </c>
      <c r="FD7" s="489"/>
      <c r="FE7" s="484">
        <v>47833</v>
      </c>
      <c r="FF7" s="484">
        <v>47182</v>
      </c>
      <c r="FG7" s="484">
        <v>119992</v>
      </c>
      <c r="FH7" s="484">
        <v>331569</v>
      </c>
      <c r="FI7" s="484">
        <v>411270</v>
      </c>
      <c r="FJ7" s="487">
        <v>957846</v>
      </c>
      <c r="FK7" s="488">
        <v>957846</v>
      </c>
      <c r="FL7" s="483">
        <v>0</v>
      </c>
      <c r="FM7" s="484">
        <v>0</v>
      </c>
      <c r="FN7" s="485">
        <v>0</v>
      </c>
      <c r="FO7" s="489"/>
      <c r="FP7" s="484">
        <v>166222</v>
      </c>
      <c r="FQ7" s="484">
        <v>378634</v>
      </c>
      <c r="FR7" s="484">
        <v>2591131</v>
      </c>
      <c r="FS7" s="484">
        <v>3536869</v>
      </c>
      <c r="FT7" s="484">
        <v>1920441</v>
      </c>
      <c r="FU7" s="487">
        <v>8593297</v>
      </c>
      <c r="FV7" s="488">
        <v>8593297</v>
      </c>
      <c r="FW7" s="483">
        <v>37766</v>
      </c>
      <c r="FX7" s="484">
        <v>152108</v>
      </c>
      <c r="FY7" s="485">
        <v>189874</v>
      </c>
      <c r="FZ7" s="486">
        <v>0</v>
      </c>
      <c r="GA7" s="484">
        <v>2909101</v>
      </c>
      <c r="GB7" s="484">
        <v>6755724</v>
      </c>
      <c r="GC7" s="484">
        <v>13116641</v>
      </c>
      <c r="GD7" s="484">
        <v>10732217</v>
      </c>
      <c r="GE7" s="484">
        <v>5393711</v>
      </c>
      <c r="GF7" s="487">
        <v>38907394</v>
      </c>
      <c r="GG7" s="488">
        <v>39097268</v>
      </c>
      <c r="GH7" s="483">
        <v>0</v>
      </c>
      <c r="GI7" s="484">
        <v>1432</v>
      </c>
      <c r="GJ7" s="485">
        <v>1432</v>
      </c>
      <c r="GK7" s="486">
        <v>0</v>
      </c>
      <c r="GL7" s="484">
        <v>55459</v>
      </c>
      <c r="GM7" s="484">
        <v>149369</v>
      </c>
      <c r="GN7" s="484">
        <v>180833</v>
      </c>
      <c r="GO7" s="484">
        <v>242518</v>
      </c>
      <c r="GP7" s="484">
        <v>134471</v>
      </c>
      <c r="GQ7" s="487">
        <v>762650</v>
      </c>
      <c r="GR7" s="488">
        <v>764082</v>
      </c>
      <c r="GS7" s="483">
        <v>0</v>
      </c>
      <c r="GT7" s="484">
        <v>0</v>
      </c>
      <c r="GU7" s="485">
        <v>0</v>
      </c>
      <c r="GV7" s="486">
        <v>0</v>
      </c>
      <c r="GW7" s="484">
        <v>0</v>
      </c>
      <c r="GX7" s="484">
        <v>0</v>
      </c>
      <c r="GY7" s="484">
        <v>0</v>
      </c>
      <c r="GZ7" s="484">
        <v>0</v>
      </c>
      <c r="HA7" s="484">
        <v>0</v>
      </c>
      <c r="HB7" s="487">
        <v>0</v>
      </c>
      <c r="HC7" s="488">
        <v>0</v>
      </c>
      <c r="HD7" s="483">
        <v>0</v>
      </c>
      <c r="HE7" s="484">
        <v>0</v>
      </c>
      <c r="HF7" s="485">
        <v>0</v>
      </c>
      <c r="HG7" s="489"/>
      <c r="HH7" s="484">
        <v>0</v>
      </c>
      <c r="HI7" s="484">
        <v>0</v>
      </c>
      <c r="HJ7" s="484">
        <v>42</v>
      </c>
      <c r="HK7" s="484">
        <v>0</v>
      </c>
      <c r="HL7" s="484">
        <v>0</v>
      </c>
      <c r="HM7" s="487">
        <v>42</v>
      </c>
      <c r="HN7" s="488">
        <v>42</v>
      </c>
      <c r="HO7" s="483">
        <v>60575</v>
      </c>
      <c r="HP7" s="484">
        <v>240602</v>
      </c>
      <c r="HQ7" s="485">
        <v>301177</v>
      </c>
      <c r="HR7" s="486">
        <v>0</v>
      </c>
      <c r="HS7" s="484">
        <v>33052267</v>
      </c>
      <c r="HT7" s="484">
        <v>75882761</v>
      </c>
      <c r="HU7" s="484">
        <v>258060159</v>
      </c>
      <c r="HV7" s="484">
        <v>327214414</v>
      </c>
      <c r="HW7" s="484">
        <v>207222941</v>
      </c>
      <c r="HX7" s="487">
        <v>901432542</v>
      </c>
      <c r="HY7" s="488">
        <v>901733719</v>
      </c>
    </row>
    <row r="8" spans="2:233" s="491" customFormat="1" ht="16.5" customHeight="1" x14ac:dyDescent="0.2">
      <c r="B8" s="492" t="s">
        <v>5</v>
      </c>
      <c r="C8" s="493">
        <v>3950</v>
      </c>
      <c r="D8" s="494">
        <v>22940</v>
      </c>
      <c r="E8" s="495">
        <v>26890</v>
      </c>
      <c r="F8" s="496">
        <v>0</v>
      </c>
      <c r="G8" s="494">
        <v>8194132</v>
      </c>
      <c r="H8" s="494">
        <v>21052350</v>
      </c>
      <c r="I8" s="494">
        <v>52493233</v>
      </c>
      <c r="J8" s="494">
        <v>66083530</v>
      </c>
      <c r="K8" s="494">
        <v>44596841</v>
      </c>
      <c r="L8" s="497">
        <v>192420086</v>
      </c>
      <c r="M8" s="498">
        <v>192446976</v>
      </c>
      <c r="N8" s="493">
        <v>0</v>
      </c>
      <c r="O8" s="494">
        <v>0</v>
      </c>
      <c r="P8" s="495">
        <v>0</v>
      </c>
      <c r="Q8" s="499"/>
      <c r="R8" s="494">
        <v>2662857</v>
      </c>
      <c r="S8" s="494">
        <v>8586382</v>
      </c>
      <c r="T8" s="494">
        <v>36615058</v>
      </c>
      <c r="U8" s="494">
        <v>49252472</v>
      </c>
      <c r="V8" s="494">
        <v>34269110</v>
      </c>
      <c r="W8" s="497">
        <v>131385879</v>
      </c>
      <c r="X8" s="498">
        <v>131385879</v>
      </c>
      <c r="Y8" s="493">
        <v>0</v>
      </c>
      <c r="Z8" s="494">
        <v>0</v>
      </c>
      <c r="AA8" s="495">
        <v>0</v>
      </c>
      <c r="AB8" s="499"/>
      <c r="AC8" s="494">
        <v>4940029</v>
      </c>
      <c r="AD8" s="494">
        <v>10527847</v>
      </c>
      <c r="AE8" s="494">
        <v>11983475</v>
      </c>
      <c r="AF8" s="494">
        <v>13056938</v>
      </c>
      <c r="AG8" s="494">
        <v>7669474</v>
      </c>
      <c r="AH8" s="497">
        <v>48177763</v>
      </c>
      <c r="AI8" s="498">
        <v>48177763</v>
      </c>
      <c r="AJ8" s="493">
        <v>0</v>
      </c>
      <c r="AK8" s="494">
        <v>0</v>
      </c>
      <c r="AL8" s="495">
        <v>0</v>
      </c>
      <c r="AM8" s="499"/>
      <c r="AN8" s="494">
        <v>0</v>
      </c>
      <c r="AO8" s="494">
        <v>0</v>
      </c>
      <c r="AP8" s="494">
        <v>0</v>
      </c>
      <c r="AQ8" s="494">
        <v>152809</v>
      </c>
      <c r="AR8" s="494">
        <v>283765</v>
      </c>
      <c r="AS8" s="497">
        <v>436574</v>
      </c>
      <c r="AT8" s="498">
        <v>436574</v>
      </c>
      <c r="AU8" s="493">
        <v>0</v>
      </c>
      <c r="AV8" s="494">
        <v>0</v>
      </c>
      <c r="AW8" s="495">
        <v>0</v>
      </c>
      <c r="AX8" s="499"/>
      <c r="AY8" s="494">
        <v>0</v>
      </c>
      <c r="AZ8" s="494">
        <v>70990</v>
      </c>
      <c r="BA8" s="494">
        <v>59955</v>
      </c>
      <c r="BB8" s="494">
        <v>518730</v>
      </c>
      <c r="BC8" s="494">
        <v>503225</v>
      </c>
      <c r="BD8" s="497">
        <v>1152900</v>
      </c>
      <c r="BE8" s="498">
        <v>1152900</v>
      </c>
      <c r="BF8" s="493">
        <v>0</v>
      </c>
      <c r="BG8" s="494">
        <v>0</v>
      </c>
      <c r="BH8" s="495">
        <v>0</v>
      </c>
      <c r="BI8" s="499"/>
      <c r="BJ8" s="494">
        <v>37975</v>
      </c>
      <c r="BK8" s="494">
        <v>58145</v>
      </c>
      <c r="BL8" s="494">
        <v>198135</v>
      </c>
      <c r="BM8" s="494">
        <v>231445</v>
      </c>
      <c r="BN8" s="494">
        <v>188780</v>
      </c>
      <c r="BO8" s="497">
        <v>714480</v>
      </c>
      <c r="BP8" s="498">
        <v>714480</v>
      </c>
      <c r="BQ8" s="493">
        <v>3950</v>
      </c>
      <c r="BR8" s="494">
        <v>22940</v>
      </c>
      <c r="BS8" s="495">
        <v>26890</v>
      </c>
      <c r="BT8" s="496">
        <v>0</v>
      </c>
      <c r="BU8" s="494">
        <v>518190</v>
      </c>
      <c r="BV8" s="494">
        <v>1697299</v>
      </c>
      <c r="BW8" s="494">
        <v>3463996</v>
      </c>
      <c r="BX8" s="494">
        <v>2666340</v>
      </c>
      <c r="BY8" s="494">
        <v>1552935</v>
      </c>
      <c r="BZ8" s="497">
        <v>9898760</v>
      </c>
      <c r="CA8" s="498">
        <v>9925650</v>
      </c>
      <c r="CB8" s="493">
        <v>0</v>
      </c>
      <c r="CC8" s="494">
        <v>0</v>
      </c>
      <c r="CD8" s="495">
        <v>0</v>
      </c>
      <c r="CE8" s="496">
        <v>0</v>
      </c>
      <c r="CF8" s="494">
        <v>35081</v>
      </c>
      <c r="CG8" s="494">
        <v>111687</v>
      </c>
      <c r="CH8" s="494">
        <v>172614</v>
      </c>
      <c r="CI8" s="494">
        <v>204796</v>
      </c>
      <c r="CJ8" s="494">
        <v>129552</v>
      </c>
      <c r="CK8" s="497">
        <v>653730</v>
      </c>
      <c r="CL8" s="498">
        <v>653730</v>
      </c>
      <c r="CM8" s="493">
        <v>0</v>
      </c>
      <c r="CN8" s="494">
        <v>0</v>
      </c>
      <c r="CO8" s="495">
        <v>0</v>
      </c>
      <c r="CP8" s="496">
        <v>0</v>
      </c>
      <c r="CQ8" s="494">
        <v>0</v>
      </c>
      <c r="CR8" s="494">
        <v>0</v>
      </c>
      <c r="CS8" s="494">
        <v>0</v>
      </c>
      <c r="CT8" s="494">
        <v>0</v>
      </c>
      <c r="CU8" s="494">
        <v>0</v>
      </c>
      <c r="CV8" s="497">
        <v>0</v>
      </c>
      <c r="CW8" s="498">
        <v>0</v>
      </c>
      <c r="CX8" s="493">
        <v>0</v>
      </c>
      <c r="CY8" s="494">
        <v>0</v>
      </c>
      <c r="CZ8" s="495">
        <v>0</v>
      </c>
      <c r="DA8" s="499"/>
      <c r="DB8" s="494">
        <v>0</v>
      </c>
      <c r="DC8" s="494">
        <v>0</v>
      </c>
      <c r="DD8" s="494">
        <v>0</v>
      </c>
      <c r="DE8" s="494">
        <v>0</v>
      </c>
      <c r="DF8" s="494">
        <v>0</v>
      </c>
      <c r="DG8" s="497">
        <v>0</v>
      </c>
      <c r="DH8" s="498">
        <v>0</v>
      </c>
      <c r="DI8" s="493">
        <v>9603</v>
      </c>
      <c r="DJ8" s="494">
        <v>40772</v>
      </c>
      <c r="DK8" s="495">
        <v>50375</v>
      </c>
      <c r="DL8" s="496">
        <v>0</v>
      </c>
      <c r="DM8" s="494">
        <v>6044148</v>
      </c>
      <c r="DN8" s="494">
        <v>19419083</v>
      </c>
      <c r="DO8" s="494">
        <v>57766012</v>
      </c>
      <c r="DP8" s="494">
        <v>72650079</v>
      </c>
      <c r="DQ8" s="494">
        <v>47413637</v>
      </c>
      <c r="DR8" s="497">
        <v>203292959</v>
      </c>
      <c r="DS8" s="500">
        <v>203343334</v>
      </c>
      <c r="DT8" s="493">
        <v>0</v>
      </c>
      <c r="DU8" s="494">
        <v>0</v>
      </c>
      <c r="DV8" s="495">
        <v>0</v>
      </c>
      <c r="DW8" s="499"/>
      <c r="DX8" s="494">
        <v>3451017</v>
      </c>
      <c r="DY8" s="494">
        <v>12592303</v>
      </c>
      <c r="DZ8" s="494">
        <v>47976586</v>
      </c>
      <c r="EA8" s="494">
        <v>63526259</v>
      </c>
      <c r="EB8" s="494">
        <v>41822157</v>
      </c>
      <c r="EC8" s="497">
        <v>169368322</v>
      </c>
      <c r="ED8" s="498">
        <v>169368322</v>
      </c>
      <c r="EE8" s="493">
        <v>0</v>
      </c>
      <c r="EF8" s="494">
        <v>0</v>
      </c>
      <c r="EG8" s="495">
        <v>0</v>
      </c>
      <c r="EH8" s="499"/>
      <c r="EI8" s="494">
        <v>1585512</v>
      </c>
      <c r="EJ8" s="494">
        <v>3895655</v>
      </c>
      <c r="EK8" s="494">
        <v>3971379</v>
      </c>
      <c r="EL8" s="494">
        <v>4030315</v>
      </c>
      <c r="EM8" s="494">
        <v>2666148</v>
      </c>
      <c r="EN8" s="497">
        <v>16149009</v>
      </c>
      <c r="EO8" s="498">
        <v>16149009</v>
      </c>
      <c r="EP8" s="493">
        <v>0</v>
      </c>
      <c r="EQ8" s="494">
        <v>0</v>
      </c>
      <c r="ER8" s="495">
        <v>0</v>
      </c>
      <c r="ES8" s="499"/>
      <c r="ET8" s="494">
        <v>0</v>
      </c>
      <c r="EU8" s="494">
        <v>0</v>
      </c>
      <c r="EV8" s="494">
        <v>11687</v>
      </c>
      <c r="EW8" s="494">
        <v>15376</v>
      </c>
      <c r="EX8" s="494">
        <v>17474</v>
      </c>
      <c r="EY8" s="497">
        <v>44537</v>
      </c>
      <c r="EZ8" s="498">
        <v>44537</v>
      </c>
      <c r="FA8" s="493">
        <v>0</v>
      </c>
      <c r="FB8" s="494">
        <v>0</v>
      </c>
      <c r="FC8" s="495">
        <v>0</v>
      </c>
      <c r="FD8" s="499"/>
      <c r="FE8" s="494">
        <v>0</v>
      </c>
      <c r="FF8" s="494">
        <v>23374</v>
      </c>
      <c r="FG8" s="494">
        <v>26433</v>
      </c>
      <c r="FH8" s="494">
        <v>98295</v>
      </c>
      <c r="FI8" s="494">
        <v>95928</v>
      </c>
      <c r="FJ8" s="497">
        <v>244030</v>
      </c>
      <c r="FK8" s="498">
        <v>244030</v>
      </c>
      <c r="FL8" s="493">
        <v>0</v>
      </c>
      <c r="FM8" s="494">
        <v>0</v>
      </c>
      <c r="FN8" s="495">
        <v>0</v>
      </c>
      <c r="FO8" s="499"/>
      <c r="FP8" s="494">
        <v>79918</v>
      </c>
      <c r="FQ8" s="494">
        <v>59038</v>
      </c>
      <c r="FR8" s="494">
        <v>307484</v>
      </c>
      <c r="FS8" s="494">
        <v>430214</v>
      </c>
      <c r="FT8" s="494">
        <v>296002</v>
      </c>
      <c r="FU8" s="497">
        <v>1172656</v>
      </c>
      <c r="FV8" s="498">
        <v>1172656</v>
      </c>
      <c r="FW8" s="493">
        <v>9603</v>
      </c>
      <c r="FX8" s="494">
        <v>40772</v>
      </c>
      <c r="FY8" s="495">
        <v>50375</v>
      </c>
      <c r="FZ8" s="496">
        <v>0</v>
      </c>
      <c r="GA8" s="494">
        <v>899786</v>
      </c>
      <c r="GB8" s="494">
        <v>2800075</v>
      </c>
      <c r="GC8" s="494">
        <v>5406313</v>
      </c>
      <c r="GD8" s="494">
        <v>4424419</v>
      </c>
      <c r="GE8" s="494">
        <v>2450495</v>
      </c>
      <c r="GF8" s="497">
        <v>15981088</v>
      </c>
      <c r="GG8" s="498">
        <v>16031463</v>
      </c>
      <c r="GH8" s="493">
        <v>0</v>
      </c>
      <c r="GI8" s="494">
        <v>0</v>
      </c>
      <c r="GJ8" s="495">
        <v>0</v>
      </c>
      <c r="GK8" s="496">
        <v>0</v>
      </c>
      <c r="GL8" s="494">
        <v>27915</v>
      </c>
      <c r="GM8" s="494">
        <v>48638</v>
      </c>
      <c r="GN8" s="494">
        <v>66130</v>
      </c>
      <c r="GO8" s="494">
        <v>125201</v>
      </c>
      <c r="GP8" s="494">
        <v>65433</v>
      </c>
      <c r="GQ8" s="497">
        <v>333317</v>
      </c>
      <c r="GR8" s="498">
        <v>333317</v>
      </c>
      <c r="GS8" s="493">
        <v>0</v>
      </c>
      <c r="GT8" s="494">
        <v>0</v>
      </c>
      <c r="GU8" s="495">
        <v>0</v>
      </c>
      <c r="GV8" s="496">
        <v>0</v>
      </c>
      <c r="GW8" s="494">
        <v>0</v>
      </c>
      <c r="GX8" s="494">
        <v>0</v>
      </c>
      <c r="GY8" s="494">
        <v>0</v>
      </c>
      <c r="GZ8" s="494">
        <v>0</v>
      </c>
      <c r="HA8" s="494">
        <v>0</v>
      </c>
      <c r="HB8" s="497">
        <v>0</v>
      </c>
      <c r="HC8" s="498">
        <v>0</v>
      </c>
      <c r="HD8" s="493">
        <v>0</v>
      </c>
      <c r="HE8" s="494">
        <v>0</v>
      </c>
      <c r="HF8" s="495">
        <v>0</v>
      </c>
      <c r="HG8" s="499"/>
      <c r="HH8" s="494">
        <v>0</v>
      </c>
      <c r="HI8" s="494">
        <v>0</v>
      </c>
      <c r="HJ8" s="494">
        <v>0</v>
      </c>
      <c r="HK8" s="494">
        <v>0</v>
      </c>
      <c r="HL8" s="494">
        <v>0</v>
      </c>
      <c r="HM8" s="497">
        <v>0</v>
      </c>
      <c r="HN8" s="498">
        <v>0</v>
      </c>
      <c r="HO8" s="493">
        <v>13553</v>
      </c>
      <c r="HP8" s="494">
        <v>63712</v>
      </c>
      <c r="HQ8" s="495">
        <v>77265</v>
      </c>
      <c r="HR8" s="496">
        <v>0</v>
      </c>
      <c r="HS8" s="494">
        <v>14238280</v>
      </c>
      <c r="HT8" s="494">
        <v>40471433</v>
      </c>
      <c r="HU8" s="494">
        <v>110259245</v>
      </c>
      <c r="HV8" s="494">
        <v>138733609</v>
      </c>
      <c r="HW8" s="494">
        <v>92010478</v>
      </c>
      <c r="HX8" s="497">
        <v>395713045</v>
      </c>
      <c r="HY8" s="498">
        <v>395790310</v>
      </c>
    </row>
    <row r="9" spans="2:233" ht="16.5" customHeight="1" x14ac:dyDescent="0.2">
      <c r="B9" s="293" t="s">
        <v>6</v>
      </c>
      <c r="C9" s="295">
        <v>340</v>
      </c>
      <c r="D9" s="296">
        <v>29280</v>
      </c>
      <c r="E9" s="297">
        <v>29620</v>
      </c>
      <c r="F9" s="298">
        <v>0</v>
      </c>
      <c r="G9" s="296">
        <v>2991552</v>
      </c>
      <c r="H9" s="296">
        <v>4848178</v>
      </c>
      <c r="I9" s="296">
        <v>16664136</v>
      </c>
      <c r="J9" s="296">
        <v>22425216</v>
      </c>
      <c r="K9" s="296">
        <v>14298406</v>
      </c>
      <c r="L9" s="299">
        <v>61227488</v>
      </c>
      <c r="M9" s="300">
        <v>61257108</v>
      </c>
      <c r="N9" s="295">
        <v>0</v>
      </c>
      <c r="O9" s="296">
        <v>0</v>
      </c>
      <c r="P9" s="297">
        <v>0</v>
      </c>
      <c r="Q9" s="301"/>
      <c r="R9" s="296">
        <v>1079605</v>
      </c>
      <c r="S9" s="296">
        <v>1757058</v>
      </c>
      <c r="T9" s="296">
        <v>11974857</v>
      </c>
      <c r="U9" s="296">
        <v>15450095</v>
      </c>
      <c r="V9" s="296">
        <v>10648420</v>
      </c>
      <c r="W9" s="299">
        <v>40910035</v>
      </c>
      <c r="X9" s="300">
        <v>40910035</v>
      </c>
      <c r="Y9" s="295">
        <v>0</v>
      </c>
      <c r="Z9" s="296">
        <v>0</v>
      </c>
      <c r="AA9" s="297">
        <v>0</v>
      </c>
      <c r="AB9" s="301"/>
      <c r="AC9" s="296">
        <v>1673113</v>
      </c>
      <c r="AD9" s="296">
        <v>2445280</v>
      </c>
      <c r="AE9" s="296">
        <v>3542185</v>
      </c>
      <c r="AF9" s="296">
        <v>4699868</v>
      </c>
      <c r="AG9" s="296">
        <v>2142750</v>
      </c>
      <c r="AH9" s="299">
        <v>14503196</v>
      </c>
      <c r="AI9" s="300">
        <v>14503196</v>
      </c>
      <c r="AJ9" s="295">
        <v>0</v>
      </c>
      <c r="AK9" s="296">
        <v>0</v>
      </c>
      <c r="AL9" s="297">
        <v>0</v>
      </c>
      <c r="AM9" s="301"/>
      <c r="AN9" s="296">
        <v>0</v>
      </c>
      <c r="AO9" s="296">
        <v>0</v>
      </c>
      <c r="AP9" s="296">
        <v>29915</v>
      </c>
      <c r="AQ9" s="296">
        <v>380045</v>
      </c>
      <c r="AR9" s="296">
        <v>475410</v>
      </c>
      <c r="AS9" s="299">
        <v>885370</v>
      </c>
      <c r="AT9" s="300">
        <v>885370</v>
      </c>
      <c r="AU9" s="295">
        <v>0</v>
      </c>
      <c r="AV9" s="296">
        <v>0</v>
      </c>
      <c r="AW9" s="297">
        <v>0</v>
      </c>
      <c r="AX9" s="301"/>
      <c r="AY9" s="296">
        <v>0</v>
      </c>
      <c r="AZ9" s="296">
        <v>0</v>
      </c>
      <c r="BA9" s="296">
        <v>32550</v>
      </c>
      <c r="BB9" s="296">
        <v>317630</v>
      </c>
      <c r="BC9" s="296">
        <v>357841</v>
      </c>
      <c r="BD9" s="299">
        <v>708021</v>
      </c>
      <c r="BE9" s="300">
        <v>708021</v>
      </c>
      <c r="BF9" s="295">
        <v>0</v>
      </c>
      <c r="BG9" s="296">
        <v>0</v>
      </c>
      <c r="BH9" s="297">
        <v>0</v>
      </c>
      <c r="BI9" s="301"/>
      <c r="BJ9" s="296">
        <v>27280</v>
      </c>
      <c r="BK9" s="296">
        <v>100905</v>
      </c>
      <c r="BL9" s="296">
        <v>210055</v>
      </c>
      <c r="BM9" s="296">
        <v>471750</v>
      </c>
      <c r="BN9" s="296">
        <v>241280</v>
      </c>
      <c r="BO9" s="299">
        <v>1051270</v>
      </c>
      <c r="BP9" s="300">
        <v>1051270</v>
      </c>
      <c r="BQ9" s="295">
        <v>340</v>
      </c>
      <c r="BR9" s="296">
        <v>29280</v>
      </c>
      <c r="BS9" s="297">
        <v>29620</v>
      </c>
      <c r="BT9" s="298">
        <v>0</v>
      </c>
      <c r="BU9" s="296">
        <v>198384</v>
      </c>
      <c r="BV9" s="296">
        <v>471695</v>
      </c>
      <c r="BW9" s="296">
        <v>828104</v>
      </c>
      <c r="BX9" s="296">
        <v>1031483</v>
      </c>
      <c r="BY9" s="296">
        <v>372945</v>
      </c>
      <c r="BZ9" s="299">
        <v>2902611</v>
      </c>
      <c r="CA9" s="300">
        <v>2932231</v>
      </c>
      <c r="CB9" s="295">
        <v>0</v>
      </c>
      <c r="CC9" s="296">
        <v>0</v>
      </c>
      <c r="CD9" s="297">
        <v>0</v>
      </c>
      <c r="CE9" s="298">
        <v>0</v>
      </c>
      <c r="CF9" s="296">
        <v>13170</v>
      </c>
      <c r="CG9" s="296">
        <v>73240</v>
      </c>
      <c r="CH9" s="296">
        <v>46470</v>
      </c>
      <c r="CI9" s="296">
        <v>74345</v>
      </c>
      <c r="CJ9" s="296">
        <v>59760</v>
      </c>
      <c r="CK9" s="299">
        <v>266985</v>
      </c>
      <c r="CL9" s="300">
        <v>266985</v>
      </c>
      <c r="CM9" s="295">
        <v>0</v>
      </c>
      <c r="CN9" s="296">
        <v>0</v>
      </c>
      <c r="CO9" s="297">
        <v>0</v>
      </c>
      <c r="CP9" s="298">
        <v>0</v>
      </c>
      <c r="CQ9" s="296">
        <v>0</v>
      </c>
      <c r="CR9" s="296">
        <v>0</v>
      </c>
      <c r="CS9" s="296">
        <v>0</v>
      </c>
      <c r="CT9" s="296">
        <v>0</v>
      </c>
      <c r="CU9" s="296">
        <v>0</v>
      </c>
      <c r="CV9" s="299">
        <v>0</v>
      </c>
      <c r="CW9" s="300">
        <v>0</v>
      </c>
      <c r="CX9" s="295">
        <v>0</v>
      </c>
      <c r="CY9" s="296">
        <v>0</v>
      </c>
      <c r="CZ9" s="297">
        <v>0</v>
      </c>
      <c r="DA9" s="301"/>
      <c r="DB9" s="296">
        <v>0</v>
      </c>
      <c r="DC9" s="296">
        <v>0</v>
      </c>
      <c r="DD9" s="296">
        <v>0</v>
      </c>
      <c r="DE9" s="296">
        <v>0</v>
      </c>
      <c r="DF9" s="296">
        <v>0</v>
      </c>
      <c r="DG9" s="299">
        <v>0</v>
      </c>
      <c r="DH9" s="300">
        <v>0</v>
      </c>
      <c r="DI9" s="295">
        <v>1053</v>
      </c>
      <c r="DJ9" s="296">
        <v>48943</v>
      </c>
      <c r="DK9" s="297">
        <v>49996</v>
      </c>
      <c r="DL9" s="298">
        <v>0</v>
      </c>
      <c r="DM9" s="296">
        <v>1711165</v>
      </c>
      <c r="DN9" s="296">
        <v>3563204</v>
      </c>
      <c r="DO9" s="296">
        <v>15177762</v>
      </c>
      <c r="DP9" s="296">
        <v>20110260</v>
      </c>
      <c r="DQ9" s="296">
        <v>12611361</v>
      </c>
      <c r="DR9" s="299">
        <v>53173752</v>
      </c>
      <c r="DS9" s="302">
        <v>53223748</v>
      </c>
      <c r="DT9" s="295">
        <v>0</v>
      </c>
      <c r="DU9" s="296">
        <v>0</v>
      </c>
      <c r="DV9" s="297">
        <v>0</v>
      </c>
      <c r="DW9" s="301"/>
      <c r="DX9" s="296">
        <v>935895</v>
      </c>
      <c r="DY9" s="296">
        <v>2040257</v>
      </c>
      <c r="DZ9" s="296">
        <v>12833178</v>
      </c>
      <c r="EA9" s="296">
        <v>16601251</v>
      </c>
      <c r="EB9" s="296">
        <v>10963607</v>
      </c>
      <c r="EC9" s="299">
        <v>43374188</v>
      </c>
      <c r="ED9" s="300">
        <v>43374188</v>
      </c>
      <c r="EE9" s="295">
        <v>0</v>
      </c>
      <c r="EF9" s="296">
        <v>0</v>
      </c>
      <c r="EG9" s="297">
        <v>0</v>
      </c>
      <c r="EH9" s="301"/>
      <c r="EI9" s="296">
        <v>397170</v>
      </c>
      <c r="EJ9" s="296">
        <v>678642</v>
      </c>
      <c r="EK9" s="296">
        <v>730542</v>
      </c>
      <c r="EL9" s="296">
        <v>1109146</v>
      </c>
      <c r="EM9" s="296">
        <v>521088</v>
      </c>
      <c r="EN9" s="299">
        <v>3436588</v>
      </c>
      <c r="EO9" s="300">
        <v>3436588</v>
      </c>
      <c r="EP9" s="295">
        <v>0</v>
      </c>
      <c r="EQ9" s="296">
        <v>0</v>
      </c>
      <c r="ER9" s="297">
        <v>0</v>
      </c>
      <c r="ES9" s="301"/>
      <c r="ET9" s="296">
        <v>0</v>
      </c>
      <c r="EU9" s="296">
        <v>0</v>
      </c>
      <c r="EV9" s="296">
        <v>12121</v>
      </c>
      <c r="EW9" s="296">
        <v>50437</v>
      </c>
      <c r="EX9" s="296">
        <v>103761</v>
      </c>
      <c r="EY9" s="299">
        <v>166319</v>
      </c>
      <c r="EZ9" s="300">
        <v>166319</v>
      </c>
      <c r="FA9" s="295">
        <v>0</v>
      </c>
      <c r="FB9" s="296">
        <v>0</v>
      </c>
      <c r="FC9" s="297">
        <v>0</v>
      </c>
      <c r="FD9" s="301"/>
      <c r="FE9" s="296">
        <v>0</v>
      </c>
      <c r="FF9" s="296">
        <v>0</v>
      </c>
      <c r="FG9" s="296">
        <v>651</v>
      </c>
      <c r="FH9" s="296">
        <v>71361</v>
      </c>
      <c r="FI9" s="296">
        <v>47111</v>
      </c>
      <c r="FJ9" s="299">
        <v>119123</v>
      </c>
      <c r="FK9" s="300">
        <v>119123</v>
      </c>
      <c r="FL9" s="295">
        <v>0</v>
      </c>
      <c r="FM9" s="296">
        <v>0</v>
      </c>
      <c r="FN9" s="297">
        <v>0</v>
      </c>
      <c r="FO9" s="301"/>
      <c r="FP9" s="296">
        <v>43152</v>
      </c>
      <c r="FQ9" s="296">
        <v>100037</v>
      </c>
      <c r="FR9" s="296">
        <v>440720</v>
      </c>
      <c r="FS9" s="296">
        <v>1003557</v>
      </c>
      <c r="FT9" s="296">
        <v>423596</v>
      </c>
      <c r="FU9" s="299">
        <v>2011062</v>
      </c>
      <c r="FV9" s="300">
        <v>2011062</v>
      </c>
      <c r="FW9" s="295">
        <v>1053</v>
      </c>
      <c r="FX9" s="296">
        <v>48943</v>
      </c>
      <c r="FY9" s="297">
        <v>49996</v>
      </c>
      <c r="FZ9" s="298">
        <v>0</v>
      </c>
      <c r="GA9" s="296">
        <v>320414</v>
      </c>
      <c r="GB9" s="296">
        <v>673959</v>
      </c>
      <c r="GC9" s="296">
        <v>1112060</v>
      </c>
      <c r="GD9" s="296">
        <v>1212176</v>
      </c>
      <c r="GE9" s="296">
        <v>507636</v>
      </c>
      <c r="GF9" s="299">
        <v>3826245</v>
      </c>
      <c r="GG9" s="300">
        <v>3876241</v>
      </c>
      <c r="GH9" s="295">
        <v>0</v>
      </c>
      <c r="GI9" s="296">
        <v>0</v>
      </c>
      <c r="GJ9" s="297">
        <v>0</v>
      </c>
      <c r="GK9" s="298">
        <v>0</v>
      </c>
      <c r="GL9" s="296">
        <v>14534</v>
      </c>
      <c r="GM9" s="296">
        <v>70309</v>
      </c>
      <c r="GN9" s="296">
        <v>48490</v>
      </c>
      <c r="GO9" s="296">
        <v>62332</v>
      </c>
      <c r="GP9" s="296">
        <v>44562</v>
      </c>
      <c r="GQ9" s="299">
        <v>240227</v>
      </c>
      <c r="GR9" s="300">
        <v>240227</v>
      </c>
      <c r="GS9" s="295">
        <v>0</v>
      </c>
      <c r="GT9" s="296">
        <v>0</v>
      </c>
      <c r="GU9" s="297">
        <v>0</v>
      </c>
      <c r="GV9" s="298">
        <v>0</v>
      </c>
      <c r="GW9" s="296">
        <v>0</v>
      </c>
      <c r="GX9" s="296">
        <v>0</v>
      </c>
      <c r="GY9" s="296">
        <v>0</v>
      </c>
      <c r="GZ9" s="296">
        <v>0</v>
      </c>
      <c r="HA9" s="296">
        <v>0</v>
      </c>
      <c r="HB9" s="299">
        <v>0</v>
      </c>
      <c r="HC9" s="300">
        <v>0</v>
      </c>
      <c r="HD9" s="295">
        <v>0</v>
      </c>
      <c r="HE9" s="296">
        <v>0</v>
      </c>
      <c r="HF9" s="297">
        <v>0</v>
      </c>
      <c r="HG9" s="301"/>
      <c r="HH9" s="296">
        <v>0</v>
      </c>
      <c r="HI9" s="296">
        <v>0</v>
      </c>
      <c r="HJ9" s="296">
        <v>0</v>
      </c>
      <c r="HK9" s="296">
        <v>0</v>
      </c>
      <c r="HL9" s="296">
        <v>0</v>
      </c>
      <c r="HM9" s="299">
        <v>0</v>
      </c>
      <c r="HN9" s="300">
        <v>0</v>
      </c>
      <c r="HO9" s="295">
        <v>1393</v>
      </c>
      <c r="HP9" s="296">
        <v>78223</v>
      </c>
      <c r="HQ9" s="297">
        <v>79616</v>
      </c>
      <c r="HR9" s="298">
        <v>0</v>
      </c>
      <c r="HS9" s="296">
        <v>4702717</v>
      </c>
      <c r="HT9" s="296">
        <v>8411382</v>
      </c>
      <c r="HU9" s="296">
        <v>31841898</v>
      </c>
      <c r="HV9" s="296">
        <v>42535476</v>
      </c>
      <c r="HW9" s="296">
        <v>26909767</v>
      </c>
      <c r="HX9" s="299">
        <v>114401240</v>
      </c>
      <c r="HY9" s="300">
        <v>114480856</v>
      </c>
    </row>
    <row r="10" spans="2:233" ht="16.5" customHeight="1" x14ac:dyDescent="0.2">
      <c r="B10" s="293" t="s">
        <v>14</v>
      </c>
      <c r="C10" s="295">
        <v>2290</v>
      </c>
      <c r="D10" s="296">
        <v>2915</v>
      </c>
      <c r="E10" s="297">
        <v>5205</v>
      </c>
      <c r="F10" s="298">
        <v>0</v>
      </c>
      <c r="G10" s="296">
        <v>944474</v>
      </c>
      <c r="H10" s="296">
        <v>2357467</v>
      </c>
      <c r="I10" s="296">
        <v>9149657</v>
      </c>
      <c r="J10" s="296">
        <v>13491083</v>
      </c>
      <c r="K10" s="296">
        <v>7276284</v>
      </c>
      <c r="L10" s="299">
        <v>33218965</v>
      </c>
      <c r="M10" s="300">
        <v>33224170</v>
      </c>
      <c r="N10" s="295">
        <v>0</v>
      </c>
      <c r="O10" s="296">
        <v>0</v>
      </c>
      <c r="P10" s="297">
        <v>0</v>
      </c>
      <c r="Q10" s="301"/>
      <c r="R10" s="296">
        <v>109362</v>
      </c>
      <c r="S10" s="296">
        <v>471466</v>
      </c>
      <c r="T10" s="296">
        <v>6439523</v>
      </c>
      <c r="U10" s="296">
        <v>9945980</v>
      </c>
      <c r="V10" s="296">
        <v>5423060</v>
      </c>
      <c r="W10" s="299">
        <v>22389391</v>
      </c>
      <c r="X10" s="300">
        <v>22389391</v>
      </c>
      <c r="Y10" s="295">
        <v>0</v>
      </c>
      <c r="Z10" s="296">
        <v>0</v>
      </c>
      <c r="AA10" s="297">
        <v>0</v>
      </c>
      <c r="AB10" s="301"/>
      <c r="AC10" s="296">
        <v>724877</v>
      </c>
      <c r="AD10" s="296">
        <v>1601158</v>
      </c>
      <c r="AE10" s="296">
        <v>1899782</v>
      </c>
      <c r="AF10" s="296">
        <v>1934183</v>
      </c>
      <c r="AG10" s="296">
        <v>887589</v>
      </c>
      <c r="AH10" s="299">
        <v>7047589</v>
      </c>
      <c r="AI10" s="300">
        <v>7047589</v>
      </c>
      <c r="AJ10" s="295">
        <v>0</v>
      </c>
      <c r="AK10" s="296">
        <v>0</v>
      </c>
      <c r="AL10" s="297">
        <v>0</v>
      </c>
      <c r="AM10" s="301"/>
      <c r="AN10" s="296">
        <v>0</v>
      </c>
      <c r="AO10" s="296">
        <v>15900</v>
      </c>
      <c r="AP10" s="296">
        <v>1615</v>
      </c>
      <c r="AQ10" s="296">
        <v>248865</v>
      </c>
      <c r="AR10" s="296">
        <v>177185</v>
      </c>
      <c r="AS10" s="299">
        <v>443565</v>
      </c>
      <c r="AT10" s="300">
        <v>443565</v>
      </c>
      <c r="AU10" s="295">
        <v>0</v>
      </c>
      <c r="AV10" s="296">
        <v>0</v>
      </c>
      <c r="AW10" s="297">
        <v>0</v>
      </c>
      <c r="AX10" s="301"/>
      <c r="AY10" s="296">
        <v>0</v>
      </c>
      <c r="AZ10" s="296">
        <v>0</v>
      </c>
      <c r="BA10" s="296">
        <v>49290</v>
      </c>
      <c r="BB10" s="296">
        <v>574975</v>
      </c>
      <c r="BC10" s="296">
        <v>426995</v>
      </c>
      <c r="BD10" s="299">
        <v>1051260</v>
      </c>
      <c r="BE10" s="300">
        <v>1051260</v>
      </c>
      <c r="BF10" s="295">
        <v>0</v>
      </c>
      <c r="BG10" s="296">
        <v>0</v>
      </c>
      <c r="BH10" s="297">
        <v>0</v>
      </c>
      <c r="BI10" s="301"/>
      <c r="BJ10" s="296">
        <v>0</v>
      </c>
      <c r="BK10" s="296">
        <v>24645</v>
      </c>
      <c r="BL10" s="296">
        <v>75795</v>
      </c>
      <c r="BM10" s="296">
        <v>131715</v>
      </c>
      <c r="BN10" s="296">
        <v>32705</v>
      </c>
      <c r="BO10" s="299">
        <v>264860</v>
      </c>
      <c r="BP10" s="300">
        <v>264860</v>
      </c>
      <c r="BQ10" s="295">
        <v>2290</v>
      </c>
      <c r="BR10" s="296">
        <v>2915</v>
      </c>
      <c r="BS10" s="297">
        <v>5205</v>
      </c>
      <c r="BT10" s="298">
        <v>0</v>
      </c>
      <c r="BU10" s="296">
        <v>110235</v>
      </c>
      <c r="BV10" s="296">
        <v>241398</v>
      </c>
      <c r="BW10" s="296">
        <v>677917</v>
      </c>
      <c r="BX10" s="296">
        <v>653830</v>
      </c>
      <c r="BY10" s="296">
        <v>326982</v>
      </c>
      <c r="BZ10" s="299">
        <v>2010362</v>
      </c>
      <c r="CA10" s="300">
        <v>2015567</v>
      </c>
      <c r="CB10" s="295">
        <v>0</v>
      </c>
      <c r="CC10" s="296">
        <v>0</v>
      </c>
      <c r="CD10" s="297">
        <v>0</v>
      </c>
      <c r="CE10" s="298">
        <v>0</v>
      </c>
      <c r="CF10" s="296">
        <v>0</v>
      </c>
      <c r="CG10" s="296">
        <v>2900</v>
      </c>
      <c r="CH10" s="296">
        <v>5735</v>
      </c>
      <c r="CI10" s="296">
        <v>1535</v>
      </c>
      <c r="CJ10" s="296">
        <v>1768</v>
      </c>
      <c r="CK10" s="299">
        <v>11938</v>
      </c>
      <c r="CL10" s="300">
        <v>11938</v>
      </c>
      <c r="CM10" s="295">
        <v>0</v>
      </c>
      <c r="CN10" s="296">
        <v>0</v>
      </c>
      <c r="CO10" s="297">
        <v>0</v>
      </c>
      <c r="CP10" s="298">
        <v>0</v>
      </c>
      <c r="CQ10" s="296">
        <v>0</v>
      </c>
      <c r="CR10" s="296">
        <v>0</v>
      </c>
      <c r="CS10" s="296">
        <v>0</v>
      </c>
      <c r="CT10" s="296">
        <v>0</v>
      </c>
      <c r="CU10" s="296">
        <v>0</v>
      </c>
      <c r="CV10" s="299">
        <v>0</v>
      </c>
      <c r="CW10" s="300">
        <v>0</v>
      </c>
      <c r="CX10" s="295">
        <v>0</v>
      </c>
      <c r="CY10" s="296">
        <v>0</v>
      </c>
      <c r="CZ10" s="297">
        <v>0</v>
      </c>
      <c r="DA10" s="301"/>
      <c r="DB10" s="296">
        <v>0</v>
      </c>
      <c r="DC10" s="296">
        <v>0</v>
      </c>
      <c r="DD10" s="296">
        <v>0</v>
      </c>
      <c r="DE10" s="296">
        <v>0</v>
      </c>
      <c r="DF10" s="296">
        <v>0</v>
      </c>
      <c r="DG10" s="299">
        <v>0</v>
      </c>
      <c r="DH10" s="300">
        <v>0</v>
      </c>
      <c r="DI10" s="295">
        <v>1422</v>
      </c>
      <c r="DJ10" s="296">
        <v>1404</v>
      </c>
      <c r="DK10" s="297">
        <v>2826</v>
      </c>
      <c r="DL10" s="298">
        <v>0</v>
      </c>
      <c r="DM10" s="296">
        <v>398219</v>
      </c>
      <c r="DN10" s="296">
        <v>1393559</v>
      </c>
      <c r="DO10" s="296">
        <v>10555911</v>
      </c>
      <c r="DP10" s="296">
        <v>14378680</v>
      </c>
      <c r="DQ10" s="296">
        <v>7373101</v>
      </c>
      <c r="DR10" s="299">
        <v>34099470</v>
      </c>
      <c r="DS10" s="302">
        <v>34102296</v>
      </c>
      <c r="DT10" s="295">
        <v>0</v>
      </c>
      <c r="DU10" s="296">
        <v>0</v>
      </c>
      <c r="DV10" s="297">
        <v>0</v>
      </c>
      <c r="DW10" s="301"/>
      <c r="DX10" s="296">
        <v>186959</v>
      </c>
      <c r="DY10" s="296">
        <v>710572</v>
      </c>
      <c r="DZ10" s="296">
        <v>8988274</v>
      </c>
      <c r="EA10" s="296">
        <v>12796190</v>
      </c>
      <c r="EB10" s="296">
        <v>6639672</v>
      </c>
      <c r="EC10" s="299">
        <v>29321667</v>
      </c>
      <c r="ED10" s="300">
        <v>29321667</v>
      </c>
      <c r="EE10" s="295">
        <v>0</v>
      </c>
      <c r="EF10" s="296">
        <v>0</v>
      </c>
      <c r="EG10" s="297">
        <v>0</v>
      </c>
      <c r="EH10" s="301"/>
      <c r="EI10" s="296">
        <v>54635</v>
      </c>
      <c r="EJ10" s="296">
        <v>277560</v>
      </c>
      <c r="EK10" s="296">
        <v>278884</v>
      </c>
      <c r="EL10" s="296">
        <v>276989</v>
      </c>
      <c r="EM10" s="296">
        <v>65621</v>
      </c>
      <c r="EN10" s="299">
        <v>953689</v>
      </c>
      <c r="EO10" s="300">
        <v>953689</v>
      </c>
      <c r="EP10" s="295">
        <v>0</v>
      </c>
      <c r="EQ10" s="296">
        <v>0</v>
      </c>
      <c r="ER10" s="297">
        <v>0</v>
      </c>
      <c r="ES10" s="301"/>
      <c r="ET10" s="296">
        <v>0</v>
      </c>
      <c r="EU10" s="296">
        <v>0</v>
      </c>
      <c r="EV10" s="296">
        <v>217</v>
      </c>
      <c r="EW10" s="296">
        <v>34474</v>
      </c>
      <c r="EX10" s="296">
        <v>34844</v>
      </c>
      <c r="EY10" s="299">
        <v>69535</v>
      </c>
      <c r="EZ10" s="300">
        <v>69535</v>
      </c>
      <c r="FA10" s="295">
        <v>0</v>
      </c>
      <c r="FB10" s="296">
        <v>0</v>
      </c>
      <c r="FC10" s="297">
        <v>0</v>
      </c>
      <c r="FD10" s="301"/>
      <c r="FE10" s="296">
        <v>0</v>
      </c>
      <c r="FF10" s="296">
        <v>0</v>
      </c>
      <c r="FG10" s="296">
        <v>434</v>
      </c>
      <c r="FH10" s="296">
        <v>88787</v>
      </c>
      <c r="FI10" s="296">
        <v>113658</v>
      </c>
      <c r="FJ10" s="299">
        <v>202879</v>
      </c>
      <c r="FK10" s="300">
        <v>202879</v>
      </c>
      <c r="FL10" s="295">
        <v>0</v>
      </c>
      <c r="FM10" s="296">
        <v>0</v>
      </c>
      <c r="FN10" s="297">
        <v>0</v>
      </c>
      <c r="FO10" s="301"/>
      <c r="FP10" s="296">
        <v>0</v>
      </c>
      <c r="FQ10" s="296">
        <v>21576</v>
      </c>
      <c r="FR10" s="296">
        <v>202833</v>
      </c>
      <c r="FS10" s="296">
        <v>304172</v>
      </c>
      <c r="FT10" s="296">
        <v>36766</v>
      </c>
      <c r="FU10" s="299">
        <v>565347</v>
      </c>
      <c r="FV10" s="300">
        <v>565347</v>
      </c>
      <c r="FW10" s="295">
        <v>1422</v>
      </c>
      <c r="FX10" s="296">
        <v>1404</v>
      </c>
      <c r="FY10" s="297">
        <v>2826</v>
      </c>
      <c r="FZ10" s="298">
        <v>0</v>
      </c>
      <c r="GA10" s="296">
        <v>156625</v>
      </c>
      <c r="GB10" s="296">
        <v>383788</v>
      </c>
      <c r="GC10" s="296">
        <v>1077057</v>
      </c>
      <c r="GD10" s="296">
        <v>876531</v>
      </c>
      <c r="GE10" s="296">
        <v>482435</v>
      </c>
      <c r="GF10" s="299">
        <v>2976436</v>
      </c>
      <c r="GG10" s="300">
        <v>2979262</v>
      </c>
      <c r="GH10" s="295">
        <v>0</v>
      </c>
      <c r="GI10" s="296">
        <v>0</v>
      </c>
      <c r="GJ10" s="297">
        <v>0</v>
      </c>
      <c r="GK10" s="298">
        <v>0</v>
      </c>
      <c r="GL10" s="296">
        <v>0</v>
      </c>
      <c r="GM10" s="296">
        <v>63</v>
      </c>
      <c r="GN10" s="296">
        <v>8212</v>
      </c>
      <c r="GO10" s="296">
        <v>1537</v>
      </c>
      <c r="GP10" s="296">
        <v>105</v>
      </c>
      <c r="GQ10" s="299">
        <v>9917</v>
      </c>
      <c r="GR10" s="300">
        <v>9917</v>
      </c>
      <c r="GS10" s="295">
        <v>0</v>
      </c>
      <c r="GT10" s="296">
        <v>0</v>
      </c>
      <c r="GU10" s="297">
        <v>0</v>
      </c>
      <c r="GV10" s="298">
        <v>0</v>
      </c>
      <c r="GW10" s="296">
        <v>0</v>
      </c>
      <c r="GX10" s="296">
        <v>0</v>
      </c>
      <c r="GY10" s="296">
        <v>0</v>
      </c>
      <c r="GZ10" s="296">
        <v>0</v>
      </c>
      <c r="HA10" s="296">
        <v>0</v>
      </c>
      <c r="HB10" s="299">
        <v>0</v>
      </c>
      <c r="HC10" s="300">
        <v>0</v>
      </c>
      <c r="HD10" s="295">
        <v>0</v>
      </c>
      <c r="HE10" s="296">
        <v>0</v>
      </c>
      <c r="HF10" s="297">
        <v>0</v>
      </c>
      <c r="HG10" s="301"/>
      <c r="HH10" s="296">
        <v>0</v>
      </c>
      <c r="HI10" s="296">
        <v>0</v>
      </c>
      <c r="HJ10" s="296">
        <v>0</v>
      </c>
      <c r="HK10" s="296">
        <v>0</v>
      </c>
      <c r="HL10" s="296">
        <v>0</v>
      </c>
      <c r="HM10" s="299">
        <v>0</v>
      </c>
      <c r="HN10" s="300">
        <v>0</v>
      </c>
      <c r="HO10" s="295">
        <v>3712</v>
      </c>
      <c r="HP10" s="296">
        <v>4319</v>
      </c>
      <c r="HQ10" s="297">
        <v>8031</v>
      </c>
      <c r="HR10" s="298">
        <v>0</v>
      </c>
      <c r="HS10" s="296">
        <v>1342693</v>
      </c>
      <c r="HT10" s="296">
        <v>3751026</v>
      </c>
      <c r="HU10" s="296">
        <v>19705568</v>
      </c>
      <c r="HV10" s="296">
        <v>27869763</v>
      </c>
      <c r="HW10" s="296">
        <v>14649385</v>
      </c>
      <c r="HX10" s="299">
        <v>67318435</v>
      </c>
      <c r="HY10" s="300">
        <v>67326466</v>
      </c>
    </row>
    <row r="11" spans="2:233" ht="16.5" customHeight="1" x14ac:dyDescent="0.2">
      <c r="B11" s="293" t="s">
        <v>7</v>
      </c>
      <c r="C11" s="295">
        <v>1375</v>
      </c>
      <c r="D11" s="296">
        <v>245</v>
      </c>
      <c r="E11" s="297">
        <v>1620</v>
      </c>
      <c r="F11" s="298">
        <v>0</v>
      </c>
      <c r="G11" s="296">
        <v>1923385</v>
      </c>
      <c r="H11" s="296">
        <v>2145360</v>
      </c>
      <c r="I11" s="296">
        <v>6963628</v>
      </c>
      <c r="J11" s="296">
        <v>9914164</v>
      </c>
      <c r="K11" s="296">
        <v>4949898</v>
      </c>
      <c r="L11" s="299">
        <v>25896435</v>
      </c>
      <c r="M11" s="300">
        <v>25898055</v>
      </c>
      <c r="N11" s="295">
        <v>0</v>
      </c>
      <c r="O11" s="296">
        <v>0</v>
      </c>
      <c r="P11" s="297">
        <v>0</v>
      </c>
      <c r="Q11" s="301"/>
      <c r="R11" s="296">
        <v>212660</v>
      </c>
      <c r="S11" s="296">
        <v>432495</v>
      </c>
      <c r="T11" s="296">
        <v>4688865</v>
      </c>
      <c r="U11" s="296">
        <v>7791411</v>
      </c>
      <c r="V11" s="296">
        <v>4230306</v>
      </c>
      <c r="W11" s="299">
        <v>17355737</v>
      </c>
      <c r="X11" s="300">
        <v>17355737</v>
      </c>
      <c r="Y11" s="295">
        <v>0</v>
      </c>
      <c r="Z11" s="296">
        <v>0</v>
      </c>
      <c r="AA11" s="297">
        <v>0</v>
      </c>
      <c r="AB11" s="301"/>
      <c r="AC11" s="296">
        <v>1464800</v>
      </c>
      <c r="AD11" s="296">
        <v>1350816</v>
      </c>
      <c r="AE11" s="296">
        <v>1840268</v>
      </c>
      <c r="AF11" s="296">
        <v>1742492</v>
      </c>
      <c r="AG11" s="296">
        <v>478265</v>
      </c>
      <c r="AH11" s="299">
        <v>6876641</v>
      </c>
      <c r="AI11" s="300">
        <v>6876641</v>
      </c>
      <c r="AJ11" s="295">
        <v>0</v>
      </c>
      <c r="AK11" s="296">
        <v>0</v>
      </c>
      <c r="AL11" s="297">
        <v>0</v>
      </c>
      <c r="AM11" s="301"/>
      <c r="AN11" s="296">
        <v>0</v>
      </c>
      <c r="AO11" s="296">
        <v>0</v>
      </c>
      <c r="AP11" s="296">
        <v>0</v>
      </c>
      <c r="AQ11" s="296">
        <v>32705</v>
      </c>
      <c r="AR11" s="296">
        <v>6166</v>
      </c>
      <c r="AS11" s="299">
        <v>38871</v>
      </c>
      <c r="AT11" s="300">
        <v>38871</v>
      </c>
      <c r="AU11" s="295">
        <v>0</v>
      </c>
      <c r="AV11" s="296">
        <v>0</v>
      </c>
      <c r="AW11" s="297">
        <v>0</v>
      </c>
      <c r="AX11" s="301"/>
      <c r="AY11" s="296">
        <v>0</v>
      </c>
      <c r="AZ11" s="296">
        <v>0</v>
      </c>
      <c r="BA11" s="296">
        <v>0</v>
      </c>
      <c r="BB11" s="296">
        <v>32705</v>
      </c>
      <c r="BC11" s="296">
        <v>22260</v>
      </c>
      <c r="BD11" s="299">
        <v>54965</v>
      </c>
      <c r="BE11" s="300">
        <v>54965</v>
      </c>
      <c r="BF11" s="295">
        <v>0</v>
      </c>
      <c r="BG11" s="296">
        <v>0</v>
      </c>
      <c r="BH11" s="297">
        <v>0</v>
      </c>
      <c r="BI11" s="301"/>
      <c r="BJ11" s="296">
        <v>0</v>
      </c>
      <c r="BK11" s="296">
        <v>0</v>
      </c>
      <c r="BL11" s="296">
        <v>0</v>
      </c>
      <c r="BM11" s="296">
        <v>0</v>
      </c>
      <c r="BN11" s="296">
        <v>0</v>
      </c>
      <c r="BO11" s="299">
        <v>0</v>
      </c>
      <c r="BP11" s="300">
        <v>0</v>
      </c>
      <c r="BQ11" s="295">
        <v>1375</v>
      </c>
      <c r="BR11" s="296">
        <v>245</v>
      </c>
      <c r="BS11" s="297">
        <v>1620</v>
      </c>
      <c r="BT11" s="298">
        <v>0</v>
      </c>
      <c r="BU11" s="296">
        <v>244910</v>
      </c>
      <c r="BV11" s="296">
        <v>352694</v>
      </c>
      <c r="BW11" s="296">
        <v>411055</v>
      </c>
      <c r="BX11" s="296">
        <v>314851</v>
      </c>
      <c r="BY11" s="296">
        <v>195201</v>
      </c>
      <c r="BZ11" s="299">
        <v>1518711</v>
      </c>
      <c r="CA11" s="300">
        <v>1520331</v>
      </c>
      <c r="CB11" s="295">
        <v>0</v>
      </c>
      <c r="CC11" s="296">
        <v>0</v>
      </c>
      <c r="CD11" s="297">
        <v>0</v>
      </c>
      <c r="CE11" s="298">
        <v>0</v>
      </c>
      <c r="CF11" s="296">
        <v>1015</v>
      </c>
      <c r="CG11" s="296">
        <v>9355</v>
      </c>
      <c r="CH11" s="296">
        <v>23440</v>
      </c>
      <c r="CI11" s="296">
        <v>0</v>
      </c>
      <c r="CJ11" s="296">
        <v>17700</v>
      </c>
      <c r="CK11" s="299">
        <v>51510</v>
      </c>
      <c r="CL11" s="300">
        <v>51510</v>
      </c>
      <c r="CM11" s="295">
        <v>0</v>
      </c>
      <c r="CN11" s="296">
        <v>0</v>
      </c>
      <c r="CO11" s="297">
        <v>0</v>
      </c>
      <c r="CP11" s="298">
        <v>0</v>
      </c>
      <c r="CQ11" s="296">
        <v>0</v>
      </c>
      <c r="CR11" s="296">
        <v>0</v>
      </c>
      <c r="CS11" s="296">
        <v>0</v>
      </c>
      <c r="CT11" s="296">
        <v>0</v>
      </c>
      <c r="CU11" s="296">
        <v>0</v>
      </c>
      <c r="CV11" s="299">
        <v>0</v>
      </c>
      <c r="CW11" s="300">
        <v>0</v>
      </c>
      <c r="CX11" s="295">
        <v>0</v>
      </c>
      <c r="CY11" s="296">
        <v>0</v>
      </c>
      <c r="CZ11" s="297">
        <v>0</v>
      </c>
      <c r="DA11" s="301"/>
      <c r="DB11" s="296">
        <v>0</v>
      </c>
      <c r="DC11" s="296">
        <v>0</v>
      </c>
      <c r="DD11" s="296">
        <v>0</v>
      </c>
      <c r="DE11" s="296">
        <v>0</v>
      </c>
      <c r="DF11" s="296">
        <v>0</v>
      </c>
      <c r="DG11" s="299">
        <v>0</v>
      </c>
      <c r="DH11" s="300">
        <v>0</v>
      </c>
      <c r="DI11" s="295">
        <v>1710</v>
      </c>
      <c r="DJ11" s="296">
        <v>1053</v>
      </c>
      <c r="DK11" s="297">
        <v>2763</v>
      </c>
      <c r="DL11" s="298">
        <v>0</v>
      </c>
      <c r="DM11" s="296">
        <v>916207</v>
      </c>
      <c r="DN11" s="296">
        <v>1311392</v>
      </c>
      <c r="DO11" s="296">
        <v>6963664</v>
      </c>
      <c r="DP11" s="296">
        <v>9878013</v>
      </c>
      <c r="DQ11" s="296">
        <v>5154095</v>
      </c>
      <c r="DR11" s="299">
        <v>24223371</v>
      </c>
      <c r="DS11" s="302">
        <v>24226134</v>
      </c>
      <c r="DT11" s="295">
        <v>0</v>
      </c>
      <c r="DU11" s="296">
        <v>0</v>
      </c>
      <c r="DV11" s="297">
        <v>0</v>
      </c>
      <c r="DW11" s="301"/>
      <c r="DX11" s="296">
        <v>263128</v>
      </c>
      <c r="DY11" s="296">
        <v>583739</v>
      </c>
      <c r="DZ11" s="296">
        <v>5995752</v>
      </c>
      <c r="EA11" s="296">
        <v>9234414</v>
      </c>
      <c r="EB11" s="296">
        <v>4741969</v>
      </c>
      <c r="EC11" s="299">
        <v>20819002</v>
      </c>
      <c r="ED11" s="300">
        <v>20819002</v>
      </c>
      <c r="EE11" s="295">
        <v>0</v>
      </c>
      <c r="EF11" s="296">
        <v>0</v>
      </c>
      <c r="EG11" s="297">
        <v>0</v>
      </c>
      <c r="EH11" s="301"/>
      <c r="EI11" s="296">
        <v>312177</v>
      </c>
      <c r="EJ11" s="296">
        <v>181929</v>
      </c>
      <c r="EK11" s="296">
        <v>255550</v>
      </c>
      <c r="EL11" s="296">
        <v>234115</v>
      </c>
      <c r="EM11" s="296">
        <v>128708</v>
      </c>
      <c r="EN11" s="299">
        <v>1112479</v>
      </c>
      <c r="EO11" s="300">
        <v>1112479</v>
      </c>
      <c r="EP11" s="295">
        <v>0</v>
      </c>
      <c r="EQ11" s="296">
        <v>0</v>
      </c>
      <c r="ER11" s="297">
        <v>0</v>
      </c>
      <c r="ES11" s="301"/>
      <c r="ET11" s="296">
        <v>0</v>
      </c>
      <c r="EU11" s="296">
        <v>0</v>
      </c>
      <c r="EV11" s="296">
        <v>0</v>
      </c>
      <c r="EW11" s="296">
        <v>217</v>
      </c>
      <c r="EX11" s="296">
        <v>651</v>
      </c>
      <c r="EY11" s="299">
        <v>868</v>
      </c>
      <c r="EZ11" s="300">
        <v>868</v>
      </c>
      <c r="FA11" s="295">
        <v>0</v>
      </c>
      <c r="FB11" s="296">
        <v>0</v>
      </c>
      <c r="FC11" s="297">
        <v>0</v>
      </c>
      <c r="FD11" s="301"/>
      <c r="FE11" s="296">
        <v>0</v>
      </c>
      <c r="FF11" s="296">
        <v>0</v>
      </c>
      <c r="FG11" s="296">
        <v>0</v>
      </c>
      <c r="FH11" s="296">
        <v>217</v>
      </c>
      <c r="FI11" s="296">
        <v>217</v>
      </c>
      <c r="FJ11" s="299">
        <v>434</v>
      </c>
      <c r="FK11" s="300">
        <v>434</v>
      </c>
      <c r="FL11" s="295">
        <v>0</v>
      </c>
      <c r="FM11" s="296">
        <v>0</v>
      </c>
      <c r="FN11" s="297">
        <v>0</v>
      </c>
      <c r="FO11" s="301"/>
      <c r="FP11" s="296">
        <v>0</v>
      </c>
      <c r="FQ11" s="296">
        <v>0</v>
      </c>
      <c r="FR11" s="296">
        <v>0</v>
      </c>
      <c r="FS11" s="296">
        <v>0</v>
      </c>
      <c r="FT11" s="296">
        <v>0</v>
      </c>
      <c r="FU11" s="299">
        <v>0</v>
      </c>
      <c r="FV11" s="300">
        <v>0</v>
      </c>
      <c r="FW11" s="295">
        <v>1710</v>
      </c>
      <c r="FX11" s="296">
        <v>1053</v>
      </c>
      <c r="FY11" s="297">
        <v>2763</v>
      </c>
      <c r="FZ11" s="298">
        <v>0</v>
      </c>
      <c r="GA11" s="296">
        <v>338038</v>
      </c>
      <c r="GB11" s="296">
        <v>539024</v>
      </c>
      <c r="GC11" s="296">
        <v>708099</v>
      </c>
      <c r="GD11" s="296">
        <v>409050</v>
      </c>
      <c r="GE11" s="296">
        <v>278044</v>
      </c>
      <c r="GF11" s="299">
        <v>2272255</v>
      </c>
      <c r="GG11" s="300">
        <v>2275018</v>
      </c>
      <c r="GH11" s="295">
        <v>0</v>
      </c>
      <c r="GI11" s="296">
        <v>0</v>
      </c>
      <c r="GJ11" s="297">
        <v>0</v>
      </c>
      <c r="GK11" s="298">
        <v>0</v>
      </c>
      <c r="GL11" s="296">
        <v>2864</v>
      </c>
      <c r="GM11" s="296">
        <v>6700</v>
      </c>
      <c r="GN11" s="296">
        <v>4263</v>
      </c>
      <c r="GO11" s="296">
        <v>0</v>
      </c>
      <c r="GP11" s="296">
        <v>4506</v>
      </c>
      <c r="GQ11" s="299">
        <v>18333</v>
      </c>
      <c r="GR11" s="300">
        <v>18333</v>
      </c>
      <c r="GS11" s="295">
        <v>0</v>
      </c>
      <c r="GT11" s="296">
        <v>0</v>
      </c>
      <c r="GU11" s="297">
        <v>0</v>
      </c>
      <c r="GV11" s="298">
        <v>0</v>
      </c>
      <c r="GW11" s="296">
        <v>0</v>
      </c>
      <c r="GX11" s="296">
        <v>0</v>
      </c>
      <c r="GY11" s="296">
        <v>0</v>
      </c>
      <c r="GZ11" s="296">
        <v>0</v>
      </c>
      <c r="HA11" s="296">
        <v>0</v>
      </c>
      <c r="HB11" s="299">
        <v>0</v>
      </c>
      <c r="HC11" s="300">
        <v>0</v>
      </c>
      <c r="HD11" s="295">
        <v>0</v>
      </c>
      <c r="HE11" s="296">
        <v>0</v>
      </c>
      <c r="HF11" s="297">
        <v>0</v>
      </c>
      <c r="HG11" s="301"/>
      <c r="HH11" s="296">
        <v>0</v>
      </c>
      <c r="HI11" s="296">
        <v>0</v>
      </c>
      <c r="HJ11" s="296">
        <v>0</v>
      </c>
      <c r="HK11" s="296">
        <v>0</v>
      </c>
      <c r="HL11" s="296">
        <v>0</v>
      </c>
      <c r="HM11" s="299">
        <v>0</v>
      </c>
      <c r="HN11" s="300">
        <v>0</v>
      </c>
      <c r="HO11" s="295">
        <v>3085</v>
      </c>
      <c r="HP11" s="296">
        <v>1298</v>
      </c>
      <c r="HQ11" s="297">
        <v>4383</v>
      </c>
      <c r="HR11" s="298">
        <v>0</v>
      </c>
      <c r="HS11" s="296">
        <v>2839592</v>
      </c>
      <c r="HT11" s="296">
        <v>3456752</v>
      </c>
      <c r="HU11" s="296">
        <v>13927292</v>
      </c>
      <c r="HV11" s="296">
        <v>19792177</v>
      </c>
      <c r="HW11" s="296">
        <v>10103993</v>
      </c>
      <c r="HX11" s="299">
        <v>50119806</v>
      </c>
      <c r="HY11" s="300">
        <v>50124189</v>
      </c>
    </row>
    <row r="12" spans="2:233" ht="16.5" customHeight="1" x14ac:dyDescent="0.2">
      <c r="B12" s="293" t="s">
        <v>8</v>
      </c>
      <c r="C12" s="295">
        <v>435</v>
      </c>
      <c r="D12" s="296">
        <v>6192</v>
      </c>
      <c r="E12" s="297">
        <v>6627</v>
      </c>
      <c r="F12" s="298">
        <v>0</v>
      </c>
      <c r="G12" s="296">
        <v>756710</v>
      </c>
      <c r="H12" s="296">
        <v>1577111</v>
      </c>
      <c r="I12" s="296">
        <v>5406249</v>
      </c>
      <c r="J12" s="296">
        <v>4475713</v>
      </c>
      <c r="K12" s="296">
        <v>2589524</v>
      </c>
      <c r="L12" s="299">
        <v>14805307</v>
      </c>
      <c r="M12" s="300">
        <v>14811934</v>
      </c>
      <c r="N12" s="295">
        <v>0</v>
      </c>
      <c r="O12" s="296">
        <v>0</v>
      </c>
      <c r="P12" s="297">
        <v>0</v>
      </c>
      <c r="Q12" s="301"/>
      <c r="R12" s="296">
        <v>269700</v>
      </c>
      <c r="S12" s="296">
        <v>450125</v>
      </c>
      <c r="T12" s="296">
        <v>3733255</v>
      </c>
      <c r="U12" s="296">
        <v>3195671</v>
      </c>
      <c r="V12" s="296">
        <v>1900698</v>
      </c>
      <c r="W12" s="299">
        <v>9549449</v>
      </c>
      <c r="X12" s="300">
        <v>9549449</v>
      </c>
      <c r="Y12" s="295">
        <v>0</v>
      </c>
      <c r="Z12" s="296">
        <v>0</v>
      </c>
      <c r="AA12" s="297">
        <v>0</v>
      </c>
      <c r="AB12" s="301"/>
      <c r="AC12" s="296">
        <v>389380</v>
      </c>
      <c r="AD12" s="296">
        <v>897006</v>
      </c>
      <c r="AE12" s="296">
        <v>1227245</v>
      </c>
      <c r="AF12" s="296">
        <v>799654</v>
      </c>
      <c r="AG12" s="296">
        <v>344560</v>
      </c>
      <c r="AH12" s="299">
        <v>3657845</v>
      </c>
      <c r="AI12" s="300">
        <v>3657845</v>
      </c>
      <c r="AJ12" s="295">
        <v>0</v>
      </c>
      <c r="AK12" s="296">
        <v>0</v>
      </c>
      <c r="AL12" s="297">
        <v>0</v>
      </c>
      <c r="AM12" s="301"/>
      <c r="AN12" s="296">
        <v>0</v>
      </c>
      <c r="AO12" s="296">
        <v>0</v>
      </c>
      <c r="AP12" s="296">
        <v>0</v>
      </c>
      <c r="AQ12" s="296">
        <v>0</v>
      </c>
      <c r="AR12" s="296">
        <v>0</v>
      </c>
      <c r="AS12" s="299">
        <v>0</v>
      </c>
      <c r="AT12" s="300">
        <v>0</v>
      </c>
      <c r="AU12" s="295">
        <v>0</v>
      </c>
      <c r="AV12" s="296">
        <v>0</v>
      </c>
      <c r="AW12" s="297">
        <v>0</v>
      </c>
      <c r="AX12" s="301"/>
      <c r="AY12" s="296">
        <v>35495</v>
      </c>
      <c r="AZ12" s="296">
        <v>0</v>
      </c>
      <c r="BA12" s="296">
        <v>0</v>
      </c>
      <c r="BB12" s="296">
        <v>2635</v>
      </c>
      <c r="BC12" s="296">
        <v>120125</v>
      </c>
      <c r="BD12" s="299">
        <v>158255</v>
      </c>
      <c r="BE12" s="300">
        <v>158255</v>
      </c>
      <c r="BF12" s="295">
        <v>0</v>
      </c>
      <c r="BG12" s="296">
        <v>0</v>
      </c>
      <c r="BH12" s="297">
        <v>0</v>
      </c>
      <c r="BI12" s="301"/>
      <c r="BJ12" s="296">
        <v>0</v>
      </c>
      <c r="BK12" s="296">
        <v>4675</v>
      </c>
      <c r="BL12" s="296">
        <v>44960</v>
      </c>
      <c r="BM12" s="296">
        <v>195120</v>
      </c>
      <c r="BN12" s="296">
        <v>116660</v>
      </c>
      <c r="BO12" s="299">
        <v>361415</v>
      </c>
      <c r="BP12" s="300">
        <v>361415</v>
      </c>
      <c r="BQ12" s="295">
        <v>435</v>
      </c>
      <c r="BR12" s="296">
        <v>6192</v>
      </c>
      <c r="BS12" s="297">
        <v>6627</v>
      </c>
      <c r="BT12" s="298">
        <v>0</v>
      </c>
      <c r="BU12" s="296">
        <v>61845</v>
      </c>
      <c r="BV12" s="296">
        <v>222010</v>
      </c>
      <c r="BW12" s="296">
        <v>400099</v>
      </c>
      <c r="BX12" s="296">
        <v>282633</v>
      </c>
      <c r="BY12" s="296">
        <v>107481</v>
      </c>
      <c r="BZ12" s="299">
        <v>1074068</v>
      </c>
      <c r="CA12" s="300">
        <v>1080695</v>
      </c>
      <c r="CB12" s="295">
        <v>0</v>
      </c>
      <c r="CC12" s="296">
        <v>0</v>
      </c>
      <c r="CD12" s="297">
        <v>0</v>
      </c>
      <c r="CE12" s="298">
        <v>0</v>
      </c>
      <c r="CF12" s="296">
        <v>290</v>
      </c>
      <c r="CG12" s="296">
        <v>3295</v>
      </c>
      <c r="CH12" s="296">
        <v>690</v>
      </c>
      <c r="CI12" s="296">
        <v>0</v>
      </c>
      <c r="CJ12" s="296">
        <v>0</v>
      </c>
      <c r="CK12" s="299">
        <v>4275</v>
      </c>
      <c r="CL12" s="300">
        <v>4275</v>
      </c>
      <c r="CM12" s="295">
        <v>0</v>
      </c>
      <c r="CN12" s="296">
        <v>0</v>
      </c>
      <c r="CO12" s="297">
        <v>0</v>
      </c>
      <c r="CP12" s="298">
        <v>0</v>
      </c>
      <c r="CQ12" s="296">
        <v>0</v>
      </c>
      <c r="CR12" s="296">
        <v>0</v>
      </c>
      <c r="CS12" s="296">
        <v>0</v>
      </c>
      <c r="CT12" s="296">
        <v>0</v>
      </c>
      <c r="CU12" s="296">
        <v>0</v>
      </c>
      <c r="CV12" s="299">
        <v>0</v>
      </c>
      <c r="CW12" s="300">
        <v>0</v>
      </c>
      <c r="CX12" s="295">
        <v>0</v>
      </c>
      <c r="CY12" s="296">
        <v>0</v>
      </c>
      <c r="CZ12" s="297">
        <v>0</v>
      </c>
      <c r="DA12" s="301"/>
      <c r="DB12" s="296">
        <v>0</v>
      </c>
      <c r="DC12" s="296">
        <v>0</v>
      </c>
      <c r="DD12" s="296">
        <v>0</v>
      </c>
      <c r="DE12" s="296">
        <v>0</v>
      </c>
      <c r="DF12" s="296">
        <v>0</v>
      </c>
      <c r="DG12" s="299">
        <v>0</v>
      </c>
      <c r="DH12" s="300">
        <v>0</v>
      </c>
      <c r="DI12" s="295">
        <v>1404</v>
      </c>
      <c r="DJ12" s="296">
        <v>9323</v>
      </c>
      <c r="DK12" s="297">
        <v>10727</v>
      </c>
      <c r="DL12" s="298">
        <v>0</v>
      </c>
      <c r="DM12" s="296">
        <v>564770</v>
      </c>
      <c r="DN12" s="296">
        <v>1285194</v>
      </c>
      <c r="DO12" s="296">
        <v>5819530</v>
      </c>
      <c r="DP12" s="296">
        <v>5280569</v>
      </c>
      <c r="DQ12" s="296">
        <v>3034141</v>
      </c>
      <c r="DR12" s="299">
        <v>15984204</v>
      </c>
      <c r="DS12" s="302">
        <v>15994931</v>
      </c>
      <c r="DT12" s="295">
        <v>0</v>
      </c>
      <c r="DU12" s="296">
        <v>0</v>
      </c>
      <c r="DV12" s="297">
        <v>0</v>
      </c>
      <c r="DW12" s="301"/>
      <c r="DX12" s="296">
        <v>395498</v>
      </c>
      <c r="DY12" s="296">
        <v>801038</v>
      </c>
      <c r="DZ12" s="296">
        <v>4744799</v>
      </c>
      <c r="EA12" s="296">
        <v>4401539</v>
      </c>
      <c r="EB12" s="296">
        <v>2505826</v>
      </c>
      <c r="EC12" s="299">
        <v>12848700</v>
      </c>
      <c r="ED12" s="300">
        <v>12848700</v>
      </c>
      <c r="EE12" s="295">
        <v>0</v>
      </c>
      <c r="EF12" s="296">
        <v>0</v>
      </c>
      <c r="EG12" s="297">
        <v>0</v>
      </c>
      <c r="EH12" s="301"/>
      <c r="EI12" s="296">
        <v>36334</v>
      </c>
      <c r="EJ12" s="296">
        <v>104027</v>
      </c>
      <c r="EK12" s="296">
        <v>162400</v>
      </c>
      <c r="EL12" s="296">
        <v>101848</v>
      </c>
      <c r="EM12" s="296">
        <v>58006</v>
      </c>
      <c r="EN12" s="299">
        <v>462615</v>
      </c>
      <c r="EO12" s="300">
        <v>462615</v>
      </c>
      <c r="EP12" s="295">
        <v>0</v>
      </c>
      <c r="EQ12" s="296">
        <v>0</v>
      </c>
      <c r="ER12" s="297">
        <v>0</v>
      </c>
      <c r="ES12" s="301"/>
      <c r="ET12" s="296">
        <v>0</v>
      </c>
      <c r="EU12" s="296">
        <v>0</v>
      </c>
      <c r="EV12" s="296">
        <v>0</v>
      </c>
      <c r="EW12" s="296">
        <v>0</v>
      </c>
      <c r="EX12" s="296">
        <v>0</v>
      </c>
      <c r="EY12" s="299">
        <v>0</v>
      </c>
      <c r="EZ12" s="300">
        <v>0</v>
      </c>
      <c r="FA12" s="295">
        <v>0</v>
      </c>
      <c r="FB12" s="296">
        <v>0</v>
      </c>
      <c r="FC12" s="297">
        <v>0</v>
      </c>
      <c r="FD12" s="301"/>
      <c r="FE12" s="296">
        <v>11687</v>
      </c>
      <c r="FF12" s="296">
        <v>0</v>
      </c>
      <c r="FG12" s="296">
        <v>0</v>
      </c>
      <c r="FH12" s="296">
        <v>434</v>
      </c>
      <c r="FI12" s="296">
        <v>12555</v>
      </c>
      <c r="FJ12" s="299">
        <v>24676</v>
      </c>
      <c r="FK12" s="300">
        <v>24676</v>
      </c>
      <c r="FL12" s="295">
        <v>0</v>
      </c>
      <c r="FM12" s="296">
        <v>0</v>
      </c>
      <c r="FN12" s="297">
        <v>0</v>
      </c>
      <c r="FO12" s="301"/>
      <c r="FP12" s="296">
        <v>0</v>
      </c>
      <c r="FQ12" s="296">
        <v>42456</v>
      </c>
      <c r="FR12" s="296">
        <v>207286</v>
      </c>
      <c r="FS12" s="296">
        <v>293024</v>
      </c>
      <c r="FT12" s="296">
        <v>226774</v>
      </c>
      <c r="FU12" s="299">
        <v>769540</v>
      </c>
      <c r="FV12" s="300">
        <v>769540</v>
      </c>
      <c r="FW12" s="295">
        <v>1404</v>
      </c>
      <c r="FX12" s="296">
        <v>9323</v>
      </c>
      <c r="FY12" s="297">
        <v>10727</v>
      </c>
      <c r="FZ12" s="298">
        <v>0</v>
      </c>
      <c r="GA12" s="296">
        <v>119103</v>
      </c>
      <c r="GB12" s="296">
        <v>334809</v>
      </c>
      <c r="GC12" s="296">
        <v>701465</v>
      </c>
      <c r="GD12" s="296">
        <v>483724</v>
      </c>
      <c r="GE12" s="296">
        <v>230980</v>
      </c>
      <c r="GF12" s="299">
        <v>1870081</v>
      </c>
      <c r="GG12" s="300">
        <v>1880808</v>
      </c>
      <c r="GH12" s="295">
        <v>0</v>
      </c>
      <c r="GI12" s="296">
        <v>0</v>
      </c>
      <c r="GJ12" s="297">
        <v>0</v>
      </c>
      <c r="GK12" s="298">
        <v>0</v>
      </c>
      <c r="GL12" s="296">
        <v>2148</v>
      </c>
      <c r="GM12" s="296">
        <v>2864</v>
      </c>
      <c r="GN12" s="296">
        <v>3580</v>
      </c>
      <c r="GO12" s="296">
        <v>0</v>
      </c>
      <c r="GP12" s="296">
        <v>0</v>
      </c>
      <c r="GQ12" s="299">
        <v>8592</v>
      </c>
      <c r="GR12" s="300">
        <v>8592</v>
      </c>
      <c r="GS12" s="295">
        <v>0</v>
      </c>
      <c r="GT12" s="296">
        <v>0</v>
      </c>
      <c r="GU12" s="297">
        <v>0</v>
      </c>
      <c r="GV12" s="298">
        <v>0</v>
      </c>
      <c r="GW12" s="296">
        <v>0</v>
      </c>
      <c r="GX12" s="296">
        <v>0</v>
      </c>
      <c r="GY12" s="296">
        <v>0</v>
      </c>
      <c r="GZ12" s="296">
        <v>0</v>
      </c>
      <c r="HA12" s="296">
        <v>0</v>
      </c>
      <c r="HB12" s="299">
        <v>0</v>
      </c>
      <c r="HC12" s="300">
        <v>0</v>
      </c>
      <c r="HD12" s="295">
        <v>0</v>
      </c>
      <c r="HE12" s="296">
        <v>0</v>
      </c>
      <c r="HF12" s="297">
        <v>0</v>
      </c>
      <c r="HG12" s="301"/>
      <c r="HH12" s="296">
        <v>0</v>
      </c>
      <c r="HI12" s="296">
        <v>0</v>
      </c>
      <c r="HJ12" s="296">
        <v>0</v>
      </c>
      <c r="HK12" s="296">
        <v>0</v>
      </c>
      <c r="HL12" s="296">
        <v>0</v>
      </c>
      <c r="HM12" s="299">
        <v>0</v>
      </c>
      <c r="HN12" s="300">
        <v>0</v>
      </c>
      <c r="HO12" s="295">
        <v>1839</v>
      </c>
      <c r="HP12" s="296">
        <v>15515</v>
      </c>
      <c r="HQ12" s="297">
        <v>17354</v>
      </c>
      <c r="HR12" s="298">
        <v>0</v>
      </c>
      <c r="HS12" s="296">
        <v>1321480</v>
      </c>
      <c r="HT12" s="296">
        <v>2862305</v>
      </c>
      <c r="HU12" s="296">
        <v>11225779</v>
      </c>
      <c r="HV12" s="296">
        <v>9756282</v>
      </c>
      <c r="HW12" s="296">
        <v>5623665</v>
      </c>
      <c r="HX12" s="299">
        <v>30789511</v>
      </c>
      <c r="HY12" s="300">
        <v>30806865</v>
      </c>
    </row>
    <row r="13" spans="2:233" ht="16.5" customHeight="1" x14ac:dyDescent="0.2">
      <c r="B13" s="293" t="s">
        <v>9</v>
      </c>
      <c r="C13" s="295">
        <v>2725</v>
      </c>
      <c r="D13" s="296">
        <v>925</v>
      </c>
      <c r="E13" s="297">
        <v>3650</v>
      </c>
      <c r="F13" s="298">
        <v>0</v>
      </c>
      <c r="G13" s="296">
        <v>280477</v>
      </c>
      <c r="H13" s="296">
        <v>311391</v>
      </c>
      <c r="I13" s="296">
        <v>2146618</v>
      </c>
      <c r="J13" s="296">
        <v>3087844</v>
      </c>
      <c r="K13" s="296">
        <v>1743894</v>
      </c>
      <c r="L13" s="299">
        <v>7570224</v>
      </c>
      <c r="M13" s="300">
        <v>7573874</v>
      </c>
      <c r="N13" s="295">
        <v>0</v>
      </c>
      <c r="O13" s="296">
        <v>0</v>
      </c>
      <c r="P13" s="297">
        <v>0</v>
      </c>
      <c r="Q13" s="301"/>
      <c r="R13" s="296">
        <v>103385</v>
      </c>
      <c r="S13" s="296">
        <v>35495</v>
      </c>
      <c r="T13" s="296">
        <v>1394911</v>
      </c>
      <c r="U13" s="296">
        <v>2297510</v>
      </c>
      <c r="V13" s="296">
        <v>1455227</v>
      </c>
      <c r="W13" s="299">
        <v>5286528</v>
      </c>
      <c r="X13" s="300">
        <v>5286528</v>
      </c>
      <c r="Y13" s="295">
        <v>0</v>
      </c>
      <c r="Z13" s="296">
        <v>0</v>
      </c>
      <c r="AA13" s="297">
        <v>0</v>
      </c>
      <c r="AB13" s="301"/>
      <c r="AC13" s="296">
        <v>134447</v>
      </c>
      <c r="AD13" s="296">
        <v>204615</v>
      </c>
      <c r="AE13" s="296">
        <v>547237</v>
      </c>
      <c r="AF13" s="296">
        <v>607320</v>
      </c>
      <c r="AG13" s="296">
        <v>193078</v>
      </c>
      <c r="AH13" s="299">
        <v>1686697</v>
      </c>
      <c r="AI13" s="300">
        <v>1686697</v>
      </c>
      <c r="AJ13" s="295">
        <v>0</v>
      </c>
      <c r="AK13" s="296">
        <v>0</v>
      </c>
      <c r="AL13" s="297">
        <v>0</v>
      </c>
      <c r="AM13" s="301"/>
      <c r="AN13" s="296">
        <v>0</v>
      </c>
      <c r="AO13" s="296">
        <v>0</v>
      </c>
      <c r="AP13" s="296">
        <v>0</v>
      </c>
      <c r="AQ13" s="296">
        <v>992</v>
      </c>
      <c r="AR13" s="296">
        <v>0</v>
      </c>
      <c r="AS13" s="299">
        <v>992</v>
      </c>
      <c r="AT13" s="300">
        <v>992</v>
      </c>
      <c r="AU13" s="295">
        <v>0</v>
      </c>
      <c r="AV13" s="296">
        <v>0</v>
      </c>
      <c r="AW13" s="297">
        <v>0</v>
      </c>
      <c r="AX13" s="301"/>
      <c r="AY13" s="296">
        <v>0</v>
      </c>
      <c r="AZ13" s="296">
        <v>0</v>
      </c>
      <c r="BA13" s="296">
        <v>0</v>
      </c>
      <c r="BB13" s="296">
        <v>5270</v>
      </c>
      <c r="BC13" s="296">
        <v>5270</v>
      </c>
      <c r="BD13" s="299">
        <v>10540</v>
      </c>
      <c r="BE13" s="300">
        <v>10540</v>
      </c>
      <c r="BF13" s="295">
        <v>0</v>
      </c>
      <c r="BG13" s="296">
        <v>0</v>
      </c>
      <c r="BH13" s="297">
        <v>0</v>
      </c>
      <c r="BI13" s="301"/>
      <c r="BJ13" s="296">
        <v>0</v>
      </c>
      <c r="BK13" s="296">
        <v>0</v>
      </c>
      <c r="BL13" s="296">
        <v>0</v>
      </c>
      <c r="BM13" s="296">
        <v>24645</v>
      </c>
      <c r="BN13" s="296">
        <v>0</v>
      </c>
      <c r="BO13" s="299">
        <v>24645</v>
      </c>
      <c r="BP13" s="300">
        <v>24645</v>
      </c>
      <c r="BQ13" s="295">
        <v>2725</v>
      </c>
      <c r="BR13" s="296">
        <v>925</v>
      </c>
      <c r="BS13" s="297">
        <v>3650</v>
      </c>
      <c r="BT13" s="298">
        <v>0</v>
      </c>
      <c r="BU13" s="296">
        <v>39560</v>
      </c>
      <c r="BV13" s="296">
        <v>71086</v>
      </c>
      <c r="BW13" s="296">
        <v>203500</v>
      </c>
      <c r="BX13" s="296">
        <v>147412</v>
      </c>
      <c r="BY13" s="296">
        <v>89264</v>
      </c>
      <c r="BZ13" s="299">
        <v>550822</v>
      </c>
      <c r="CA13" s="300">
        <v>554472</v>
      </c>
      <c r="CB13" s="295">
        <v>0</v>
      </c>
      <c r="CC13" s="296">
        <v>0</v>
      </c>
      <c r="CD13" s="297">
        <v>0</v>
      </c>
      <c r="CE13" s="298">
        <v>0</v>
      </c>
      <c r="CF13" s="296">
        <v>3085</v>
      </c>
      <c r="CG13" s="296">
        <v>195</v>
      </c>
      <c r="CH13" s="296">
        <v>970</v>
      </c>
      <c r="CI13" s="296">
        <v>4695</v>
      </c>
      <c r="CJ13" s="296">
        <v>1055</v>
      </c>
      <c r="CK13" s="299">
        <v>10000</v>
      </c>
      <c r="CL13" s="300">
        <v>10000</v>
      </c>
      <c r="CM13" s="295">
        <v>0</v>
      </c>
      <c r="CN13" s="296">
        <v>0</v>
      </c>
      <c r="CO13" s="297">
        <v>0</v>
      </c>
      <c r="CP13" s="298">
        <v>0</v>
      </c>
      <c r="CQ13" s="296">
        <v>0</v>
      </c>
      <c r="CR13" s="296">
        <v>0</v>
      </c>
      <c r="CS13" s="296">
        <v>0</v>
      </c>
      <c r="CT13" s="296">
        <v>0</v>
      </c>
      <c r="CU13" s="296">
        <v>0</v>
      </c>
      <c r="CV13" s="299">
        <v>0</v>
      </c>
      <c r="CW13" s="300">
        <v>0</v>
      </c>
      <c r="CX13" s="295">
        <v>0</v>
      </c>
      <c r="CY13" s="296">
        <v>0</v>
      </c>
      <c r="CZ13" s="297">
        <v>0</v>
      </c>
      <c r="DA13" s="301"/>
      <c r="DB13" s="296">
        <v>0</v>
      </c>
      <c r="DC13" s="296">
        <v>0</v>
      </c>
      <c r="DD13" s="296">
        <v>0</v>
      </c>
      <c r="DE13" s="296">
        <v>0</v>
      </c>
      <c r="DF13" s="296">
        <v>0</v>
      </c>
      <c r="DG13" s="299">
        <v>0</v>
      </c>
      <c r="DH13" s="300">
        <v>0</v>
      </c>
      <c r="DI13" s="295">
        <v>3558</v>
      </c>
      <c r="DJ13" s="296">
        <v>3790</v>
      </c>
      <c r="DK13" s="297">
        <v>7348</v>
      </c>
      <c r="DL13" s="298">
        <v>0</v>
      </c>
      <c r="DM13" s="296">
        <v>249383</v>
      </c>
      <c r="DN13" s="296">
        <v>176448</v>
      </c>
      <c r="DO13" s="296">
        <v>2399977</v>
      </c>
      <c r="DP13" s="296">
        <v>3368496</v>
      </c>
      <c r="DQ13" s="296">
        <v>2240692</v>
      </c>
      <c r="DR13" s="299">
        <v>8434996</v>
      </c>
      <c r="DS13" s="302">
        <v>8442344</v>
      </c>
      <c r="DT13" s="295">
        <v>0</v>
      </c>
      <c r="DU13" s="296">
        <v>0</v>
      </c>
      <c r="DV13" s="297">
        <v>0</v>
      </c>
      <c r="DW13" s="301"/>
      <c r="DX13" s="296">
        <v>131254</v>
      </c>
      <c r="DY13" s="296">
        <v>26505</v>
      </c>
      <c r="DZ13" s="296">
        <v>1966518</v>
      </c>
      <c r="EA13" s="296">
        <v>3009746</v>
      </c>
      <c r="EB13" s="296">
        <v>2081222</v>
      </c>
      <c r="EC13" s="299">
        <v>7215245</v>
      </c>
      <c r="ED13" s="300">
        <v>7215245</v>
      </c>
      <c r="EE13" s="295">
        <v>0</v>
      </c>
      <c r="EF13" s="296">
        <v>0</v>
      </c>
      <c r="EG13" s="297">
        <v>0</v>
      </c>
      <c r="EH13" s="301"/>
      <c r="EI13" s="296">
        <v>34565</v>
      </c>
      <c r="EJ13" s="296">
        <v>37727</v>
      </c>
      <c r="EK13" s="296">
        <v>30228</v>
      </c>
      <c r="EL13" s="296">
        <v>103681</v>
      </c>
      <c r="EM13" s="296">
        <v>2261</v>
      </c>
      <c r="EN13" s="299">
        <v>208462</v>
      </c>
      <c r="EO13" s="300">
        <v>208462</v>
      </c>
      <c r="EP13" s="295">
        <v>0</v>
      </c>
      <c r="EQ13" s="296">
        <v>0</v>
      </c>
      <c r="ER13" s="297">
        <v>0</v>
      </c>
      <c r="ES13" s="301"/>
      <c r="ET13" s="296">
        <v>0</v>
      </c>
      <c r="EU13" s="296">
        <v>0</v>
      </c>
      <c r="EV13" s="296">
        <v>0</v>
      </c>
      <c r="EW13" s="296">
        <v>217</v>
      </c>
      <c r="EX13" s="296">
        <v>0</v>
      </c>
      <c r="EY13" s="299">
        <v>217</v>
      </c>
      <c r="EZ13" s="300">
        <v>217</v>
      </c>
      <c r="FA13" s="295">
        <v>0</v>
      </c>
      <c r="FB13" s="296">
        <v>0</v>
      </c>
      <c r="FC13" s="297">
        <v>0</v>
      </c>
      <c r="FD13" s="301"/>
      <c r="FE13" s="296">
        <v>0</v>
      </c>
      <c r="FF13" s="296">
        <v>0</v>
      </c>
      <c r="FG13" s="296">
        <v>0</v>
      </c>
      <c r="FH13" s="296">
        <v>434</v>
      </c>
      <c r="FI13" s="296">
        <v>434</v>
      </c>
      <c r="FJ13" s="299">
        <v>868</v>
      </c>
      <c r="FK13" s="300">
        <v>868</v>
      </c>
      <c r="FL13" s="295">
        <v>0</v>
      </c>
      <c r="FM13" s="296">
        <v>0</v>
      </c>
      <c r="FN13" s="297">
        <v>0</v>
      </c>
      <c r="FO13" s="301"/>
      <c r="FP13" s="296">
        <v>0</v>
      </c>
      <c r="FQ13" s="296">
        <v>0</v>
      </c>
      <c r="FR13" s="296">
        <v>0</v>
      </c>
      <c r="FS13" s="296">
        <v>21576</v>
      </c>
      <c r="FT13" s="296">
        <v>0</v>
      </c>
      <c r="FU13" s="299">
        <v>21576</v>
      </c>
      <c r="FV13" s="300">
        <v>21576</v>
      </c>
      <c r="FW13" s="295">
        <v>3558</v>
      </c>
      <c r="FX13" s="296">
        <v>3790</v>
      </c>
      <c r="FY13" s="297">
        <v>7348</v>
      </c>
      <c r="FZ13" s="298">
        <v>0</v>
      </c>
      <c r="GA13" s="296">
        <v>83515</v>
      </c>
      <c r="GB13" s="296">
        <v>112195</v>
      </c>
      <c r="GC13" s="296">
        <v>403168</v>
      </c>
      <c r="GD13" s="296">
        <v>230525</v>
      </c>
      <c r="GE13" s="296">
        <v>156712</v>
      </c>
      <c r="GF13" s="299">
        <v>986115</v>
      </c>
      <c r="GG13" s="300">
        <v>993463</v>
      </c>
      <c r="GH13" s="295">
        <v>0</v>
      </c>
      <c r="GI13" s="296">
        <v>0</v>
      </c>
      <c r="GJ13" s="297">
        <v>0</v>
      </c>
      <c r="GK13" s="298">
        <v>0</v>
      </c>
      <c r="GL13" s="296">
        <v>49</v>
      </c>
      <c r="GM13" s="296">
        <v>21</v>
      </c>
      <c r="GN13" s="296">
        <v>63</v>
      </c>
      <c r="GO13" s="296">
        <v>2317</v>
      </c>
      <c r="GP13" s="296">
        <v>63</v>
      </c>
      <c r="GQ13" s="299">
        <v>2513</v>
      </c>
      <c r="GR13" s="300">
        <v>2513</v>
      </c>
      <c r="GS13" s="295">
        <v>0</v>
      </c>
      <c r="GT13" s="296">
        <v>0</v>
      </c>
      <c r="GU13" s="297">
        <v>0</v>
      </c>
      <c r="GV13" s="298">
        <v>0</v>
      </c>
      <c r="GW13" s="296">
        <v>0</v>
      </c>
      <c r="GX13" s="296">
        <v>0</v>
      </c>
      <c r="GY13" s="296">
        <v>0</v>
      </c>
      <c r="GZ13" s="296">
        <v>0</v>
      </c>
      <c r="HA13" s="296">
        <v>0</v>
      </c>
      <c r="HB13" s="299">
        <v>0</v>
      </c>
      <c r="HC13" s="300">
        <v>0</v>
      </c>
      <c r="HD13" s="295">
        <v>0</v>
      </c>
      <c r="HE13" s="296">
        <v>0</v>
      </c>
      <c r="HF13" s="297">
        <v>0</v>
      </c>
      <c r="HG13" s="301"/>
      <c r="HH13" s="296">
        <v>0</v>
      </c>
      <c r="HI13" s="296">
        <v>0</v>
      </c>
      <c r="HJ13" s="296">
        <v>0</v>
      </c>
      <c r="HK13" s="296">
        <v>0</v>
      </c>
      <c r="HL13" s="296">
        <v>0</v>
      </c>
      <c r="HM13" s="299">
        <v>0</v>
      </c>
      <c r="HN13" s="300">
        <v>0</v>
      </c>
      <c r="HO13" s="295">
        <v>6283</v>
      </c>
      <c r="HP13" s="296">
        <v>4715</v>
      </c>
      <c r="HQ13" s="297">
        <v>10998</v>
      </c>
      <c r="HR13" s="298">
        <v>0</v>
      </c>
      <c r="HS13" s="296">
        <v>529860</v>
      </c>
      <c r="HT13" s="296">
        <v>487839</v>
      </c>
      <c r="HU13" s="296">
        <v>4546595</v>
      </c>
      <c r="HV13" s="296">
        <v>6456340</v>
      </c>
      <c r="HW13" s="296">
        <v>3984586</v>
      </c>
      <c r="HX13" s="299">
        <v>16005220</v>
      </c>
      <c r="HY13" s="300">
        <v>16016218</v>
      </c>
    </row>
    <row r="14" spans="2:233" ht="16.5" customHeight="1" x14ac:dyDescent="0.2">
      <c r="B14" s="293" t="s">
        <v>10</v>
      </c>
      <c r="C14" s="295">
        <v>4339</v>
      </c>
      <c r="D14" s="296">
        <v>6800</v>
      </c>
      <c r="E14" s="297">
        <v>11139</v>
      </c>
      <c r="F14" s="298">
        <v>0</v>
      </c>
      <c r="G14" s="296">
        <v>1008859</v>
      </c>
      <c r="H14" s="296">
        <v>1392769</v>
      </c>
      <c r="I14" s="296">
        <v>3489057</v>
      </c>
      <c r="J14" s="296">
        <v>4844933</v>
      </c>
      <c r="K14" s="296">
        <v>4389172</v>
      </c>
      <c r="L14" s="299">
        <v>15124790</v>
      </c>
      <c r="M14" s="300">
        <v>15135929</v>
      </c>
      <c r="N14" s="295">
        <v>0</v>
      </c>
      <c r="O14" s="296">
        <v>0</v>
      </c>
      <c r="P14" s="297">
        <v>0</v>
      </c>
      <c r="Q14" s="301"/>
      <c r="R14" s="296">
        <v>95240</v>
      </c>
      <c r="S14" s="296">
        <v>388800</v>
      </c>
      <c r="T14" s="296">
        <v>2278835</v>
      </c>
      <c r="U14" s="296">
        <v>3670400</v>
      </c>
      <c r="V14" s="296">
        <v>3616245</v>
      </c>
      <c r="W14" s="299">
        <v>10049520</v>
      </c>
      <c r="X14" s="300">
        <v>10049520</v>
      </c>
      <c r="Y14" s="295">
        <v>0</v>
      </c>
      <c r="Z14" s="296">
        <v>0</v>
      </c>
      <c r="AA14" s="297">
        <v>0</v>
      </c>
      <c r="AB14" s="301"/>
      <c r="AC14" s="296">
        <v>750365</v>
      </c>
      <c r="AD14" s="296">
        <v>797020</v>
      </c>
      <c r="AE14" s="296">
        <v>957663</v>
      </c>
      <c r="AF14" s="296">
        <v>826286</v>
      </c>
      <c r="AG14" s="296">
        <v>489362</v>
      </c>
      <c r="AH14" s="299">
        <v>3820696</v>
      </c>
      <c r="AI14" s="300">
        <v>3820696</v>
      </c>
      <c r="AJ14" s="295">
        <v>0</v>
      </c>
      <c r="AK14" s="296">
        <v>0</v>
      </c>
      <c r="AL14" s="297">
        <v>0</v>
      </c>
      <c r="AM14" s="301"/>
      <c r="AN14" s="296">
        <v>0</v>
      </c>
      <c r="AO14" s="296">
        <v>0</v>
      </c>
      <c r="AP14" s="296">
        <v>0</v>
      </c>
      <c r="AQ14" s="296">
        <v>0</v>
      </c>
      <c r="AR14" s="296">
        <v>2635</v>
      </c>
      <c r="AS14" s="299">
        <v>2635</v>
      </c>
      <c r="AT14" s="300">
        <v>2635</v>
      </c>
      <c r="AU14" s="295">
        <v>0</v>
      </c>
      <c r="AV14" s="296">
        <v>0</v>
      </c>
      <c r="AW14" s="297">
        <v>0</v>
      </c>
      <c r="AX14" s="301"/>
      <c r="AY14" s="296">
        <v>0</v>
      </c>
      <c r="AZ14" s="296">
        <v>0</v>
      </c>
      <c r="BA14" s="296">
        <v>1190</v>
      </c>
      <c r="BB14" s="296">
        <v>32705</v>
      </c>
      <c r="BC14" s="296">
        <v>115045</v>
      </c>
      <c r="BD14" s="299">
        <v>148940</v>
      </c>
      <c r="BE14" s="300">
        <v>148940</v>
      </c>
      <c r="BF14" s="295">
        <v>0</v>
      </c>
      <c r="BG14" s="296">
        <v>0</v>
      </c>
      <c r="BH14" s="297">
        <v>0</v>
      </c>
      <c r="BI14" s="301"/>
      <c r="BJ14" s="296">
        <v>0</v>
      </c>
      <c r="BK14" s="296">
        <v>0</v>
      </c>
      <c r="BL14" s="296">
        <v>0</v>
      </c>
      <c r="BM14" s="296">
        <v>84775</v>
      </c>
      <c r="BN14" s="296">
        <v>40610</v>
      </c>
      <c r="BO14" s="299">
        <v>125385</v>
      </c>
      <c r="BP14" s="300">
        <v>125385</v>
      </c>
      <c r="BQ14" s="295">
        <v>4339</v>
      </c>
      <c r="BR14" s="296">
        <v>6800</v>
      </c>
      <c r="BS14" s="297">
        <v>11139</v>
      </c>
      <c r="BT14" s="298">
        <v>0</v>
      </c>
      <c r="BU14" s="296">
        <v>162964</v>
      </c>
      <c r="BV14" s="296">
        <v>182067</v>
      </c>
      <c r="BW14" s="296">
        <v>247671</v>
      </c>
      <c r="BX14" s="296">
        <v>215412</v>
      </c>
      <c r="BY14" s="296">
        <v>124595</v>
      </c>
      <c r="BZ14" s="299">
        <v>932709</v>
      </c>
      <c r="CA14" s="300">
        <v>943848</v>
      </c>
      <c r="CB14" s="295">
        <v>0</v>
      </c>
      <c r="CC14" s="296">
        <v>0</v>
      </c>
      <c r="CD14" s="297">
        <v>0</v>
      </c>
      <c r="CE14" s="298">
        <v>0</v>
      </c>
      <c r="CF14" s="296">
        <v>290</v>
      </c>
      <c r="CG14" s="296">
        <v>24882</v>
      </c>
      <c r="CH14" s="296">
        <v>3698</v>
      </c>
      <c r="CI14" s="296">
        <v>15355</v>
      </c>
      <c r="CJ14" s="296">
        <v>680</v>
      </c>
      <c r="CK14" s="299">
        <v>44905</v>
      </c>
      <c r="CL14" s="300">
        <v>44905</v>
      </c>
      <c r="CM14" s="295">
        <v>0</v>
      </c>
      <c r="CN14" s="296">
        <v>0</v>
      </c>
      <c r="CO14" s="297">
        <v>0</v>
      </c>
      <c r="CP14" s="298">
        <v>0</v>
      </c>
      <c r="CQ14" s="296">
        <v>0</v>
      </c>
      <c r="CR14" s="296">
        <v>0</v>
      </c>
      <c r="CS14" s="296">
        <v>0</v>
      </c>
      <c r="CT14" s="296">
        <v>0</v>
      </c>
      <c r="CU14" s="296">
        <v>0</v>
      </c>
      <c r="CV14" s="299">
        <v>0</v>
      </c>
      <c r="CW14" s="300">
        <v>0</v>
      </c>
      <c r="CX14" s="295">
        <v>0</v>
      </c>
      <c r="CY14" s="296">
        <v>0</v>
      </c>
      <c r="CZ14" s="297">
        <v>0</v>
      </c>
      <c r="DA14" s="301"/>
      <c r="DB14" s="296">
        <v>0</v>
      </c>
      <c r="DC14" s="296">
        <v>0</v>
      </c>
      <c r="DD14" s="296">
        <v>0</v>
      </c>
      <c r="DE14" s="296">
        <v>0</v>
      </c>
      <c r="DF14" s="296">
        <v>0</v>
      </c>
      <c r="DG14" s="299">
        <v>0</v>
      </c>
      <c r="DH14" s="300">
        <v>0</v>
      </c>
      <c r="DI14" s="295">
        <v>6279</v>
      </c>
      <c r="DJ14" s="296">
        <v>10536</v>
      </c>
      <c r="DK14" s="297">
        <v>16815</v>
      </c>
      <c r="DL14" s="298">
        <v>0</v>
      </c>
      <c r="DM14" s="296">
        <v>562030</v>
      </c>
      <c r="DN14" s="296">
        <v>963982</v>
      </c>
      <c r="DO14" s="296">
        <v>4265692</v>
      </c>
      <c r="DP14" s="296">
        <v>5713273</v>
      </c>
      <c r="DQ14" s="296">
        <v>4353589</v>
      </c>
      <c r="DR14" s="299">
        <v>15858566</v>
      </c>
      <c r="DS14" s="302">
        <v>15875381</v>
      </c>
      <c r="DT14" s="295">
        <v>0</v>
      </c>
      <c r="DU14" s="296">
        <v>0</v>
      </c>
      <c r="DV14" s="297">
        <v>0</v>
      </c>
      <c r="DW14" s="301"/>
      <c r="DX14" s="296">
        <v>164410</v>
      </c>
      <c r="DY14" s="296">
        <v>563478</v>
      </c>
      <c r="DZ14" s="296">
        <v>3704692</v>
      </c>
      <c r="EA14" s="296">
        <v>4982301</v>
      </c>
      <c r="EB14" s="296">
        <v>3960404</v>
      </c>
      <c r="EC14" s="299">
        <v>13375285</v>
      </c>
      <c r="ED14" s="300">
        <v>13375285</v>
      </c>
      <c r="EE14" s="295">
        <v>0</v>
      </c>
      <c r="EF14" s="296">
        <v>0</v>
      </c>
      <c r="EG14" s="297">
        <v>0</v>
      </c>
      <c r="EH14" s="301"/>
      <c r="EI14" s="296">
        <v>179253</v>
      </c>
      <c r="EJ14" s="296">
        <v>48805</v>
      </c>
      <c r="EK14" s="296">
        <v>123703</v>
      </c>
      <c r="EL14" s="296">
        <v>181110</v>
      </c>
      <c r="EM14" s="296">
        <v>81486</v>
      </c>
      <c r="EN14" s="299">
        <v>614357</v>
      </c>
      <c r="EO14" s="300">
        <v>614357</v>
      </c>
      <c r="EP14" s="295">
        <v>0</v>
      </c>
      <c r="EQ14" s="296">
        <v>0</v>
      </c>
      <c r="ER14" s="297">
        <v>0</v>
      </c>
      <c r="ES14" s="301"/>
      <c r="ET14" s="296">
        <v>0</v>
      </c>
      <c r="EU14" s="296">
        <v>0</v>
      </c>
      <c r="EV14" s="296">
        <v>0</v>
      </c>
      <c r="EW14" s="296">
        <v>0</v>
      </c>
      <c r="EX14" s="296">
        <v>0</v>
      </c>
      <c r="EY14" s="299">
        <v>0</v>
      </c>
      <c r="EZ14" s="300">
        <v>0</v>
      </c>
      <c r="FA14" s="295">
        <v>0</v>
      </c>
      <c r="FB14" s="296">
        <v>0</v>
      </c>
      <c r="FC14" s="297">
        <v>0</v>
      </c>
      <c r="FD14" s="301"/>
      <c r="FE14" s="296">
        <v>0</v>
      </c>
      <c r="FF14" s="296">
        <v>0</v>
      </c>
      <c r="FG14" s="296">
        <v>98</v>
      </c>
      <c r="FH14" s="296">
        <v>217</v>
      </c>
      <c r="FI14" s="296">
        <v>2828</v>
      </c>
      <c r="FJ14" s="299">
        <v>3143</v>
      </c>
      <c r="FK14" s="300">
        <v>3143</v>
      </c>
      <c r="FL14" s="295">
        <v>0</v>
      </c>
      <c r="FM14" s="296">
        <v>0</v>
      </c>
      <c r="FN14" s="297">
        <v>0</v>
      </c>
      <c r="FO14" s="301"/>
      <c r="FP14" s="296">
        <v>0</v>
      </c>
      <c r="FQ14" s="296">
        <v>0</v>
      </c>
      <c r="FR14" s="296">
        <v>0</v>
      </c>
      <c r="FS14" s="296">
        <v>112915</v>
      </c>
      <c r="FT14" s="296">
        <v>80104</v>
      </c>
      <c r="FU14" s="299">
        <v>193019</v>
      </c>
      <c r="FV14" s="300">
        <v>193019</v>
      </c>
      <c r="FW14" s="295">
        <v>6279</v>
      </c>
      <c r="FX14" s="296">
        <v>10536</v>
      </c>
      <c r="FY14" s="297">
        <v>16815</v>
      </c>
      <c r="FZ14" s="298">
        <v>0</v>
      </c>
      <c r="GA14" s="296">
        <v>218346</v>
      </c>
      <c r="GB14" s="296">
        <v>349692</v>
      </c>
      <c r="GC14" s="296">
        <v>437136</v>
      </c>
      <c r="GD14" s="296">
        <v>433204</v>
      </c>
      <c r="GE14" s="296">
        <v>228662</v>
      </c>
      <c r="GF14" s="299">
        <v>1667040</v>
      </c>
      <c r="GG14" s="300">
        <v>1683855</v>
      </c>
      <c r="GH14" s="295">
        <v>0</v>
      </c>
      <c r="GI14" s="296">
        <v>0</v>
      </c>
      <c r="GJ14" s="297">
        <v>0</v>
      </c>
      <c r="GK14" s="298">
        <v>0</v>
      </c>
      <c r="GL14" s="296">
        <v>21</v>
      </c>
      <c r="GM14" s="296">
        <v>2007</v>
      </c>
      <c r="GN14" s="296">
        <v>63</v>
      </c>
      <c r="GO14" s="296">
        <v>3526</v>
      </c>
      <c r="GP14" s="296">
        <v>105</v>
      </c>
      <c r="GQ14" s="299">
        <v>5722</v>
      </c>
      <c r="GR14" s="300">
        <v>5722</v>
      </c>
      <c r="GS14" s="295">
        <v>0</v>
      </c>
      <c r="GT14" s="296">
        <v>0</v>
      </c>
      <c r="GU14" s="297">
        <v>0</v>
      </c>
      <c r="GV14" s="298">
        <v>0</v>
      </c>
      <c r="GW14" s="296">
        <v>0</v>
      </c>
      <c r="GX14" s="296">
        <v>0</v>
      </c>
      <c r="GY14" s="296">
        <v>0</v>
      </c>
      <c r="GZ14" s="296">
        <v>0</v>
      </c>
      <c r="HA14" s="296">
        <v>0</v>
      </c>
      <c r="HB14" s="299">
        <v>0</v>
      </c>
      <c r="HC14" s="300">
        <v>0</v>
      </c>
      <c r="HD14" s="295">
        <v>0</v>
      </c>
      <c r="HE14" s="296">
        <v>0</v>
      </c>
      <c r="HF14" s="297">
        <v>0</v>
      </c>
      <c r="HG14" s="301"/>
      <c r="HH14" s="296">
        <v>0</v>
      </c>
      <c r="HI14" s="296">
        <v>0</v>
      </c>
      <c r="HJ14" s="296">
        <v>0</v>
      </c>
      <c r="HK14" s="296">
        <v>0</v>
      </c>
      <c r="HL14" s="296">
        <v>0</v>
      </c>
      <c r="HM14" s="299">
        <v>0</v>
      </c>
      <c r="HN14" s="300">
        <v>0</v>
      </c>
      <c r="HO14" s="295">
        <v>10618</v>
      </c>
      <c r="HP14" s="296">
        <v>17336</v>
      </c>
      <c r="HQ14" s="297">
        <v>27954</v>
      </c>
      <c r="HR14" s="298">
        <v>0</v>
      </c>
      <c r="HS14" s="296">
        <v>1570889</v>
      </c>
      <c r="HT14" s="296">
        <v>2356751</v>
      </c>
      <c r="HU14" s="296">
        <v>7754749</v>
      </c>
      <c r="HV14" s="296">
        <v>10558206</v>
      </c>
      <c r="HW14" s="296">
        <v>8742761</v>
      </c>
      <c r="HX14" s="299">
        <v>30983356</v>
      </c>
      <c r="HY14" s="300">
        <v>31011310</v>
      </c>
    </row>
    <row r="15" spans="2:233" ht="16.5" customHeight="1" x14ac:dyDescent="0.2">
      <c r="B15" s="293" t="s">
        <v>11</v>
      </c>
      <c r="C15" s="295">
        <v>3920</v>
      </c>
      <c r="D15" s="296">
        <v>3760</v>
      </c>
      <c r="E15" s="297">
        <v>7680</v>
      </c>
      <c r="F15" s="298">
        <v>0</v>
      </c>
      <c r="G15" s="296">
        <v>965267</v>
      </c>
      <c r="H15" s="296">
        <v>1221365</v>
      </c>
      <c r="I15" s="296">
        <v>3372541</v>
      </c>
      <c r="J15" s="296">
        <v>4339961</v>
      </c>
      <c r="K15" s="296">
        <v>1924030</v>
      </c>
      <c r="L15" s="299">
        <v>11823164</v>
      </c>
      <c r="M15" s="300">
        <v>11830844</v>
      </c>
      <c r="N15" s="295">
        <v>0</v>
      </c>
      <c r="O15" s="296">
        <v>0</v>
      </c>
      <c r="P15" s="297">
        <v>0</v>
      </c>
      <c r="Q15" s="301"/>
      <c r="R15" s="296">
        <v>24645</v>
      </c>
      <c r="S15" s="296">
        <v>95325</v>
      </c>
      <c r="T15" s="296">
        <v>2329390</v>
      </c>
      <c r="U15" s="296">
        <v>2962505</v>
      </c>
      <c r="V15" s="296">
        <v>1348300</v>
      </c>
      <c r="W15" s="299">
        <v>6760165</v>
      </c>
      <c r="X15" s="300">
        <v>6760165</v>
      </c>
      <c r="Y15" s="295">
        <v>0</v>
      </c>
      <c r="Z15" s="296">
        <v>0</v>
      </c>
      <c r="AA15" s="297">
        <v>0</v>
      </c>
      <c r="AB15" s="301"/>
      <c r="AC15" s="296">
        <v>720170</v>
      </c>
      <c r="AD15" s="296">
        <v>876770</v>
      </c>
      <c r="AE15" s="296">
        <v>765220</v>
      </c>
      <c r="AF15" s="296">
        <v>1194485</v>
      </c>
      <c r="AG15" s="296">
        <v>304860</v>
      </c>
      <c r="AH15" s="299">
        <v>3861505</v>
      </c>
      <c r="AI15" s="300">
        <v>3861505</v>
      </c>
      <c r="AJ15" s="295">
        <v>0</v>
      </c>
      <c r="AK15" s="296">
        <v>0</v>
      </c>
      <c r="AL15" s="297">
        <v>0</v>
      </c>
      <c r="AM15" s="301"/>
      <c r="AN15" s="296">
        <v>0</v>
      </c>
      <c r="AO15" s="296">
        <v>0</v>
      </c>
      <c r="AP15" s="296">
        <v>0</v>
      </c>
      <c r="AQ15" s="296">
        <v>0</v>
      </c>
      <c r="AR15" s="296">
        <v>24645</v>
      </c>
      <c r="AS15" s="299">
        <v>24645</v>
      </c>
      <c r="AT15" s="300">
        <v>24645</v>
      </c>
      <c r="AU15" s="295">
        <v>0</v>
      </c>
      <c r="AV15" s="296">
        <v>0</v>
      </c>
      <c r="AW15" s="297">
        <v>0</v>
      </c>
      <c r="AX15" s="301"/>
      <c r="AY15" s="296">
        <v>95635</v>
      </c>
      <c r="AZ15" s="296">
        <v>2635</v>
      </c>
      <c r="BA15" s="296">
        <v>38130</v>
      </c>
      <c r="BB15" s="296">
        <v>0</v>
      </c>
      <c r="BC15" s="296">
        <v>196230</v>
      </c>
      <c r="BD15" s="299">
        <v>332630</v>
      </c>
      <c r="BE15" s="300">
        <v>332630</v>
      </c>
      <c r="BF15" s="295">
        <v>0</v>
      </c>
      <c r="BG15" s="296">
        <v>0</v>
      </c>
      <c r="BH15" s="297">
        <v>0</v>
      </c>
      <c r="BI15" s="301"/>
      <c r="BJ15" s="296">
        <v>0</v>
      </c>
      <c r="BK15" s="296">
        <v>24645</v>
      </c>
      <c r="BL15" s="296">
        <v>0</v>
      </c>
      <c r="BM15" s="296">
        <v>0</v>
      </c>
      <c r="BN15" s="296">
        <v>0</v>
      </c>
      <c r="BO15" s="299">
        <v>24645</v>
      </c>
      <c r="BP15" s="300">
        <v>24645</v>
      </c>
      <c r="BQ15" s="295">
        <v>3920</v>
      </c>
      <c r="BR15" s="296">
        <v>3760</v>
      </c>
      <c r="BS15" s="297">
        <v>7680</v>
      </c>
      <c r="BT15" s="298">
        <v>0</v>
      </c>
      <c r="BU15" s="296">
        <v>124817</v>
      </c>
      <c r="BV15" s="296">
        <v>217935</v>
      </c>
      <c r="BW15" s="296">
        <v>215856</v>
      </c>
      <c r="BX15" s="296">
        <v>134781</v>
      </c>
      <c r="BY15" s="296">
        <v>49995</v>
      </c>
      <c r="BZ15" s="299">
        <v>743384</v>
      </c>
      <c r="CA15" s="300">
        <v>751064</v>
      </c>
      <c r="CB15" s="295">
        <v>0</v>
      </c>
      <c r="CC15" s="296">
        <v>0</v>
      </c>
      <c r="CD15" s="297">
        <v>0</v>
      </c>
      <c r="CE15" s="298">
        <v>0</v>
      </c>
      <c r="CF15" s="296">
        <v>0</v>
      </c>
      <c r="CG15" s="296">
        <v>4055</v>
      </c>
      <c r="CH15" s="296">
        <v>23945</v>
      </c>
      <c r="CI15" s="296">
        <v>48190</v>
      </c>
      <c r="CJ15" s="296">
        <v>0</v>
      </c>
      <c r="CK15" s="299">
        <v>76190</v>
      </c>
      <c r="CL15" s="300">
        <v>76190</v>
      </c>
      <c r="CM15" s="295">
        <v>0</v>
      </c>
      <c r="CN15" s="296">
        <v>0</v>
      </c>
      <c r="CO15" s="297">
        <v>0</v>
      </c>
      <c r="CP15" s="298">
        <v>0</v>
      </c>
      <c r="CQ15" s="296">
        <v>0</v>
      </c>
      <c r="CR15" s="296">
        <v>0</v>
      </c>
      <c r="CS15" s="296">
        <v>0</v>
      </c>
      <c r="CT15" s="296">
        <v>0</v>
      </c>
      <c r="CU15" s="296">
        <v>0</v>
      </c>
      <c r="CV15" s="299">
        <v>0</v>
      </c>
      <c r="CW15" s="300">
        <v>0</v>
      </c>
      <c r="CX15" s="295">
        <v>0</v>
      </c>
      <c r="CY15" s="296">
        <v>0</v>
      </c>
      <c r="CZ15" s="297">
        <v>0</v>
      </c>
      <c r="DA15" s="301"/>
      <c r="DB15" s="296">
        <v>0</v>
      </c>
      <c r="DC15" s="296">
        <v>0</v>
      </c>
      <c r="DD15" s="296">
        <v>0</v>
      </c>
      <c r="DE15" s="296">
        <v>0</v>
      </c>
      <c r="DF15" s="296">
        <v>0</v>
      </c>
      <c r="DG15" s="299">
        <v>0</v>
      </c>
      <c r="DH15" s="300">
        <v>0</v>
      </c>
      <c r="DI15" s="295">
        <v>6008</v>
      </c>
      <c r="DJ15" s="296">
        <v>4480</v>
      </c>
      <c r="DK15" s="297">
        <v>10488</v>
      </c>
      <c r="DL15" s="298">
        <v>0</v>
      </c>
      <c r="DM15" s="296">
        <v>347261</v>
      </c>
      <c r="DN15" s="296">
        <v>541644</v>
      </c>
      <c r="DO15" s="296">
        <v>3148623</v>
      </c>
      <c r="DP15" s="296">
        <v>3844424</v>
      </c>
      <c r="DQ15" s="296">
        <v>1784352</v>
      </c>
      <c r="DR15" s="299">
        <v>9666304</v>
      </c>
      <c r="DS15" s="302">
        <v>9676792</v>
      </c>
      <c r="DT15" s="295">
        <v>0</v>
      </c>
      <c r="DU15" s="296">
        <v>0</v>
      </c>
      <c r="DV15" s="297">
        <v>0</v>
      </c>
      <c r="DW15" s="301"/>
      <c r="DX15" s="296">
        <v>15035</v>
      </c>
      <c r="DY15" s="296">
        <v>129797</v>
      </c>
      <c r="DZ15" s="296">
        <v>2743730</v>
      </c>
      <c r="EA15" s="296">
        <v>3535346</v>
      </c>
      <c r="EB15" s="296">
        <v>1655317</v>
      </c>
      <c r="EC15" s="299">
        <v>8079225</v>
      </c>
      <c r="ED15" s="300">
        <v>8079225</v>
      </c>
      <c r="EE15" s="295">
        <v>0</v>
      </c>
      <c r="EF15" s="296">
        <v>0</v>
      </c>
      <c r="EG15" s="297">
        <v>0</v>
      </c>
      <c r="EH15" s="301"/>
      <c r="EI15" s="296">
        <v>151935</v>
      </c>
      <c r="EJ15" s="296">
        <v>187729</v>
      </c>
      <c r="EK15" s="296">
        <v>103556</v>
      </c>
      <c r="EL15" s="296">
        <v>160000</v>
      </c>
      <c r="EM15" s="296">
        <v>37801</v>
      </c>
      <c r="EN15" s="299">
        <v>641021</v>
      </c>
      <c r="EO15" s="300">
        <v>641021</v>
      </c>
      <c r="EP15" s="295">
        <v>0</v>
      </c>
      <c r="EQ15" s="296">
        <v>0</v>
      </c>
      <c r="ER15" s="297">
        <v>0</v>
      </c>
      <c r="ES15" s="301"/>
      <c r="ET15" s="296">
        <v>0</v>
      </c>
      <c r="EU15" s="296">
        <v>0</v>
      </c>
      <c r="EV15" s="296">
        <v>0</v>
      </c>
      <c r="EW15" s="296">
        <v>0</v>
      </c>
      <c r="EX15" s="296">
        <v>217</v>
      </c>
      <c r="EY15" s="299">
        <v>217</v>
      </c>
      <c r="EZ15" s="300">
        <v>217</v>
      </c>
      <c r="FA15" s="295">
        <v>0</v>
      </c>
      <c r="FB15" s="296">
        <v>0</v>
      </c>
      <c r="FC15" s="297">
        <v>0</v>
      </c>
      <c r="FD15" s="301"/>
      <c r="FE15" s="296">
        <v>23591</v>
      </c>
      <c r="FF15" s="296">
        <v>217</v>
      </c>
      <c r="FG15" s="296">
        <v>11904</v>
      </c>
      <c r="FH15" s="296">
        <v>0</v>
      </c>
      <c r="FI15" s="296">
        <v>25110</v>
      </c>
      <c r="FJ15" s="299">
        <v>60822</v>
      </c>
      <c r="FK15" s="300">
        <v>60822</v>
      </c>
      <c r="FL15" s="295">
        <v>0</v>
      </c>
      <c r="FM15" s="296">
        <v>0</v>
      </c>
      <c r="FN15" s="297">
        <v>0</v>
      </c>
      <c r="FO15" s="301"/>
      <c r="FP15" s="296">
        <v>0</v>
      </c>
      <c r="FQ15" s="296">
        <v>21576</v>
      </c>
      <c r="FR15" s="296">
        <v>0</v>
      </c>
      <c r="FS15" s="296">
        <v>0</v>
      </c>
      <c r="FT15" s="296">
        <v>0</v>
      </c>
      <c r="FU15" s="299">
        <v>21576</v>
      </c>
      <c r="FV15" s="300">
        <v>21576</v>
      </c>
      <c r="FW15" s="295">
        <v>6008</v>
      </c>
      <c r="FX15" s="296">
        <v>4480</v>
      </c>
      <c r="FY15" s="297">
        <v>10488</v>
      </c>
      <c r="FZ15" s="298">
        <v>0</v>
      </c>
      <c r="GA15" s="296">
        <v>156700</v>
      </c>
      <c r="GB15" s="296">
        <v>202290</v>
      </c>
      <c r="GC15" s="296">
        <v>258101</v>
      </c>
      <c r="GD15" s="296">
        <v>134675</v>
      </c>
      <c r="GE15" s="296">
        <v>65907</v>
      </c>
      <c r="GF15" s="299">
        <v>817673</v>
      </c>
      <c r="GG15" s="300">
        <v>828161</v>
      </c>
      <c r="GH15" s="295">
        <v>0</v>
      </c>
      <c r="GI15" s="296">
        <v>0</v>
      </c>
      <c r="GJ15" s="297">
        <v>0</v>
      </c>
      <c r="GK15" s="298">
        <v>0</v>
      </c>
      <c r="GL15" s="296">
        <v>0</v>
      </c>
      <c r="GM15" s="296">
        <v>35</v>
      </c>
      <c r="GN15" s="296">
        <v>31332</v>
      </c>
      <c r="GO15" s="296">
        <v>14403</v>
      </c>
      <c r="GP15" s="296">
        <v>0</v>
      </c>
      <c r="GQ15" s="299">
        <v>45770</v>
      </c>
      <c r="GR15" s="300">
        <v>45770</v>
      </c>
      <c r="GS15" s="295">
        <v>0</v>
      </c>
      <c r="GT15" s="296">
        <v>0</v>
      </c>
      <c r="GU15" s="297">
        <v>0</v>
      </c>
      <c r="GV15" s="298">
        <v>0</v>
      </c>
      <c r="GW15" s="296">
        <v>0</v>
      </c>
      <c r="GX15" s="296">
        <v>0</v>
      </c>
      <c r="GY15" s="296">
        <v>0</v>
      </c>
      <c r="GZ15" s="296">
        <v>0</v>
      </c>
      <c r="HA15" s="296">
        <v>0</v>
      </c>
      <c r="HB15" s="299">
        <v>0</v>
      </c>
      <c r="HC15" s="300">
        <v>0</v>
      </c>
      <c r="HD15" s="295">
        <v>0</v>
      </c>
      <c r="HE15" s="296">
        <v>0</v>
      </c>
      <c r="HF15" s="297">
        <v>0</v>
      </c>
      <c r="HG15" s="301"/>
      <c r="HH15" s="296">
        <v>0</v>
      </c>
      <c r="HI15" s="296">
        <v>0</v>
      </c>
      <c r="HJ15" s="296">
        <v>0</v>
      </c>
      <c r="HK15" s="296">
        <v>0</v>
      </c>
      <c r="HL15" s="296">
        <v>0</v>
      </c>
      <c r="HM15" s="299">
        <v>0</v>
      </c>
      <c r="HN15" s="300">
        <v>0</v>
      </c>
      <c r="HO15" s="295">
        <v>9928</v>
      </c>
      <c r="HP15" s="296">
        <v>8240</v>
      </c>
      <c r="HQ15" s="297">
        <v>18168</v>
      </c>
      <c r="HR15" s="298">
        <v>0</v>
      </c>
      <c r="HS15" s="296">
        <v>1312528</v>
      </c>
      <c r="HT15" s="296">
        <v>1763009</v>
      </c>
      <c r="HU15" s="296">
        <v>6521164</v>
      </c>
      <c r="HV15" s="296">
        <v>8184385</v>
      </c>
      <c r="HW15" s="296">
        <v>3708382</v>
      </c>
      <c r="HX15" s="299">
        <v>21489468</v>
      </c>
      <c r="HY15" s="300">
        <v>21507636</v>
      </c>
    </row>
    <row r="16" spans="2:233" ht="16.5" customHeight="1" x14ac:dyDescent="0.2">
      <c r="B16" s="293" t="s">
        <v>12</v>
      </c>
      <c r="C16" s="295">
        <v>3435</v>
      </c>
      <c r="D16" s="296">
        <v>5240</v>
      </c>
      <c r="E16" s="297">
        <v>8675</v>
      </c>
      <c r="F16" s="298">
        <v>0</v>
      </c>
      <c r="G16" s="296">
        <v>272354</v>
      </c>
      <c r="H16" s="296">
        <v>495556</v>
      </c>
      <c r="I16" s="296">
        <v>2547668</v>
      </c>
      <c r="J16" s="296">
        <v>3782877</v>
      </c>
      <c r="K16" s="296">
        <v>2290010</v>
      </c>
      <c r="L16" s="299">
        <v>9388465</v>
      </c>
      <c r="M16" s="300">
        <v>9397140</v>
      </c>
      <c r="N16" s="295">
        <v>0</v>
      </c>
      <c r="O16" s="296">
        <v>0</v>
      </c>
      <c r="P16" s="297">
        <v>0</v>
      </c>
      <c r="Q16" s="301"/>
      <c r="R16" s="296">
        <v>35340</v>
      </c>
      <c r="S16" s="296">
        <v>78430</v>
      </c>
      <c r="T16" s="296">
        <v>1237394</v>
      </c>
      <c r="U16" s="296">
        <v>2431777</v>
      </c>
      <c r="V16" s="296">
        <v>1644675</v>
      </c>
      <c r="W16" s="299">
        <v>5427616</v>
      </c>
      <c r="X16" s="300">
        <v>5427616</v>
      </c>
      <c r="Y16" s="295">
        <v>0</v>
      </c>
      <c r="Z16" s="296">
        <v>0</v>
      </c>
      <c r="AA16" s="297">
        <v>0</v>
      </c>
      <c r="AB16" s="301"/>
      <c r="AC16" s="296">
        <v>189732</v>
      </c>
      <c r="AD16" s="296">
        <v>307222</v>
      </c>
      <c r="AE16" s="296">
        <v>892852</v>
      </c>
      <c r="AF16" s="296">
        <v>933217</v>
      </c>
      <c r="AG16" s="296">
        <v>397610</v>
      </c>
      <c r="AH16" s="299">
        <v>2720633</v>
      </c>
      <c r="AI16" s="300">
        <v>2720633</v>
      </c>
      <c r="AJ16" s="295">
        <v>0</v>
      </c>
      <c r="AK16" s="296">
        <v>0</v>
      </c>
      <c r="AL16" s="297">
        <v>0</v>
      </c>
      <c r="AM16" s="301"/>
      <c r="AN16" s="296">
        <v>0</v>
      </c>
      <c r="AO16" s="296">
        <v>0</v>
      </c>
      <c r="AP16" s="296">
        <v>0</v>
      </c>
      <c r="AQ16" s="296">
        <v>0</v>
      </c>
      <c r="AR16" s="296">
        <v>0</v>
      </c>
      <c r="AS16" s="299">
        <v>0</v>
      </c>
      <c r="AT16" s="300">
        <v>0</v>
      </c>
      <c r="AU16" s="295">
        <v>0</v>
      </c>
      <c r="AV16" s="296">
        <v>0</v>
      </c>
      <c r="AW16" s="297">
        <v>0</v>
      </c>
      <c r="AX16" s="301"/>
      <c r="AY16" s="296">
        <v>0</v>
      </c>
      <c r="AZ16" s="296">
        <v>0</v>
      </c>
      <c r="BA16" s="296">
        <v>0</v>
      </c>
      <c r="BB16" s="296">
        <v>37890</v>
      </c>
      <c r="BC16" s="296">
        <v>75950</v>
      </c>
      <c r="BD16" s="299">
        <v>113840</v>
      </c>
      <c r="BE16" s="300">
        <v>113840</v>
      </c>
      <c r="BF16" s="295">
        <v>0</v>
      </c>
      <c r="BG16" s="296">
        <v>0</v>
      </c>
      <c r="BH16" s="297">
        <v>0</v>
      </c>
      <c r="BI16" s="301"/>
      <c r="BJ16" s="296">
        <v>2635</v>
      </c>
      <c r="BK16" s="296">
        <v>0</v>
      </c>
      <c r="BL16" s="296">
        <v>237305</v>
      </c>
      <c r="BM16" s="296">
        <v>73315</v>
      </c>
      <c r="BN16" s="296">
        <v>2635</v>
      </c>
      <c r="BO16" s="299">
        <v>315890</v>
      </c>
      <c r="BP16" s="300">
        <v>315890</v>
      </c>
      <c r="BQ16" s="295">
        <v>3435</v>
      </c>
      <c r="BR16" s="296">
        <v>5240</v>
      </c>
      <c r="BS16" s="297">
        <v>8675</v>
      </c>
      <c r="BT16" s="298">
        <v>0</v>
      </c>
      <c r="BU16" s="296">
        <v>44647</v>
      </c>
      <c r="BV16" s="296">
        <v>104254</v>
      </c>
      <c r="BW16" s="296">
        <v>180117</v>
      </c>
      <c r="BX16" s="296">
        <v>306678</v>
      </c>
      <c r="BY16" s="296">
        <v>169140</v>
      </c>
      <c r="BZ16" s="299">
        <v>804836</v>
      </c>
      <c r="CA16" s="300">
        <v>813511</v>
      </c>
      <c r="CB16" s="295">
        <v>0</v>
      </c>
      <c r="CC16" s="296">
        <v>0</v>
      </c>
      <c r="CD16" s="297">
        <v>0</v>
      </c>
      <c r="CE16" s="298">
        <v>0</v>
      </c>
      <c r="CF16" s="296">
        <v>0</v>
      </c>
      <c r="CG16" s="296">
        <v>5650</v>
      </c>
      <c r="CH16" s="296">
        <v>0</v>
      </c>
      <c r="CI16" s="296">
        <v>0</v>
      </c>
      <c r="CJ16" s="296">
        <v>0</v>
      </c>
      <c r="CK16" s="299">
        <v>5650</v>
      </c>
      <c r="CL16" s="300">
        <v>5650</v>
      </c>
      <c r="CM16" s="295">
        <v>0</v>
      </c>
      <c r="CN16" s="296">
        <v>0</v>
      </c>
      <c r="CO16" s="297">
        <v>0</v>
      </c>
      <c r="CP16" s="298">
        <v>0</v>
      </c>
      <c r="CQ16" s="296">
        <v>0</v>
      </c>
      <c r="CR16" s="296">
        <v>0</v>
      </c>
      <c r="CS16" s="296">
        <v>0</v>
      </c>
      <c r="CT16" s="296">
        <v>0</v>
      </c>
      <c r="CU16" s="296">
        <v>0</v>
      </c>
      <c r="CV16" s="299">
        <v>0</v>
      </c>
      <c r="CW16" s="300">
        <v>0</v>
      </c>
      <c r="CX16" s="295">
        <v>0</v>
      </c>
      <c r="CY16" s="296">
        <v>0</v>
      </c>
      <c r="CZ16" s="297">
        <v>0</v>
      </c>
      <c r="DA16" s="301"/>
      <c r="DB16" s="296">
        <v>0</v>
      </c>
      <c r="DC16" s="296">
        <v>0</v>
      </c>
      <c r="DD16" s="296">
        <v>0</v>
      </c>
      <c r="DE16" s="296">
        <v>0</v>
      </c>
      <c r="DF16" s="296">
        <v>0</v>
      </c>
      <c r="DG16" s="299">
        <v>0</v>
      </c>
      <c r="DH16" s="300">
        <v>0</v>
      </c>
      <c r="DI16" s="295">
        <v>2553</v>
      </c>
      <c r="DJ16" s="296">
        <v>8387</v>
      </c>
      <c r="DK16" s="297">
        <v>10940</v>
      </c>
      <c r="DL16" s="298">
        <v>0</v>
      </c>
      <c r="DM16" s="296">
        <v>201319</v>
      </c>
      <c r="DN16" s="296">
        <v>439378</v>
      </c>
      <c r="DO16" s="296">
        <v>2678037</v>
      </c>
      <c r="DP16" s="296">
        <v>3864526</v>
      </c>
      <c r="DQ16" s="296">
        <v>2218137</v>
      </c>
      <c r="DR16" s="299">
        <v>9401397</v>
      </c>
      <c r="DS16" s="302">
        <v>9412337</v>
      </c>
      <c r="DT16" s="295">
        <v>0</v>
      </c>
      <c r="DU16" s="296">
        <v>0</v>
      </c>
      <c r="DV16" s="297">
        <v>0</v>
      </c>
      <c r="DW16" s="301"/>
      <c r="DX16" s="296">
        <v>58342</v>
      </c>
      <c r="DY16" s="296">
        <v>217868</v>
      </c>
      <c r="DZ16" s="296">
        <v>1938728</v>
      </c>
      <c r="EA16" s="296">
        <v>3153760</v>
      </c>
      <c r="EB16" s="296">
        <v>1924545</v>
      </c>
      <c r="EC16" s="299">
        <v>7293243</v>
      </c>
      <c r="ED16" s="300">
        <v>7293243</v>
      </c>
      <c r="EE16" s="295">
        <v>0</v>
      </c>
      <c r="EF16" s="296">
        <v>0</v>
      </c>
      <c r="EG16" s="297">
        <v>0</v>
      </c>
      <c r="EH16" s="301"/>
      <c r="EI16" s="296">
        <v>52321</v>
      </c>
      <c r="EJ16" s="296">
        <v>26369</v>
      </c>
      <c r="EK16" s="296">
        <v>112558</v>
      </c>
      <c r="EL16" s="296">
        <v>163320</v>
      </c>
      <c r="EM16" s="296">
        <v>59197</v>
      </c>
      <c r="EN16" s="299">
        <v>413765</v>
      </c>
      <c r="EO16" s="300">
        <v>413765</v>
      </c>
      <c r="EP16" s="295">
        <v>0</v>
      </c>
      <c r="EQ16" s="296">
        <v>0</v>
      </c>
      <c r="ER16" s="297">
        <v>0</v>
      </c>
      <c r="ES16" s="301"/>
      <c r="ET16" s="296">
        <v>0</v>
      </c>
      <c r="EU16" s="296">
        <v>0</v>
      </c>
      <c r="EV16" s="296">
        <v>0</v>
      </c>
      <c r="EW16" s="296">
        <v>0</v>
      </c>
      <c r="EX16" s="296">
        <v>0</v>
      </c>
      <c r="EY16" s="299">
        <v>0</v>
      </c>
      <c r="EZ16" s="300">
        <v>0</v>
      </c>
      <c r="FA16" s="295">
        <v>0</v>
      </c>
      <c r="FB16" s="296">
        <v>0</v>
      </c>
      <c r="FC16" s="297">
        <v>0</v>
      </c>
      <c r="FD16" s="301"/>
      <c r="FE16" s="296">
        <v>0</v>
      </c>
      <c r="FF16" s="296">
        <v>0</v>
      </c>
      <c r="FG16" s="296">
        <v>0</v>
      </c>
      <c r="FH16" s="296">
        <v>651</v>
      </c>
      <c r="FI16" s="296">
        <v>1302</v>
      </c>
      <c r="FJ16" s="299">
        <v>1953</v>
      </c>
      <c r="FK16" s="300">
        <v>1953</v>
      </c>
      <c r="FL16" s="295">
        <v>0</v>
      </c>
      <c r="FM16" s="296">
        <v>0</v>
      </c>
      <c r="FN16" s="297">
        <v>0</v>
      </c>
      <c r="FO16" s="301"/>
      <c r="FP16" s="296">
        <v>21576</v>
      </c>
      <c r="FQ16" s="296">
        <v>0</v>
      </c>
      <c r="FR16" s="296">
        <v>298096</v>
      </c>
      <c r="FS16" s="296">
        <v>138260</v>
      </c>
      <c r="FT16" s="296">
        <v>21576</v>
      </c>
      <c r="FU16" s="299">
        <v>479508</v>
      </c>
      <c r="FV16" s="300">
        <v>479508</v>
      </c>
      <c r="FW16" s="295">
        <v>2553</v>
      </c>
      <c r="FX16" s="296">
        <v>8387</v>
      </c>
      <c r="FY16" s="297">
        <v>10940</v>
      </c>
      <c r="FZ16" s="298">
        <v>0</v>
      </c>
      <c r="GA16" s="296">
        <v>69080</v>
      </c>
      <c r="GB16" s="296">
        <v>191691</v>
      </c>
      <c r="GC16" s="296">
        <v>328655</v>
      </c>
      <c r="GD16" s="296">
        <v>408535</v>
      </c>
      <c r="GE16" s="296">
        <v>211517</v>
      </c>
      <c r="GF16" s="299">
        <v>1209478</v>
      </c>
      <c r="GG16" s="300">
        <v>1220418</v>
      </c>
      <c r="GH16" s="295">
        <v>0</v>
      </c>
      <c r="GI16" s="296">
        <v>0</v>
      </c>
      <c r="GJ16" s="297">
        <v>0</v>
      </c>
      <c r="GK16" s="298">
        <v>0</v>
      </c>
      <c r="GL16" s="296">
        <v>0</v>
      </c>
      <c r="GM16" s="296">
        <v>3450</v>
      </c>
      <c r="GN16" s="296">
        <v>0</v>
      </c>
      <c r="GO16" s="296">
        <v>0</v>
      </c>
      <c r="GP16" s="296">
        <v>0</v>
      </c>
      <c r="GQ16" s="299">
        <v>3450</v>
      </c>
      <c r="GR16" s="300">
        <v>3450</v>
      </c>
      <c r="GS16" s="295">
        <v>0</v>
      </c>
      <c r="GT16" s="296">
        <v>0</v>
      </c>
      <c r="GU16" s="297">
        <v>0</v>
      </c>
      <c r="GV16" s="298">
        <v>0</v>
      </c>
      <c r="GW16" s="296">
        <v>0</v>
      </c>
      <c r="GX16" s="296">
        <v>0</v>
      </c>
      <c r="GY16" s="296">
        <v>0</v>
      </c>
      <c r="GZ16" s="296">
        <v>0</v>
      </c>
      <c r="HA16" s="296">
        <v>0</v>
      </c>
      <c r="HB16" s="299">
        <v>0</v>
      </c>
      <c r="HC16" s="300">
        <v>0</v>
      </c>
      <c r="HD16" s="295">
        <v>0</v>
      </c>
      <c r="HE16" s="296">
        <v>0</v>
      </c>
      <c r="HF16" s="297">
        <v>0</v>
      </c>
      <c r="HG16" s="301"/>
      <c r="HH16" s="296">
        <v>0</v>
      </c>
      <c r="HI16" s="296">
        <v>0</v>
      </c>
      <c r="HJ16" s="296">
        <v>0</v>
      </c>
      <c r="HK16" s="296">
        <v>0</v>
      </c>
      <c r="HL16" s="296">
        <v>0</v>
      </c>
      <c r="HM16" s="299">
        <v>0</v>
      </c>
      <c r="HN16" s="300">
        <v>0</v>
      </c>
      <c r="HO16" s="295">
        <v>5988</v>
      </c>
      <c r="HP16" s="296">
        <v>13627</v>
      </c>
      <c r="HQ16" s="297">
        <v>19615</v>
      </c>
      <c r="HR16" s="298">
        <v>0</v>
      </c>
      <c r="HS16" s="296">
        <v>473673</v>
      </c>
      <c r="HT16" s="296">
        <v>934934</v>
      </c>
      <c r="HU16" s="296">
        <v>5225705</v>
      </c>
      <c r="HV16" s="296">
        <v>7647403</v>
      </c>
      <c r="HW16" s="296">
        <v>4508147</v>
      </c>
      <c r="HX16" s="299">
        <v>18789862</v>
      </c>
      <c r="HY16" s="300">
        <v>18809477</v>
      </c>
    </row>
    <row r="17" spans="2:233" ht="16.5" customHeight="1" x14ac:dyDescent="0.2">
      <c r="B17" s="293" t="s">
        <v>13</v>
      </c>
      <c r="C17" s="295">
        <v>0</v>
      </c>
      <c r="D17" s="296">
        <v>0</v>
      </c>
      <c r="E17" s="297">
        <v>0</v>
      </c>
      <c r="F17" s="298">
        <v>0</v>
      </c>
      <c r="G17" s="296">
        <v>78678</v>
      </c>
      <c r="H17" s="296">
        <v>171572</v>
      </c>
      <c r="I17" s="296">
        <v>517605</v>
      </c>
      <c r="J17" s="296">
        <v>992982</v>
      </c>
      <c r="K17" s="296">
        <v>765102</v>
      </c>
      <c r="L17" s="299">
        <v>2525939</v>
      </c>
      <c r="M17" s="300">
        <v>2525939</v>
      </c>
      <c r="N17" s="295">
        <v>0</v>
      </c>
      <c r="O17" s="296">
        <v>0</v>
      </c>
      <c r="P17" s="297">
        <v>0</v>
      </c>
      <c r="Q17" s="301"/>
      <c r="R17" s="296">
        <v>2635</v>
      </c>
      <c r="S17" s="296">
        <v>0</v>
      </c>
      <c r="T17" s="296">
        <v>361195</v>
      </c>
      <c r="U17" s="296">
        <v>928932</v>
      </c>
      <c r="V17" s="296">
        <v>678267</v>
      </c>
      <c r="W17" s="299">
        <v>1971029</v>
      </c>
      <c r="X17" s="300">
        <v>1971029</v>
      </c>
      <c r="Y17" s="295">
        <v>0</v>
      </c>
      <c r="Z17" s="296">
        <v>0</v>
      </c>
      <c r="AA17" s="297">
        <v>0</v>
      </c>
      <c r="AB17" s="301"/>
      <c r="AC17" s="296">
        <v>72210</v>
      </c>
      <c r="AD17" s="296">
        <v>141797</v>
      </c>
      <c r="AE17" s="296">
        <v>108372</v>
      </c>
      <c r="AF17" s="296">
        <v>30665</v>
      </c>
      <c r="AG17" s="296">
        <v>79420</v>
      </c>
      <c r="AH17" s="299">
        <v>432464</v>
      </c>
      <c r="AI17" s="300">
        <v>432464</v>
      </c>
      <c r="AJ17" s="295">
        <v>0</v>
      </c>
      <c r="AK17" s="296">
        <v>0</v>
      </c>
      <c r="AL17" s="297">
        <v>0</v>
      </c>
      <c r="AM17" s="301"/>
      <c r="AN17" s="296">
        <v>0</v>
      </c>
      <c r="AO17" s="296">
        <v>0</v>
      </c>
      <c r="AP17" s="296">
        <v>0</v>
      </c>
      <c r="AQ17" s="296">
        <v>0</v>
      </c>
      <c r="AR17" s="296">
        <v>0</v>
      </c>
      <c r="AS17" s="299">
        <v>0</v>
      </c>
      <c r="AT17" s="300">
        <v>0</v>
      </c>
      <c r="AU17" s="295">
        <v>0</v>
      </c>
      <c r="AV17" s="296">
        <v>0</v>
      </c>
      <c r="AW17" s="297">
        <v>0</v>
      </c>
      <c r="AX17" s="301"/>
      <c r="AY17" s="296">
        <v>0</v>
      </c>
      <c r="AZ17" s="296">
        <v>0</v>
      </c>
      <c r="BA17" s="296">
        <v>0</v>
      </c>
      <c r="BB17" s="296">
        <v>0</v>
      </c>
      <c r="BC17" s="296">
        <v>0</v>
      </c>
      <c r="BD17" s="299">
        <v>0</v>
      </c>
      <c r="BE17" s="300">
        <v>0</v>
      </c>
      <c r="BF17" s="295">
        <v>0</v>
      </c>
      <c r="BG17" s="296">
        <v>0</v>
      </c>
      <c r="BH17" s="297">
        <v>0</v>
      </c>
      <c r="BI17" s="301"/>
      <c r="BJ17" s="296">
        <v>0</v>
      </c>
      <c r="BK17" s="296">
        <v>0</v>
      </c>
      <c r="BL17" s="296">
        <v>0</v>
      </c>
      <c r="BM17" s="296">
        <v>0</v>
      </c>
      <c r="BN17" s="296">
        <v>0</v>
      </c>
      <c r="BO17" s="299">
        <v>0</v>
      </c>
      <c r="BP17" s="300">
        <v>0</v>
      </c>
      <c r="BQ17" s="295">
        <v>0</v>
      </c>
      <c r="BR17" s="296">
        <v>0</v>
      </c>
      <c r="BS17" s="297">
        <v>0</v>
      </c>
      <c r="BT17" s="298">
        <v>0</v>
      </c>
      <c r="BU17" s="296">
        <v>3833</v>
      </c>
      <c r="BV17" s="296">
        <v>28470</v>
      </c>
      <c r="BW17" s="296">
        <v>47168</v>
      </c>
      <c r="BX17" s="296">
        <v>32080</v>
      </c>
      <c r="BY17" s="296">
        <v>785</v>
      </c>
      <c r="BZ17" s="299">
        <v>112336</v>
      </c>
      <c r="CA17" s="300">
        <v>112336</v>
      </c>
      <c r="CB17" s="295">
        <v>0</v>
      </c>
      <c r="CC17" s="296">
        <v>0</v>
      </c>
      <c r="CD17" s="297">
        <v>0</v>
      </c>
      <c r="CE17" s="298">
        <v>0</v>
      </c>
      <c r="CF17" s="296">
        <v>0</v>
      </c>
      <c r="CG17" s="296">
        <v>1305</v>
      </c>
      <c r="CH17" s="296">
        <v>870</v>
      </c>
      <c r="CI17" s="296">
        <v>1305</v>
      </c>
      <c r="CJ17" s="296">
        <v>6630</v>
      </c>
      <c r="CK17" s="299">
        <v>10110</v>
      </c>
      <c r="CL17" s="300">
        <v>10110</v>
      </c>
      <c r="CM17" s="295">
        <v>0</v>
      </c>
      <c r="CN17" s="296">
        <v>0</v>
      </c>
      <c r="CO17" s="297">
        <v>0</v>
      </c>
      <c r="CP17" s="298">
        <v>0</v>
      </c>
      <c r="CQ17" s="296">
        <v>0</v>
      </c>
      <c r="CR17" s="296">
        <v>0</v>
      </c>
      <c r="CS17" s="296">
        <v>0</v>
      </c>
      <c r="CT17" s="296">
        <v>0</v>
      </c>
      <c r="CU17" s="296">
        <v>0</v>
      </c>
      <c r="CV17" s="299">
        <v>0</v>
      </c>
      <c r="CW17" s="300">
        <v>0</v>
      </c>
      <c r="CX17" s="295">
        <v>0</v>
      </c>
      <c r="CY17" s="296">
        <v>0</v>
      </c>
      <c r="CZ17" s="297">
        <v>0</v>
      </c>
      <c r="DA17" s="301"/>
      <c r="DB17" s="296">
        <v>0</v>
      </c>
      <c r="DC17" s="296">
        <v>0</v>
      </c>
      <c r="DD17" s="296">
        <v>0</v>
      </c>
      <c r="DE17" s="296">
        <v>0</v>
      </c>
      <c r="DF17" s="296">
        <v>0</v>
      </c>
      <c r="DG17" s="299">
        <v>0</v>
      </c>
      <c r="DH17" s="300">
        <v>0</v>
      </c>
      <c r="DI17" s="295">
        <v>0</v>
      </c>
      <c r="DJ17" s="296">
        <v>0</v>
      </c>
      <c r="DK17" s="297">
        <v>0</v>
      </c>
      <c r="DL17" s="298">
        <v>0</v>
      </c>
      <c r="DM17" s="296">
        <v>47376</v>
      </c>
      <c r="DN17" s="296">
        <v>47100</v>
      </c>
      <c r="DO17" s="296">
        <v>658383</v>
      </c>
      <c r="DP17" s="296">
        <v>1065769</v>
      </c>
      <c r="DQ17" s="296">
        <v>789548</v>
      </c>
      <c r="DR17" s="299">
        <v>2608176</v>
      </c>
      <c r="DS17" s="302">
        <v>2608176</v>
      </c>
      <c r="DT17" s="295">
        <v>0</v>
      </c>
      <c r="DU17" s="296">
        <v>0</v>
      </c>
      <c r="DV17" s="297">
        <v>0</v>
      </c>
      <c r="DW17" s="301"/>
      <c r="DX17" s="296">
        <v>21576</v>
      </c>
      <c r="DY17" s="296">
        <v>0</v>
      </c>
      <c r="DZ17" s="296">
        <v>532251</v>
      </c>
      <c r="EA17" s="296">
        <v>972568</v>
      </c>
      <c r="EB17" s="296">
        <v>717735</v>
      </c>
      <c r="EC17" s="299">
        <v>2244130</v>
      </c>
      <c r="ED17" s="300">
        <v>2244130</v>
      </c>
      <c r="EE17" s="295">
        <v>0</v>
      </c>
      <c r="EF17" s="296">
        <v>0</v>
      </c>
      <c r="EG17" s="297">
        <v>0</v>
      </c>
      <c r="EH17" s="301"/>
      <c r="EI17" s="296">
        <v>11875</v>
      </c>
      <c r="EJ17" s="296">
        <v>2086</v>
      </c>
      <c r="EK17" s="296">
        <v>37939</v>
      </c>
      <c r="EL17" s="296">
        <v>1029</v>
      </c>
      <c r="EM17" s="296">
        <v>34229</v>
      </c>
      <c r="EN17" s="299">
        <v>87158</v>
      </c>
      <c r="EO17" s="300">
        <v>87158</v>
      </c>
      <c r="EP17" s="295">
        <v>0</v>
      </c>
      <c r="EQ17" s="296">
        <v>0</v>
      </c>
      <c r="ER17" s="297">
        <v>0</v>
      </c>
      <c r="ES17" s="301"/>
      <c r="ET17" s="296">
        <v>0</v>
      </c>
      <c r="EU17" s="296">
        <v>0</v>
      </c>
      <c r="EV17" s="296">
        <v>0</v>
      </c>
      <c r="EW17" s="296">
        <v>0</v>
      </c>
      <c r="EX17" s="296">
        <v>0</v>
      </c>
      <c r="EY17" s="299">
        <v>0</v>
      </c>
      <c r="EZ17" s="300">
        <v>0</v>
      </c>
      <c r="FA17" s="295">
        <v>0</v>
      </c>
      <c r="FB17" s="296">
        <v>0</v>
      </c>
      <c r="FC17" s="297">
        <v>0</v>
      </c>
      <c r="FD17" s="301"/>
      <c r="FE17" s="296">
        <v>0</v>
      </c>
      <c r="FF17" s="296">
        <v>0</v>
      </c>
      <c r="FG17" s="296">
        <v>0</v>
      </c>
      <c r="FH17" s="296">
        <v>0</v>
      </c>
      <c r="FI17" s="296">
        <v>0</v>
      </c>
      <c r="FJ17" s="299">
        <v>0</v>
      </c>
      <c r="FK17" s="300">
        <v>0</v>
      </c>
      <c r="FL17" s="295">
        <v>0</v>
      </c>
      <c r="FM17" s="296">
        <v>0</v>
      </c>
      <c r="FN17" s="297">
        <v>0</v>
      </c>
      <c r="FO17" s="301"/>
      <c r="FP17" s="296">
        <v>0</v>
      </c>
      <c r="FQ17" s="296">
        <v>0</v>
      </c>
      <c r="FR17" s="296">
        <v>0</v>
      </c>
      <c r="FS17" s="296">
        <v>0</v>
      </c>
      <c r="FT17" s="296">
        <v>0</v>
      </c>
      <c r="FU17" s="299">
        <v>0</v>
      </c>
      <c r="FV17" s="300">
        <v>0</v>
      </c>
      <c r="FW17" s="295">
        <v>0</v>
      </c>
      <c r="FX17" s="296">
        <v>0</v>
      </c>
      <c r="FY17" s="297">
        <v>0</v>
      </c>
      <c r="FZ17" s="298">
        <v>0</v>
      </c>
      <c r="GA17" s="296">
        <v>13925</v>
      </c>
      <c r="GB17" s="296">
        <v>44951</v>
      </c>
      <c r="GC17" s="296">
        <v>88137</v>
      </c>
      <c r="GD17" s="296">
        <v>85908</v>
      </c>
      <c r="GE17" s="296">
        <v>37584</v>
      </c>
      <c r="GF17" s="299">
        <v>270505</v>
      </c>
      <c r="GG17" s="300">
        <v>270505</v>
      </c>
      <c r="GH17" s="295">
        <v>0</v>
      </c>
      <c r="GI17" s="296">
        <v>0</v>
      </c>
      <c r="GJ17" s="297">
        <v>0</v>
      </c>
      <c r="GK17" s="298">
        <v>0</v>
      </c>
      <c r="GL17" s="296">
        <v>0</v>
      </c>
      <c r="GM17" s="296">
        <v>63</v>
      </c>
      <c r="GN17" s="296">
        <v>56</v>
      </c>
      <c r="GO17" s="296">
        <v>6264</v>
      </c>
      <c r="GP17" s="296">
        <v>0</v>
      </c>
      <c r="GQ17" s="299">
        <v>6383</v>
      </c>
      <c r="GR17" s="300">
        <v>6383</v>
      </c>
      <c r="GS17" s="295">
        <v>0</v>
      </c>
      <c r="GT17" s="296">
        <v>0</v>
      </c>
      <c r="GU17" s="297">
        <v>0</v>
      </c>
      <c r="GV17" s="298">
        <v>0</v>
      </c>
      <c r="GW17" s="296">
        <v>0</v>
      </c>
      <c r="GX17" s="296">
        <v>0</v>
      </c>
      <c r="GY17" s="296">
        <v>0</v>
      </c>
      <c r="GZ17" s="296">
        <v>0</v>
      </c>
      <c r="HA17" s="296">
        <v>0</v>
      </c>
      <c r="HB17" s="299">
        <v>0</v>
      </c>
      <c r="HC17" s="300">
        <v>0</v>
      </c>
      <c r="HD17" s="295">
        <v>0</v>
      </c>
      <c r="HE17" s="296">
        <v>0</v>
      </c>
      <c r="HF17" s="297">
        <v>0</v>
      </c>
      <c r="HG17" s="301"/>
      <c r="HH17" s="296">
        <v>0</v>
      </c>
      <c r="HI17" s="296">
        <v>0</v>
      </c>
      <c r="HJ17" s="296">
        <v>0</v>
      </c>
      <c r="HK17" s="296">
        <v>0</v>
      </c>
      <c r="HL17" s="296">
        <v>0</v>
      </c>
      <c r="HM17" s="299">
        <v>0</v>
      </c>
      <c r="HN17" s="300">
        <v>0</v>
      </c>
      <c r="HO17" s="295">
        <v>0</v>
      </c>
      <c r="HP17" s="296">
        <v>0</v>
      </c>
      <c r="HQ17" s="297">
        <v>0</v>
      </c>
      <c r="HR17" s="298">
        <v>0</v>
      </c>
      <c r="HS17" s="296">
        <v>126054</v>
      </c>
      <c r="HT17" s="296">
        <v>218672</v>
      </c>
      <c r="HU17" s="296">
        <v>1175988</v>
      </c>
      <c r="HV17" s="296">
        <v>2058751</v>
      </c>
      <c r="HW17" s="296">
        <v>1554650</v>
      </c>
      <c r="HX17" s="299">
        <v>5134115</v>
      </c>
      <c r="HY17" s="300">
        <v>5134115</v>
      </c>
    </row>
    <row r="18" spans="2:233" ht="16.5" customHeight="1" x14ac:dyDescent="0.2">
      <c r="B18" s="293" t="s">
        <v>15</v>
      </c>
      <c r="C18" s="295">
        <v>0</v>
      </c>
      <c r="D18" s="296">
        <v>435</v>
      </c>
      <c r="E18" s="297">
        <v>435</v>
      </c>
      <c r="F18" s="298">
        <v>0</v>
      </c>
      <c r="G18" s="296">
        <v>231355</v>
      </c>
      <c r="H18" s="296">
        <v>536735</v>
      </c>
      <c r="I18" s="296">
        <v>1694556</v>
      </c>
      <c r="J18" s="296">
        <v>2092212</v>
      </c>
      <c r="K18" s="296">
        <v>1224923</v>
      </c>
      <c r="L18" s="299">
        <v>5779781</v>
      </c>
      <c r="M18" s="300">
        <v>5780216</v>
      </c>
      <c r="N18" s="295">
        <v>0</v>
      </c>
      <c r="O18" s="296">
        <v>0</v>
      </c>
      <c r="P18" s="297">
        <v>0</v>
      </c>
      <c r="Q18" s="301"/>
      <c r="R18" s="296">
        <v>0</v>
      </c>
      <c r="S18" s="296">
        <v>35495</v>
      </c>
      <c r="T18" s="296">
        <v>1078845</v>
      </c>
      <c r="U18" s="296">
        <v>1314295</v>
      </c>
      <c r="V18" s="296">
        <v>879450</v>
      </c>
      <c r="W18" s="299">
        <v>3308085</v>
      </c>
      <c r="X18" s="300">
        <v>3308085</v>
      </c>
      <c r="Y18" s="295">
        <v>0</v>
      </c>
      <c r="Z18" s="296">
        <v>0</v>
      </c>
      <c r="AA18" s="297">
        <v>0</v>
      </c>
      <c r="AB18" s="301"/>
      <c r="AC18" s="296">
        <v>215085</v>
      </c>
      <c r="AD18" s="296">
        <v>437070</v>
      </c>
      <c r="AE18" s="296">
        <v>416795</v>
      </c>
      <c r="AF18" s="296">
        <v>524888</v>
      </c>
      <c r="AG18" s="296">
        <v>150526</v>
      </c>
      <c r="AH18" s="299">
        <v>1744364</v>
      </c>
      <c r="AI18" s="300">
        <v>1744364</v>
      </c>
      <c r="AJ18" s="295">
        <v>0</v>
      </c>
      <c r="AK18" s="296">
        <v>0</v>
      </c>
      <c r="AL18" s="297">
        <v>0</v>
      </c>
      <c r="AM18" s="301"/>
      <c r="AN18" s="296">
        <v>0</v>
      </c>
      <c r="AO18" s="296">
        <v>0</v>
      </c>
      <c r="AP18" s="296">
        <v>0</v>
      </c>
      <c r="AQ18" s="296">
        <v>0</v>
      </c>
      <c r="AR18" s="296">
        <v>2635</v>
      </c>
      <c r="AS18" s="299">
        <v>2635</v>
      </c>
      <c r="AT18" s="300">
        <v>2635</v>
      </c>
      <c r="AU18" s="295">
        <v>0</v>
      </c>
      <c r="AV18" s="296">
        <v>0</v>
      </c>
      <c r="AW18" s="297">
        <v>0</v>
      </c>
      <c r="AX18" s="301"/>
      <c r="AY18" s="296">
        <v>0</v>
      </c>
      <c r="AZ18" s="296">
        <v>0</v>
      </c>
      <c r="BA18" s="296">
        <v>0</v>
      </c>
      <c r="BB18" s="296">
        <v>0</v>
      </c>
      <c r="BC18" s="296">
        <v>0</v>
      </c>
      <c r="BD18" s="299">
        <v>0</v>
      </c>
      <c r="BE18" s="300">
        <v>0</v>
      </c>
      <c r="BF18" s="295">
        <v>0</v>
      </c>
      <c r="BG18" s="296">
        <v>0</v>
      </c>
      <c r="BH18" s="297">
        <v>0</v>
      </c>
      <c r="BI18" s="301"/>
      <c r="BJ18" s="296">
        <v>0</v>
      </c>
      <c r="BK18" s="296">
        <v>0</v>
      </c>
      <c r="BL18" s="296">
        <v>133895</v>
      </c>
      <c r="BM18" s="296">
        <v>59035</v>
      </c>
      <c r="BN18" s="296">
        <v>65255</v>
      </c>
      <c r="BO18" s="299">
        <v>258185</v>
      </c>
      <c r="BP18" s="300">
        <v>258185</v>
      </c>
      <c r="BQ18" s="295">
        <v>0</v>
      </c>
      <c r="BR18" s="296">
        <v>0</v>
      </c>
      <c r="BS18" s="297">
        <v>0</v>
      </c>
      <c r="BT18" s="298">
        <v>0</v>
      </c>
      <c r="BU18" s="296">
        <v>16270</v>
      </c>
      <c r="BV18" s="296">
        <v>64170</v>
      </c>
      <c r="BW18" s="296">
        <v>59984</v>
      </c>
      <c r="BX18" s="296">
        <v>193064</v>
      </c>
      <c r="BY18" s="296">
        <v>127057</v>
      </c>
      <c r="BZ18" s="299">
        <v>460545</v>
      </c>
      <c r="CA18" s="300">
        <v>460545</v>
      </c>
      <c r="CB18" s="295">
        <v>0</v>
      </c>
      <c r="CC18" s="296">
        <v>435</v>
      </c>
      <c r="CD18" s="297">
        <v>435</v>
      </c>
      <c r="CE18" s="298">
        <v>0</v>
      </c>
      <c r="CF18" s="296">
        <v>0</v>
      </c>
      <c r="CG18" s="296">
        <v>0</v>
      </c>
      <c r="CH18" s="296">
        <v>5037</v>
      </c>
      <c r="CI18" s="296">
        <v>930</v>
      </c>
      <c r="CJ18" s="296">
        <v>0</v>
      </c>
      <c r="CK18" s="299">
        <v>5967</v>
      </c>
      <c r="CL18" s="300">
        <v>6402</v>
      </c>
      <c r="CM18" s="295">
        <v>0</v>
      </c>
      <c r="CN18" s="296">
        <v>0</v>
      </c>
      <c r="CO18" s="297">
        <v>0</v>
      </c>
      <c r="CP18" s="298">
        <v>0</v>
      </c>
      <c r="CQ18" s="296">
        <v>0</v>
      </c>
      <c r="CR18" s="296">
        <v>0</v>
      </c>
      <c r="CS18" s="296">
        <v>0</v>
      </c>
      <c r="CT18" s="296">
        <v>0</v>
      </c>
      <c r="CU18" s="296">
        <v>0</v>
      </c>
      <c r="CV18" s="299">
        <v>0</v>
      </c>
      <c r="CW18" s="300">
        <v>0</v>
      </c>
      <c r="CX18" s="295">
        <v>0</v>
      </c>
      <c r="CY18" s="296">
        <v>0</v>
      </c>
      <c r="CZ18" s="297">
        <v>0</v>
      </c>
      <c r="DA18" s="301"/>
      <c r="DB18" s="296">
        <v>0</v>
      </c>
      <c r="DC18" s="296">
        <v>0</v>
      </c>
      <c r="DD18" s="296">
        <v>0</v>
      </c>
      <c r="DE18" s="296">
        <v>0</v>
      </c>
      <c r="DF18" s="296">
        <v>0</v>
      </c>
      <c r="DG18" s="299">
        <v>0</v>
      </c>
      <c r="DH18" s="300">
        <v>0</v>
      </c>
      <c r="DI18" s="295">
        <v>0</v>
      </c>
      <c r="DJ18" s="296">
        <v>1432</v>
      </c>
      <c r="DK18" s="297">
        <v>1432</v>
      </c>
      <c r="DL18" s="298">
        <v>0</v>
      </c>
      <c r="DM18" s="296">
        <v>23802</v>
      </c>
      <c r="DN18" s="296">
        <v>166536</v>
      </c>
      <c r="DO18" s="296">
        <v>1659046</v>
      </c>
      <c r="DP18" s="296">
        <v>1822617</v>
      </c>
      <c r="DQ18" s="296">
        <v>1193957</v>
      </c>
      <c r="DR18" s="299">
        <v>4865958</v>
      </c>
      <c r="DS18" s="302">
        <v>4867390</v>
      </c>
      <c r="DT18" s="295">
        <v>0</v>
      </c>
      <c r="DU18" s="296">
        <v>0</v>
      </c>
      <c r="DV18" s="297">
        <v>0</v>
      </c>
      <c r="DW18" s="301"/>
      <c r="DX18" s="296">
        <v>0</v>
      </c>
      <c r="DY18" s="296">
        <v>26505</v>
      </c>
      <c r="DZ18" s="296">
        <v>1236254</v>
      </c>
      <c r="EA18" s="296">
        <v>1453800</v>
      </c>
      <c r="EB18" s="296">
        <v>897580</v>
      </c>
      <c r="EC18" s="299">
        <v>3614139</v>
      </c>
      <c r="ED18" s="300">
        <v>3614139</v>
      </c>
      <c r="EE18" s="295">
        <v>0</v>
      </c>
      <c r="EF18" s="296">
        <v>0</v>
      </c>
      <c r="EG18" s="297">
        <v>0</v>
      </c>
      <c r="EH18" s="301"/>
      <c r="EI18" s="296">
        <v>14102</v>
      </c>
      <c r="EJ18" s="296">
        <v>72019</v>
      </c>
      <c r="EK18" s="296">
        <v>25885</v>
      </c>
      <c r="EL18" s="296">
        <v>36339</v>
      </c>
      <c r="EM18" s="296">
        <v>25689</v>
      </c>
      <c r="EN18" s="299">
        <v>174034</v>
      </c>
      <c r="EO18" s="300">
        <v>174034</v>
      </c>
      <c r="EP18" s="295">
        <v>0</v>
      </c>
      <c r="EQ18" s="296">
        <v>0</v>
      </c>
      <c r="ER18" s="297">
        <v>0</v>
      </c>
      <c r="ES18" s="301"/>
      <c r="ET18" s="296">
        <v>0</v>
      </c>
      <c r="EU18" s="296">
        <v>0</v>
      </c>
      <c r="EV18" s="296">
        <v>0</v>
      </c>
      <c r="EW18" s="296">
        <v>0</v>
      </c>
      <c r="EX18" s="296">
        <v>217</v>
      </c>
      <c r="EY18" s="299">
        <v>217</v>
      </c>
      <c r="EZ18" s="300">
        <v>217</v>
      </c>
      <c r="FA18" s="295">
        <v>0</v>
      </c>
      <c r="FB18" s="296">
        <v>0</v>
      </c>
      <c r="FC18" s="297">
        <v>0</v>
      </c>
      <c r="FD18" s="301"/>
      <c r="FE18" s="296">
        <v>0</v>
      </c>
      <c r="FF18" s="296">
        <v>0</v>
      </c>
      <c r="FG18" s="296">
        <v>0</v>
      </c>
      <c r="FH18" s="296">
        <v>0</v>
      </c>
      <c r="FI18" s="296">
        <v>0</v>
      </c>
      <c r="FJ18" s="299">
        <v>0</v>
      </c>
      <c r="FK18" s="300">
        <v>0</v>
      </c>
      <c r="FL18" s="295">
        <v>0</v>
      </c>
      <c r="FM18" s="296">
        <v>0</v>
      </c>
      <c r="FN18" s="297">
        <v>0</v>
      </c>
      <c r="FO18" s="301"/>
      <c r="FP18" s="296">
        <v>0</v>
      </c>
      <c r="FQ18" s="296">
        <v>0</v>
      </c>
      <c r="FR18" s="296">
        <v>227226</v>
      </c>
      <c r="FS18" s="296">
        <v>129456</v>
      </c>
      <c r="FT18" s="296">
        <v>123070</v>
      </c>
      <c r="FU18" s="299">
        <v>479752</v>
      </c>
      <c r="FV18" s="300">
        <v>479752</v>
      </c>
      <c r="FW18" s="295">
        <v>0</v>
      </c>
      <c r="FX18" s="296">
        <v>0</v>
      </c>
      <c r="FY18" s="297">
        <v>0</v>
      </c>
      <c r="FZ18" s="298">
        <v>0</v>
      </c>
      <c r="GA18" s="296">
        <v>9700</v>
      </c>
      <c r="GB18" s="296">
        <v>68012</v>
      </c>
      <c r="GC18" s="296">
        <v>162717</v>
      </c>
      <c r="GD18" s="296">
        <v>202973</v>
      </c>
      <c r="GE18" s="296">
        <v>147401</v>
      </c>
      <c r="GF18" s="299">
        <v>590803</v>
      </c>
      <c r="GG18" s="300">
        <v>590803</v>
      </c>
      <c r="GH18" s="295">
        <v>0</v>
      </c>
      <c r="GI18" s="296">
        <v>1432</v>
      </c>
      <c r="GJ18" s="297">
        <v>1432</v>
      </c>
      <c r="GK18" s="298">
        <v>0</v>
      </c>
      <c r="GL18" s="296">
        <v>0</v>
      </c>
      <c r="GM18" s="296">
        <v>0</v>
      </c>
      <c r="GN18" s="296">
        <v>6964</v>
      </c>
      <c r="GO18" s="296">
        <v>49</v>
      </c>
      <c r="GP18" s="296">
        <v>0</v>
      </c>
      <c r="GQ18" s="299">
        <v>7013</v>
      </c>
      <c r="GR18" s="300">
        <v>8445</v>
      </c>
      <c r="GS18" s="295">
        <v>0</v>
      </c>
      <c r="GT18" s="296">
        <v>0</v>
      </c>
      <c r="GU18" s="297">
        <v>0</v>
      </c>
      <c r="GV18" s="298">
        <v>0</v>
      </c>
      <c r="GW18" s="296">
        <v>0</v>
      </c>
      <c r="GX18" s="296">
        <v>0</v>
      </c>
      <c r="GY18" s="296">
        <v>0</v>
      </c>
      <c r="GZ18" s="296">
        <v>0</v>
      </c>
      <c r="HA18" s="296">
        <v>0</v>
      </c>
      <c r="HB18" s="299">
        <v>0</v>
      </c>
      <c r="HC18" s="300">
        <v>0</v>
      </c>
      <c r="HD18" s="295">
        <v>0</v>
      </c>
      <c r="HE18" s="296">
        <v>0</v>
      </c>
      <c r="HF18" s="297">
        <v>0</v>
      </c>
      <c r="HG18" s="301"/>
      <c r="HH18" s="296">
        <v>0</v>
      </c>
      <c r="HI18" s="296">
        <v>0</v>
      </c>
      <c r="HJ18" s="296">
        <v>0</v>
      </c>
      <c r="HK18" s="296">
        <v>0</v>
      </c>
      <c r="HL18" s="296">
        <v>0</v>
      </c>
      <c r="HM18" s="299">
        <v>0</v>
      </c>
      <c r="HN18" s="300">
        <v>0</v>
      </c>
      <c r="HO18" s="295">
        <v>0</v>
      </c>
      <c r="HP18" s="296">
        <v>1867</v>
      </c>
      <c r="HQ18" s="297">
        <v>1867</v>
      </c>
      <c r="HR18" s="298">
        <v>0</v>
      </c>
      <c r="HS18" s="296">
        <v>255157</v>
      </c>
      <c r="HT18" s="296">
        <v>703271</v>
      </c>
      <c r="HU18" s="296">
        <v>3353602</v>
      </c>
      <c r="HV18" s="296">
        <v>3914829</v>
      </c>
      <c r="HW18" s="296">
        <v>2418880</v>
      </c>
      <c r="HX18" s="299">
        <v>10645739</v>
      </c>
      <c r="HY18" s="300">
        <v>10647606</v>
      </c>
    </row>
    <row r="19" spans="2:233" ht="16.5" customHeight="1" x14ac:dyDescent="0.2">
      <c r="B19" s="293" t="s">
        <v>16</v>
      </c>
      <c r="C19" s="295">
        <v>0</v>
      </c>
      <c r="D19" s="296">
        <v>0</v>
      </c>
      <c r="E19" s="297">
        <v>0</v>
      </c>
      <c r="F19" s="298">
        <v>0</v>
      </c>
      <c r="G19" s="296">
        <v>392338</v>
      </c>
      <c r="H19" s="296">
        <v>991186</v>
      </c>
      <c r="I19" s="296">
        <v>2796650</v>
      </c>
      <c r="J19" s="296">
        <v>3256901</v>
      </c>
      <c r="K19" s="296">
        <v>1965044</v>
      </c>
      <c r="L19" s="299">
        <v>9402119</v>
      </c>
      <c r="M19" s="300">
        <v>9402119</v>
      </c>
      <c r="N19" s="295">
        <v>0</v>
      </c>
      <c r="O19" s="296">
        <v>0</v>
      </c>
      <c r="P19" s="297">
        <v>0</v>
      </c>
      <c r="Q19" s="301"/>
      <c r="R19" s="296">
        <v>70525</v>
      </c>
      <c r="S19" s="296">
        <v>141585</v>
      </c>
      <c r="T19" s="296">
        <v>1793214</v>
      </c>
      <c r="U19" s="296">
        <v>2176536</v>
      </c>
      <c r="V19" s="296">
        <v>1485749</v>
      </c>
      <c r="W19" s="299">
        <v>5667609</v>
      </c>
      <c r="X19" s="300">
        <v>5667609</v>
      </c>
      <c r="Y19" s="295">
        <v>0</v>
      </c>
      <c r="Z19" s="296">
        <v>0</v>
      </c>
      <c r="AA19" s="297">
        <v>0</v>
      </c>
      <c r="AB19" s="301"/>
      <c r="AC19" s="296">
        <v>275641</v>
      </c>
      <c r="AD19" s="296">
        <v>793810</v>
      </c>
      <c r="AE19" s="296">
        <v>716685</v>
      </c>
      <c r="AF19" s="296">
        <v>820075</v>
      </c>
      <c r="AG19" s="296">
        <v>298383</v>
      </c>
      <c r="AH19" s="299">
        <v>2904594</v>
      </c>
      <c r="AI19" s="300">
        <v>2904594</v>
      </c>
      <c r="AJ19" s="295">
        <v>0</v>
      </c>
      <c r="AK19" s="296">
        <v>0</v>
      </c>
      <c r="AL19" s="297">
        <v>0</v>
      </c>
      <c r="AM19" s="301"/>
      <c r="AN19" s="296">
        <v>0</v>
      </c>
      <c r="AO19" s="296">
        <v>0</v>
      </c>
      <c r="AP19" s="296">
        <v>0</v>
      </c>
      <c r="AQ19" s="296">
        <v>0</v>
      </c>
      <c r="AR19" s="296">
        <v>2635</v>
      </c>
      <c r="AS19" s="299">
        <v>2635</v>
      </c>
      <c r="AT19" s="300">
        <v>2635</v>
      </c>
      <c r="AU19" s="295">
        <v>0</v>
      </c>
      <c r="AV19" s="296">
        <v>0</v>
      </c>
      <c r="AW19" s="297">
        <v>0</v>
      </c>
      <c r="AX19" s="301"/>
      <c r="AY19" s="296">
        <v>0</v>
      </c>
      <c r="AZ19" s="296">
        <v>0</v>
      </c>
      <c r="BA19" s="296">
        <v>68200</v>
      </c>
      <c r="BB19" s="296">
        <v>108810</v>
      </c>
      <c r="BC19" s="296">
        <v>73470</v>
      </c>
      <c r="BD19" s="299">
        <v>250480</v>
      </c>
      <c r="BE19" s="300">
        <v>250480</v>
      </c>
      <c r="BF19" s="295">
        <v>0</v>
      </c>
      <c r="BG19" s="296">
        <v>0</v>
      </c>
      <c r="BH19" s="297">
        <v>0</v>
      </c>
      <c r="BI19" s="301"/>
      <c r="BJ19" s="296">
        <v>2635</v>
      </c>
      <c r="BK19" s="296">
        <v>27280</v>
      </c>
      <c r="BL19" s="296">
        <v>40610</v>
      </c>
      <c r="BM19" s="296">
        <v>75950</v>
      </c>
      <c r="BN19" s="296">
        <v>67890</v>
      </c>
      <c r="BO19" s="299">
        <v>214365</v>
      </c>
      <c r="BP19" s="300">
        <v>214365</v>
      </c>
      <c r="BQ19" s="295">
        <v>0</v>
      </c>
      <c r="BR19" s="296">
        <v>0</v>
      </c>
      <c r="BS19" s="297">
        <v>0</v>
      </c>
      <c r="BT19" s="298">
        <v>0</v>
      </c>
      <c r="BU19" s="296">
        <v>43537</v>
      </c>
      <c r="BV19" s="296">
        <v>27595</v>
      </c>
      <c r="BW19" s="296">
        <v>177941</v>
      </c>
      <c r="BX19" s="296">
        <v>68556</v>
      </c>
      <c r="BY19" s="296">
        <v>36917</v>
      </c>
      <c r="BZ19" s="299">
        <v>354546</v>
      </c>
      <c r="CA19" s="300">
        <v>354546</v>
      </c>
      <c r="CB19" s="295">
        <v>0</v>
      </c>
      <c r="CC19" s="296">
        <v>0</v>
      </c>
      <c r="CD19" s="297">
        <v>0</v>
      </c>
      <c r="CE19" s="298">
        <v>0</v>
      </c>
      <c r="CF19" s="296">
        <v>0</v>
      </c>
      <c r="CG19" s="296">
        <v>916</v>
      </c>
      <c r="CH19" s="296">
        <v>0</v>
      </c>
      <c r="CI19" s="296">
        <v>6974</v>
      </c>
      <c r="CJ19" s="296">
        <v>0</v>
      </c>
      <c r="CK19" s="299">
        <v>7890</v>
      </c>
      <c r="CL19" s="300">
        <v>7890</v>
      </c>
      <c r="CM19" s="295">
        <v>0</v>
      </c>
      <c r="CN19" s="296">
        <v>0</v>
      </c>
      <c r="CO19" s="297">
        <v>0</v>
      </c>
      <c r="CP19" s="298">
        <v>0</v>
      </c>
      <c r="CQ19" s="296">
        <v>0</v>
      </c>
      <c r="CR19" s="296">
        <v>0</v>
      </c>
      <c r="CS19" s="296">
        <v>0</v>
      </c>
      <c r="CT19" s="296">
        <v>0</v>
      </c>
      <c r="CU19" s="296">
        <v>0</v>
      </c>
      <c r="CV19" s="299">
        <v>0</v>
      </c>
      <c r="CW19" s="300">
        <v>0</v>
      </c>
      <c r="CX19" s="295">
        <v>0</v>
      </c>
      <c r="CY19" s="296">
        <v>0</v>
      </c>
      <c r="CZ19" s="297">
        <v>0</v>
      </c>
      <c r="DA19" s="301"/>
      <c r="DB19" s="296">
        <v>0</v>
      </c>
      <c r="DC19" s="296">
        <v>0</v>
      </c>
      <c r="DD19" s="296">
        <v>0</v>
      </c>
      <c r="DE19" s="296">
        <v>0</v>
      </c>
      <c r="DF19" s="296">
        <v>0</v>
      </c>
      <c r="DG19" s="299">
        <v>0</v>
      </c>
      <c r="DH19" s="300">
        <v>0</v>
      </c>
      <c r="DI19" s="295">
        <v>0</v>
      </c>
      <c r="DJ19" s="296">
        <v>0</v>
      </c>
      <c r="DK19" s="297">
        <v>0</v>
      </c>
      <c r="DL19" s="298">
        <v>0</v>
      </c>
      <c r="DM19" s="296">
        <v>380948</v>
      </c>
      <c r="DN19" s="296">
        <v>717829</v>
      </c>
      <c r="DO19" s="296">
        <v>3036445</v>
      </c>
      <c r="DP19" s="296">
        <v>3502665</v>
      </c>
      <c r="DQ19" s="296">
        <v>2081254</v>
      </c>
      <c r="DR19" s="299">
        <v>9719141</v>
      </c>
      <c r="DS19" s="302">
        <v>9719141</v>
      </c>
      <c r="DT19" s="295">
        <v>0</v>
      </c>
      <c r="DU19" s="296">
        <v>0</v>
      </c>
      <c r="DV19" s="297">
        <v>0</v>
      </c>
      <c r="DW19" s="301"/>
      <c r="DX19" s="296">
        <v>112933</v>
      </c>
      <c r="DY19" s="296">
        <v>313534</v>
      </c>
      <c r="DZ19" s="296">
        <v>2417679</v>
      </c>
      <c r="EA19" s="296">
        <v>2932881</v>
      </c>
      <c r="EB19" s="296">
        <v>1819539</v>
      </c>
      <c r="EC19" s="299">
        <v>7596566</v>
      </c>
      <c r="ED19" s="300">
        <v>7596566</v>
      </c>
      <c r="EE19" s="295">
        <v>0</v>
      </c>
      <c r="EF19" s="296">
        <v>0</v>
      </c>
      <c r="EG19" s="297">
        <v>0</v>
      </c>
      <c r="EH19" s="301"/>
      <c r="EI19" s="296">
        <v>184495</v>
      </c>
      <c r="EJ19" s="296">
        <v>298920</v>
      </c>
      <c r="EK19" s="296">
        <v>226486</v>
      </c>
      <c r="EL19" s="296">
        <v>249915</v>
      </c>
      <c r="EM19" s="296">
        <v>57162</v>
      </c>
      <c r="EN19" s="299">
        <v>1016978</v>
      </c>
      <c r="EO19" s="300">
        <v>1016978</v>
      </c>
      <c r="EP19" s="295">
        <v>0</v>
      </c>
      <c r="EQ19" s="296">
        <v>0</v>
      </c>
      <c r="ER19" s="297">
        <v>0</v>
      </c>
      <c r="ES19" s="301"/>
      <c r="ET19" s="296">
        <v>0</v>
      </c>
      <c r="EU19" s="296">
        <v>0</v>
      </c>
      <c r="EV19" s="296">
        <v>0</v>
      </c>
      <c r="EW19" s="296">
        <v>0</v>
      </c>
      <c r="EX19" s="296">
        <v>217</v>
      </c>
      <c r="EY19" s="299">
        <v>217</v>
      </c>
      <c r="EZ19" s="300">
        <v>217</v>
      </c>
      <c r="FA19" s="295">
        <v>0</v>
      </c>
      <c r="FB19" s="296">
        <v>0</v>
      </c>
      <c r="FC19" s="297">
        <v>0</v>
      </c>
      <c r="FD19" s="301"/>
      <c r="FE19" s="296">
        <v>0</v>
      </c>
      <c r="FF19" s="296">
        <v>0</v>
      </c>
      <c r="FG19" s="296">
        <v>11904</v>
      </c>
      <c r="FH19" s="296">
        <v>12772</v>
      </c>
      <c r="FI19" s="296">
        <v>12338</v>
      </c>
      <c r="FJ19" s="299">
        <v>37014</v>
      </c>
      <c r="FK19" s="300">
        <v>37014</v>
      </c>
      <c r="FL19" s="295">
        <v>0</v>
      </c>
      <c r="FM19" s="296">
        <v>0</v>
      </c>
      <c r="FN19" s="297">
        <v>0</v>
      </c>
      <c r="FO19" s="301"/>
      <c r="FP19" s="296">
        <v>21576</v>
      </c>
      <c r="FQ19" s="296">
        <v>43152</v>
      </c>
      <c r="FR19" s="296">
        <v>101494</v>
      </c>
      <c r="FS19" s="296">
        <v>159836</v>
      </c>
      <c r="FT19" s="296">
        <v>144646</v>
      </c>
      <c r="FU19" s="299">
        <v>470704</v>
      </c>
      <c r="FV19" s="300">
        <v>470704</v>
      </c>
      <c r="FW19" s="295">
        <v>0</v>
      </c>
      <c r="FX19" s="296">
        <v>0</v>
      </c>
      <c r="FY19" s="297">
        <v>0</v>
      </c>
      <c r="FZ19" s="298">
        <v>0</v>
      </c>
      <c r="GA19" s="296">
        <v>61944</v>
      </c>
      <c r="GB19" s="296">
        <v>62160</v>
      </c>
      <c r="GC19" s="296">
        <v>278882</v>
      </c>
      <c r="GD19" s="296">
        <v>138861</v>
      </c>
      <c r="GE19" s="296">
        <v>47352</v>
      </c>
      <c r="GF19" s="299">
        <v>589199</v>
      </c>
      <c r="GG19" s="300">
        <v>589199</v>
      </c>
      <c r="GH19" s="295">
        <v>0</v>
      </c>
      <c r="GI19" s="296">
        <v>0</v>
      </c>
      <c r="GJ19" s="297">
        <v>0</v>
      </c>
      <c r="GK19" s="298">
        <v>0</v>
      </c>
      <c r="GL19" s="296">
        <v>0</v>
      </c>
      <c r="GM19" s="296">
        <v>63</v>
      </c>
      <c r="GN19" s="296">
        <v>0</v>
      </c>
      <c r="GO19" s="296">
        <v>8400</v>
      </c>
      <c r="GP19" s="296">
        <v>0</v>
      </c>
      <c r="GQ19" s="299">
        <v>8463</v>
      </c>
      <c r="GR19" s="300">
        <v>8463</v>
      </c>
      <c r="GS19" s="295">
        <v>0</v>
      </c>
      <c r="GT19" s="296">
        <v>0</v>
      </c>
      <c r="GU19" s="297">
        <v>0</v>
      </c>
      <c r="GV19" s="298">
        <v>0</v>
      </c>
      <c r="GW19" s="296">
        <v>0</v>
      </c>
      <c r="GX19" s="296">
        <v>0</v>
      </c>
      <c r="GY19" s="296">
        <v>0</v>
      </c>
      <c r="GZ19" s="296">
        <v>0</v>
      </c>
      <c r="HA19" s="296">
        <v>0</v>
      </c>
      <c r="HB19" s="299">
        <v>0</v>
      </c>
      <c r="HC19" s="300">
        <v>0</v>
      </c>
      <c r="HD19" s="295">
        <v>0</v>
      </c>
      <c r="HE19" s="296">
        <v>0</v>
      </c>
      <c r="HF19" s="297">
        <v>0</v>
      </c>
      <c r="HG19" s="301"/>
      <c r="HH19" s="296">
        <v>0</v>
      </c>
      <c r="HI19" s="296">
        <v>0</v>
      </c>
      <c r="HJ19" s="296">
        <v>0</v>
      </c>
      <c r="HK19" s="296">
        <v>0</v>
      </c>
      <c r="HL19" s="296">
        <v>0</v>
      </c>
      <c r="HM19" s="299">
        <v>0</v>
      </c>
      <c r="HN19" s="300">
        <v>0</v>
      </c>
      <c r="HO19" s="295">
        <v>0</v>
      </c>
      <c r="HP19" s="296">
        <v>0</v>
      </c>
      <c r="HQ19" s="297">
        <v>0</v>
      </c>
      <c r="HR19" s="298">
        <v>0</v>
      </c>
      <c r="HS19" s="296">
        <v>773286</v>
      </c>
      <c r="HT19" s="296">
        <v>1709015</v>
      </c>
      <c r="HU19" s="296">
        <v>5833095</v>
      </c>
      <c r="HV19" s="296">
        <v>6759566</v>
      </c>
      <c r="HW19" s="296">
        <v>4046298</v>
      </c>
      <c r="HX19" s="299">
        <v>19121260</v>
      </c>
      <c r="HY19" s="300">
        <v>19121260</v>
      </c>
    </row>
    <row r="20" spans="2:233" ht="16.5" customHeight="1" x14ac:dyDescent="0.2">
      <c r="B20" s="293" t="s">
        <v>17</v>
      </c>
      <c r="C20" s="295">
        <v>0</v>
      </c>
      <c r="D20" s="296">
        <v>580</v>
      </c>
      <c r="E20" s="297">
        <v>580</v>
      </c>
      <c r="F20" s="298">
        <v>0</v>
      </c>
      <c r="G20" s="296">
        <v>241950</v>
      </c>
      <c r="H20" s="296">
        <v>947855</v>
      </c>
      <c r="I20" s="296">
        <v>2777222</v>
      </c>
      <c r="J20" s="296">
        <v>3016054</v>
      </c>
      <c r="K20" s="296">
        <v>2533969</v>
      </c>
      <c r="L20" s="299">
        <v>9517050</v>
      </c>
      <c r="M20" s="300">
        <v>9517630</v>
      </c>
      <c r="N20" s="295">
        <v>0</v>
      </c>
      <c r="O20" s="296">
        <v>0</v>
      </c>
      <c r="P20" s="297">
        <v>0</v>
      </c>
      <c r="Q20" s="301"/>
      <c r="R20" s="296">
        <v>54560</v>
      </c>
      <c r="S20" s="296">
        <v>212815</v>
      </c>
      <c r="T20" s="296">
        <v>1578842</v>
      </c>
      <c r="U20" s="296">
        <v>2278162</v>
      </c>
      <c r="V20" s="296">
        <v>1819004</v>
      </c>
      <c r="W20" s="299">
        <v>5943383</v>
      </c>
      <c r="X20" s="300">
        <v>5943383</v>
      </c>
      <c r="Y20" s="295">
        <v>0</v>
      </c>
      <c r="Z20" s="296">
        <v>0</v>
      </c>
      <c r="AA20" s="297">
        <v>0</v>
      </c>
      <c r="AB20" s="301"/>
      <c r="AC20" s="296">
        <v>132565</v>
      </c>
      <c r="AD20" s="296">
        <v>561120</v>
      </c>
      <c r="AE20" s="296">
        <v>834655</v>
      </c>
      <c r="AF20" s="296">
        <v>405957</v>
      </c>
      <c r="AG20" s="296">
        <v>279700</v>
      </c>
      <c r="AH20" s="299">
        <v>2213997</v>
      </c>
      <c r="AI20" s="300">
        <v>2213997</v>
      </c>
      <c r="AJ20" s="295">
        <v>0</v>
      </c>
      <c r="AK20" s="296">
        <v>0</v>
      </c>
      <c r="AL20" s="297">
        <v>0</v>
      </c>
      <c r="AM20" s="301"/>
      <c r="AN20" s="296">
        <v>0</v>
      </c>
      <c r="AO20" s="296">
        <v>0</v>
      </c>
      <c r="AP20" s="296">
        <v>32705</v>
      </c>
      <c r="AQ20" s="296">
        <v>0</v>
      </c>
      <c r="AR20" s="296">
        <v>2635</v>
      </c>
      <c r="AS20" s="299">
        <v>35340</v>
      </c>
      <c r="AT20" s="300">
        <v>35340</v>
      </c>
      <c r="AU20" s="295">
        <v>0</v>
      </c>
      <c r="AV20" s="296">
        <v>0</v>
      </c>
      <c r="AW20" s="297">
        <v>0</v>
      </c>
      <c r="AX20" s="301"/>
      <c r="AY20" s="296">
        <v>0</v>
      </c>
      <c r="AZ20" s="296">
        <v>0</v>
      </c>
      <c r="BA20" s="296">
        <v>0</v>
      </c>
      <c r="BB20" s="296">
        <v>2635</v>
      </c>
      <c r="BC20" s="296">
        <v>62620</v>
      </c>
      <c r="BD20" s="299">
        <v>65255</v>
      </c>
      <c r="BE20" s="300">
        <v>65255</v>
      </c>
      <c r="BF20" s="295">
        <v>0</v>
      </c>
      <c r="BG20" s="296">
        <v>0</v>
      </c>
      <c r="BH20" s="297">
        <v>0</v>
      </c>
      <c r="BI20" s="301"/>
      <c r="BJ20" s="296">
        <v>0</v>
      </c>
      <c r="BK20" s="296">
        <v>2635</v>
      </c>
      <c r="BL20" s="296">
        <v>198710</v>
      </c>
      <c r="BM20" s="296">
        <v>121830</v>
      </c>
      <c r="BN20" s="296">
        <v>235615</v>
      </c>
      <c r="BO20" s="299">
        <v>558790</v>
      </c>
      <c r="BP20" s="300">
        <v>558790</v>
      </c>
      <c r="BQ20" s="295">
        <v>0</v>
      </c>
      <c r="BR20" s="296">
        <v>580</v>
      </c>
      <c r="BS20" s="297">
        <v>580</v>
      </c>
      <c r="BT20" s="298">
        <v>0</v>
      </c>
      <c r="BU20" s="296">
        <v>47485</v>
      </c>
      <c r="BV20" s="296">
        <v>144055</v>
      </c>
      <c r="BW20" s="296">
        <v>131730</v>
      </c>
      <c r="BX20" s="296">
        <v>193950</v>
      </c>
      <c r="BY20" s="296">
        <v>97740</v>
      </c>
      <c r="BZ20" s="299">
        <v>614960</v>
      </c>
      <c r="CA20" s="300">
        <v>615540</v>
      </c>
      <c r="CB20" s="295">
        <v>0</v>
      </c>
      <c r="CC20" s="296">
        <v>0</v>
      </c>
      <c r="CD20" s="297">
        <v>0</v>
      </c>
      <c r="CE20" s="298">
        <v>0</v>
      </c>
      <c r="CF20" s="296">
        <v>7340</v>
      </c>
      <c r="CG20" s="296">
        <v>27230</v>
      </c>
      <c r="CH20" s="296">
        <v>580</v>
      </c>
      <c r="CI20" s="296">
        <v>13520</v>
      </c>
      <c r="CJ20" s="296">
        <v>36655</v>
      </c>
      <c r="CK20" s="299">
        <v>85325</v>
      </c>
      <c r="CL20" s="300">
        <v>85325</v>
      </c>
      <c r="CM20" s="295">
        <v>0</v>
      </c>
      <c r="CN20" s="296">
        <v>0</v>
      </c>
      <c r="CO20" s="297">
        <v>0</v>
      </c>
      <c r="CP20" s="298">
        <v>0</v>
      </c>
      <c r="CQ20" s="296">
        <v>0</v>
      </c>
      <c r="CR20" s="296">
        <v>0</v>
      </c>
      <c r="CS20" s="296">
        <v>0</v>
      </c>
      <c r="CT20" s="296">
        <v>0</v>
      </c>
      <c r="CU20" s="296">
        <v>0</v>
      </c>
      <c r="CV20" s="299">
        <v>0</v>
      </c>
      <c r="CW20" s="300">
        <v>0</v>
      </c>
      <c r="CX20" s="295">
        <v>0</v>
      </c>
      <c r="CY20" s="296">
        <v>0</v>
      </c>
      <c r="CZ20" s="297">
        <v>0</v>
      </c>
      <c r="DA20" s="301"/>
      <c r="DB20" s="296">
        <v>0</v>
      </c>
      <c r="DC20" s="296">
        <v>0</v>
      </c>
      <c r="DD20" s="296">
        <v>0</v>
      </c>
      <c r="DE20" s="296">
        <v>0</v>
      </c>
      <c r="DF20" s="296">
        <v>0</v>
      </c>
      <c r="DG20" s="299">
        <v>0</v>
      </c>
      <c r="DH20" s="300">
        <v>0</v>
      </c>
      <c r="DI20" s="295">
        <v>0</v>
      </c>
      <c r="DJ20" s="296">
        <v>1404</v>
      </c>
      <c r="DK20" s="297">
        <v>1404</v>
      </c>
      <c r="DL20" s="298">
        <v>0</v>
      </c>
      <c r="DM20" s="296">
        <v>147895</v>
      </c>
      <c r="DN20" s="296">
        <v>464050</v>
      </c>
      <c r="DO20" s="296">
        <v>2981605</v>
      </c>
      <c r="DP20" s="296">
        <v>3597900</v>
      </c>
      <c r="DQ20" s="296">
        <v>2735846</v>
      </c>
      <c r="DR20" s="299">
        <v>9927296</v>
      </c>
      <c r="DS20" s="302">
        <v>9928700</v>
      </c>
      <c r="DT20" s="295">
        <v>0</v>
      </c>
      <c r="DU20" s="296">
        <v>0</v>
      </c>
      <c r="DV20" s="297">
        <v>0</v>
      </c>
      <c r="DW20" s="301"/>
      <c r="DX20" s="296">
        <v>73222</v>
      </c>
      <c r="DY20" s="296">
        <v>196788</v>
      </c>
      <c r="DZ20" s="296">
        <v>2401680</v>
      </c>
      <c r="EA20" s="296">
        <v>3069801</v>
      </c>
      <c r="EB20" s="296">
        <v>2170504</v>
      </c>
      <c r="EC20" s="299">
        <v>7911995</v>
      </c>
      <c r="ED20" s="300">
        <v>7911995</v>
      </c>
      <c r="EE20" s="295">
        <v>0</v>
      </c>
      <c r="EF20" s="296">
        <v>0</v>
      </c>
      <c r="EG20" s="297">
        <v>0</v>
      </c>
      <c r="EH20" s="301"/>
      <c r="EI20" s="296">
        <v>2786</v>
      </c>
      <c r="EJ20" s="296">
        <v>50997</v>
      </c>
      <c r="EK20" s="296">
        <v>78887</v>
      </c>
      <c r="EL20" s="296">
        <v>12706</v>
      </c>
      <c r="EM20" s="296">
        <v>26292</v>
      </c>
      <c r="EN20" s="299">
        <v>171668</v>
      </c>
      <c r="EO20" s="300">
        <v>171668</v>
      </c>
      <c r="EP20" s="295">
        <v>0</v>
      </c>
      <c r="EQ20" s="296">
        <v>0</v>
      </c>
      <c r="ER20" s="297">
        <v>0</v>
      </c>
      <c r="ES20" s="301"/>
      <c r="ET20" s="296">
        <v>0</v>
      </c>
      <c r="EU20" s="296">
        <v>0</v>
      </c>
      <c r="EV20" s="296">
        <v>0</v>
      </c>
      <c r="EW20" s="296">
        <v>0</v>
      </c>
      <c r="EX20" s="296">
        <v>217</v>
      </c>
      <c r="EY20" s="299">
        <v>217</v>
      </c>
      <c r="EZ20" s="300">
        <v>217</v>
      </c>
      <c r="FA20" s="295">
        <v>0</v>
      </c>
      <c r="FB20" s="296">
        <v>0</v>
      </c>
      <c r="FC20" s="297">
        <v>0</v>
      </c>
      <c r="FD20" s="301"/>
      <c r="FE20" s="296">
        <v>0</v>
      </c>
      <c r="FF20" s="296">
        <v>0</v>
      </c>
      <c r="FG20" s="296">
        <v>0</v>
      </c>
      <c r="FH20" s="296">
        <v>217</v>
      </c>
      <c r="FI20" s="296">
        <v>868</v>
      </c>
      <c r="FJ20" s="299">
        <v>1085</v>
      </c>
      <c r="FK20" s="300">
        <v>1085</v>
      </c>
      <c r="FL20" s="295">
        <v>0</v>
      </c>
      <c r="FM20" s="296">
        <v>0</v>
      </c>
      <c r="FN20" s="297">
        <v>0</v>
      </c>
      <c r="FO20" s="301"/>
      <c r="FP20" s="296">
        <v>0</v>
      </c>
      <c r="FQ20" s="296">
        <v>10881</v>
      </c>
      <c r="FR20" s="296">
        <v>282255</v>
      </c>
      <c r="FS20" s="296">
        <v>219263</v>
      </c>
      <c r="FT20" s="296">
        <v>389204</v>
      </c>
      <c r="FU20" s="299">
        <v>901603</v>
      </c>
      <c r="FV20" s="300">
        <v>901603</v>
      </c>
      <c r="FW20" s="295">
        <v>0</v>
      </c>
      <c r="FX20" s="296">
        <v>1404</v>
      </c>
      <c r="FY20" s="297">
        <v>1404</v>
      </c>
      <c r="FZ20" s="298">
        <v>0</v>
      </c>
      <c r="GA20" s="296">
        <v>70295</v>
      </c>
      <c r="GB20" s="296">
        <v>201564</v>
      </c>
      <c r="GC20" s="296">
        <v>218755</v>
      </c>
      <c r="GD20" s="296">
        <v>295794</v>
      </c>
      <c r="GE20" s="296">
        <v>134913</v>
      </c>
      <c r="GF20" s="299">
        <v>921321</v>
      </c>
      <c r="GG20" s="300">
        <v>922725</v>
      </c>
      <c r="GH20" s="295">
        <v>0</v>
      </c>
      <c r="GI20" s="296">
        <v>0</v>
      </c>
      <c r="GJ20" s="297">
        <v>0</v>
      </c>
      <c r="GK20" s="298">
        <v>0</v>
      </c>
      <c r="GL20" s="296">
        <v>1592</v>
      </c>
      <c r="GM20" s="296">
        <v>3820</v>
      </c>
      <c r="GN20" s="296">
        <v>28</v>
      </c>
      <c r="GO20" s="296">
        <v>119</v>
      </c>
      <c r="GP20" s="296">
        <v>13848</v>
      </c>
      <c r="GQ20" s="299">
        <v>19407</v>
      </c>
      <c r="GR20" s="300">
        <v>19407</v>
      </c>
      <c r="GS20" s="295">
        <v>0</v>
      </c>
      <c r="GT20" s="296">
        <v>0</v>
      </c>
      <c r="GU20" s="297">
        <v>0</v>
      </c>
      <c r="GV20" s="298">
        <v>0</v>
      </c>
      <c r="GW20" s="296">
        <v>0</v>
      </c>
      <c r="GX20" s="296">
        <v>0</v>
      </c>
      <c r="GY20" s="296">
        <v>0</v>
      </c>
      <c r="GZ20" s="296">
        <v>0</v>
      </c>
      <c r="HA20" s="296">
        <v>0</v>
      </c>
      <c r="HB20" s="299">
        <v>0</v>
      </c>
      <c r="HC20" s="300">
        <v>0</v>
      </c>
      <c r="HD20" s="295">
        <v>0</v>
      </c>
      <c r="HE20" s="296">
        <v>0</v>
      </c>
      <c r="HF20" s="297">
        <v>0</v>
      </c>
      <c r="HG20" s="301"/>
      <c r="HH20" s="296">
        <v>0</v>
      </c>
      <c r="HI20" s="296">
        <v>0</v>
      </c>
      <c r="HJ20" s="296">
        <v>0</v>
      </c>
      <c r="HK20" s="296">
        <v>0</v>
      </c>
      <c r="HL20" s="296">
        <v>0</v>
      </c>
      <c r="HM20" s="299">
        <v>0</v>
      </c>
      <c r="HN20" s="300">
        <v>0</v>
      </c>
      <c r="HO20" s="295">
        <v>0</v>
      </c>
      <c r="HP20" s="296">
        <v>1984</v>
      </c>
      <c r="HQ20" s="297">
        <v>1984</v>
      </c>
      <c r="HR20" s="298">
        <v>0</v>
      </c>
      <c r="HS20" s="296">
        <v>389845</v>
      </c>
      <c r="HT20" s="296">
        <v>1411905</v>
      </c>
      <c r="HU20" s="296">
        <v>5758827</v>
      </c>
      <c r="HV20" s="296">
        <v>6613954</v>
      </c>
      <c r="HW20" s="296">
        <v>5269815</v>
      </c>
      <c r="HX20" s="299">
        <v>19444346</v>
      </c>
      <c r="HY20" s="300">
        <v>19446330</v>
      </c>
    </row>
    <row r="21" spans="2:233" ht="16.5" customHeight="1" x14ac:dyDescent="0.2">
      <c r="B21" s="293" t="s">
        <v>18</v>
      </c>
      <c r="C21" s="295">
        <v>0</v>
      </c>
      <c r="D21" s="296">
        <v>5140</v>
      </c>
      <c r="E21" s="297">
        <v>5140</v>
      </c>
      <c r="F21" s="298">
        <v>0</v>
      </c>
      <c r="G21" s="296">
        <v>358500</v>
      </c>
      <c r="H21" s="296">
        <v>486372</v>
      </c>
      <c r="I21" s="296">
        <v>2225125</v>
      </c>
      <c r="J21" s="296">
        <v>3395217</v>
      </c>
      <c r="K21" s="296">
        <v>2960217</v>
      </c>
      <c r="L21" s="299">
        <v>9425431</v>
      </c>
      <c r="M21" s="300">
        <v>9430571</v>
      </c>
      <c r="N21" s="295">
        <v>0</v>
      </c>
      <c r="O21" s="296">
        <v>0</v>
      </c>
      <c r="P21" s="297">
        <v>0</v>
      </c>
      <c r="Q21" s="301"/>
      <c r="R21" s="296">
        <v>27900</v>
      </c>
      <c r="S21" s="296">
        <v>103075</v>
      </c>
      <c r="T21" s="296">
        <v>1309760</v>
      </c>
      <c r="U21" s="296">
        <v>2250089</v>
      </c>
      <c r="V21" s="296">
        <v>2207087</v>
      </c>
      <c r="W21" s="299">
        <v>5897911</v>
      </c>
      <c r="X21" s="300">
        <v>5897911</v>
      </c>
      <c r="Y21" s="295">
        <v>0</v>
      </c>
      <c r="Z21" s="296">
        <v>0</v>
      </c>
      <c r="AA21" s="297">
        <v>0</v>
      </c>
      <c r="AB21" s="301"/>
      <c r="AC21" s="296">
        <v>267725</v>
      </c>
      <c r="AD21" s="296">
        <v>281437</v>
      </c>
      <c r="AE21" s="296">
        <v>602465</v>
      </c>
      <c r="AF21" s="296">
        <v>684913</v>
      </c>
      <c r="AG21" s="296">
        <v>457480</v>
      </c>
      <c r="AH21" s="299">
        <v>2294020</v>
      </c>
      <c r="AI21" s="300">
        <v>2294020</v>
      </c>
      <c r="AJ21" s="295">
        <v>0</v>
      </c>
      <c r="AK21" s="296">
        <v>0</v>
      </c>
      <c r="AL21" s="297">
        <v>0</v>
      </c>
      <c r="AM21" s="301"/>
      <c r="AN21" s="296">
        <v>0</v>
      </c>
      <c r="AO21" s="296">
        <v>0</v>
      </c>
      <c r="AP21" s="296">
        <v>0</v>
      </c>
      <c r="AQ21" s="296">
        <v>2635</v>
      </c>
      <c r="AR21" s="296">
        <v>73625</v>
      </c>
      <c r="AS21" s="299">
        <v>76260</v>
      </c>
      <c r="AT21" s="300">
        <v>76260</v>
      </c>
      <c r="AU21" s="295">
        <v>0</v>
      </c>
      <c r="AV21" s="296">
        <v>0</v>
      </c>
      <c r="AW21" s="297">
        <v>0</v>
      </c>
      <c r="AX21" s="301"/>
      <c r="AY21" s="296">
        <v>0</v>
      </c>
      <c r="AZ21" s="296">
        <v>0</v>
      </c>
      <c r="BA21" s="296">
        <v>0</v>
      </c>
      <c r="BB21" s="296">
        <v>51925</v>
      </c>
      <c r="BC21" s="296">
        <v>125240</v>
      </c>
      <c r="BD21" s="299">
        <v>177165</v>
      </c>
      <c r="BE21" s="300">
        <v>177165</v>
      </c>
      <c r="BF21" s="295">
        <v>0</v>
      </c>
      <c r="BG21" s="296">
        <v>0</v>
      </c>
      <c r="BH21" s="297">
        <v>0</v>
      </c>
      <c r="BI21" s="301"/>
      <c r="BJ21" s="296">
        <v>0</v>
      </c>
      <c r="BK21" s="296">
        <v>31650</v>
      </c>
      <c r="BL21" s="296">
        <v>43245</v>
      </c>
      <c r="BM21" s="296">
        <v>109010</v>
      </c>
      <c r="BN21" s="296">
        <v>5270</v>
      </c>
      <c r="BO21" s="299">
        <v>189175</v>
      </c>
      <c r="BP21" s="300">
        <v>189175</v>
      </c>
      <c r="BQ21" s="295">
        <v>0</v>
      </c>
      <c r="BR21" s="296">
        <v>5140</v>
      </c>
      <c r="BS21" s="297">
        <v>5140</v>
      </c>
      <c r="BT21" s="298">
        <v>0</v>
      </c>
      <c r="BU21" s="296">
        <v>61185</v>
      </c>
      <c r="BV21" s="296">
        <v>70210</v>
      </c>
      <c r="BW21" s="296">
        <v>266405</v>
      </c>
      <c r="BX21" s="296">
        <v>286090</v>
      </c>
      <c r="BY21" s="296">
        <v>91515</v>
      </c>
      <c r="BZ21" s="299">
        <v>775405</v>
      </c>
      <c r="CA21" s="300">
        <v>780545</v>
      </c>
      <c r="CB21" s="295">
        <v>0</v>
      </c>
      <c r="CC21" s="296">
        <v>0</v>
      </c>
      <c r="CD21" s="297">
        <v>0</v>
      </c>
      <c r="CE21" s="298">
        <v>0</v>
      </c>
      <c r="CF21" s="296">
        <v>1690</v>
      </c>
      <c r="CG21" s="296">
        <v>0</v>
      </c>
      <c r="CH21" s="296">
        <v>3250</v>
      </c>
      <c r="CI21" s="296">
        <v>10555</v>
      </c>
      <c r="CJ21" s="296">
        <v>0</v>
      </c>
      <c r="CK21" s="299">
        <v>15495</v>
      </c>
      <c r="CL21" s="300">
        <v>15495</v>
      </c>
      <c r="CM21" s="295">
        <v>0</v>
      </c>
      <c r="CN21" s="296">
        <v>0</v>
      </c>
      <c r="CO21" s="297">
        <v>0</v>
      </c>
      <c r="CP21" s="298">
        <v>0</v>
      </c>
      <c r="CQ21" s="296">
        <v>0</v>
      </c>
      <c r="CR21" s="296">
        <v>0</v>
      </c>
      <c r="CS21" s="296">
        <v>0</v>
      </c>
      <c r="CT21" s="296">
        <v>0</v>
      </c>
      <c r="CU21" s="296">
        <v>0</v>
      </c>
      <c r="CV21" s="299">
        <v>0</v>
      </c>
      <c r="CW21" s="300">
        <v>0</v>
      </c>
      <c r="CX21" s="295">
        <v>0</v>
      </c>
      <c r="CY21" s="296">
        <v>0</v>
      </c>
      <c r="CZ21" s="297">
        <v>0</v>
      </c>
      <c r="DA21" s="301"/>
      <c r="DB21" s="296">
        <v>0</v>
      </c>
      <c r="DC21" s="296">
        <v>0</v>
      </c>
      <c r="DD21" s="296">
        <v>0</v>
      </c>
      <c r="DE21" s="296">
        <v>0</v>
      </c>
      <c r="DF21" s="296">
        <v>0</v>
      </c>
      <c r="DG21" s="299">
        <v>0</v>
      </c>
      <c r="DH21" s="300">
        <v>0</v>
      </c>
      <c r="DI21" s="295">
        <v>0</v>
      </c>
      <c r="DJ21" s="296">
        <v>9488</v>
      </c>
      <c r="DK21" s="297">
        <v>9488</v>
      </c>
      <c r="DL21" s="298">
        <v>0</v>
      </c>
      <c r="DM21" s="296">
        <v>207144</v>
      </c>
      <c r="DN21" s="296">
        <v>396285</v>
      </c>
      <c r="DO21" s="296">
        <v>2486292</v>
      </c>
      <c r="DP21" s="296">
        <v>3709536</v>
      </c>
      <c r="DQ21" s="296">
        <v>2909646</v>
      </c>
      <c r="DR21" s="299">
        <v>9708903</v>
      </c>
      <c r="DS21" s="302">
        <v>9718391</v>
      </c>
      <c r="DT21" s="295">
        <v>0</v>
      </c>
      <c r="DU21" s="296">
        <v>0</v>
      </c>
      <c r="DV21" s="297">
        <v>0</v>
      </c>
      <c r="DW21" s="301"/>
      <c r="DX21" s="296">
        <v>63612</v>
      </c>
      <c r="DY21" s="296">
        <v>162719</v>
      </c>
      <c r="DZ21" s="296">
        <v>1766876</v>
      </c>
      <c r="EA21" s="296">
        <v>2937419</v>
      </c>
      <c r="EB21" s="296">
        <v>2611838</v>
      </c>
      <c r="EC21" s="299">
        <v>7542464</v>
      </c>
      <c r="ED21" s="300">
        <v>7542464</v>
      </c>
      <c r="EE21" s="295">
        <v>0</v>
      </c>
      <c r="EF21" s="296">
        <v>0</v>
      </c>
      <c r="EG21" s="297">
        <v>0</v>
      </c>
      <c r="EH21" s="301"/>
      <c r="EI21" s="296">
        <v>48820</v>
      </c>
      <c r="EJ21" s="296">
        <v>26077</v>
      </c>
      <c r="EK21" s="296">
        <v>153379</v>
      </c>
      <c r="EL21" s="296">
        <v>110704</v>
      </c>
      <c r="EM21" s="296">
        <v>97621</v>
      </c>
      <c r="EN21" s="299">
        <v>436601</v>
      </c>
      <c r="EO21" s="300">
        <v>436601</v>
      </c>
      <c r="EP21" s="295">
        <v>0</v>
      </c>
      <c r="EQ21" s="296">
        <v>0</v>
      </c>
      <c r="ER21" s="297">
        <v>0</v>
      </c>
      <c r="ES21" s="301"/>
      <c r="ET21" s="296">
        <v>0</v>
      </c>
      <c r="EU21" s="296">
        <v>0</v>
      </c>
      <c r="EV21" s="296">
        <v>0</v>
      </c>
      <c r="EW21" s="296">
        <v>217</v>
      </c>
      <c r="EX21" s="296">
        <v>22940</v>
      </c>
      <c r="EY21" s="299">
        <v>23157</v>
      </c>
      <c r="EZ21" s="300">
        <v>23157</v>
      </c>
      <c r="FA21" s="295">
        <v>0</v>
      </c>
      <c r="FB21" s="296">
        <v>0</v>
      </c>
      <c r="FC21" s="297">
        <v>0</v>
      </c>
      <c r="FD21" s="301"/>
      <c r="FE21" s="296">
        <v>0</v>
      </c>
      <c r="FF21" s="296">
        <v>0</v>
      </c>
      <c r="FG21" s="296">
        <v>0</v>
      </c>
      <c r="FH21" s="296">
        <v>651</v>
      </c>
      <c r="FI21" s="296">
        <v>1736</v>
      </c>
      <c r="FJ21" s="299">
        <v>2387</v>
      </c>
      <c r="FK21" s="300">
        <v>2387</v>
      </c>
      <c r="FL21" s="295">
        <v>0</v>
      </c>
      <c r="FM21" s="296">
        <v>0</v>
      </c>
      <c r="FN21" s="297">
        <v>0</v>
      </c>
      <c r="FO21" s="301"/>
      <c r="FP21" s="296">
        <v>0</v>
      </c>
      <c r="FQ21" s="296">
        <v>36766</v>
      </c>
      <c r="FR21" s="296">
        <v>123070</v>
      </c>
      <c r="FS21" s="296">
        <v>252404</v>
      </c>
      <c r="FT21" s="296">
        <v>43152</v>
      </c>
      <c r="FU21" s="299">
        <v>455392</v>
      </c>
      <c r="FV21" s="300">
        <v>455392</v>
      </c>
      <c r="FW21" s="295">
        <v>0</v>
      </c>
      <c r="FX21" s="296">
        <v>9488</v>
      </c>
      <c r="FY21" s="297">
        <v>9488</v>
      </c>
      <c r="FZ21" s="298">
        <v>0</v>
      </c>
      <c r="GA21" s="296">
        <v>92356</v>
      </c>
      <c r="GB21" s="296">
        <v>170723</v>
      </c>
      <c r="GC21" s="296">
        <v>442939</v>
      </c>
      <c r="GD21" s="296">
        <v>401563</v>
      </c>
      <c r="GE21" s="296">
        <v>132359</v>
      </c>
      <c r="GF21" s="299">
        <v>1239940</v>
      </c>
      <c r="GG21" s="300">
        <v>1249428</v>
      </c>
      <c r="GH21" s="295">
        <v>0</v>
      </c>
      <c r="GI21" s="296">
        <v>0</v>
      </c>
      <c r="GJ21" s="297">
        <v>0</v>
      </c>
      <c r="GK21" s="298">
        <v>0</v>
      </c>
      <c r="GL21" s="296">
        <v>2356</v>
      </c>
      <c r="GM21" s="296">
        <v>0</v>
      </c>
      <c r="GN21" s="296">
        <v>28</v>
      </c>
      <c r="GO21" s="296">
        <v>6578</v>
      </c>
      <c r="GP21" s="296">
        <v>0</v>
      </c>
      <c r="GQ21" s="299">
        <v>8962</v>
      </c>
      <c r="GR21" s="300">
        <v>8962</v>
      </c>
      <c r="GS21" s="295">
        <v>0</v>
      </c>
      <c r="GT21" s="296">
        <v>0</v>
      </c>
      <c r="GU21" s="297">
        <v>0</v>
      </c>
      <c r="GV21" s="298">
        <v>0</v>
      </c>
      <c r="GW21" s="296">
        <v>0</v>
      </c>
      <c r="GX21" s="296">
        <v>0</v>
      </c>
      <c r="GY21" s="296">
        <v>0</v>
      </c>
      <c r="GZ21" s="296">
        <v>0</v>
      </c>
      <c r="HA21" s="296">
        <v>0</v>
      </c>
      <c r="HB21" s="299">
        <v>0</v>
      </c>
      <c r="HC21" s="300">
        <v>0</v>
      </c>
      <c r="HD21" s="295">
        <v>0</v>
      </c>
      <c r="HE21" s="296">
        <v>0</v>
      </c>
      <c r="HF21" s="297">
        <v>0</v>
      </c>
      <c r="HG21" s="301"/>
      <c r="HH21" s="296">
        <v>0</v>
      </c>
      <c r="HI21" s="296">
        <v>0</v>
      </c>
      <c r="HJ21" s="296">
        <v>0</v>
      </c>
      <c r="HK21" s="296">
        <v>0</v>
      </c>
      <c r="HL21" s="296">
        <v>0</v>
      </c>
      <c r="HM21" s="299">
        <v>0</v>
      </c>
      <c r="HN21" s="300">
        <v>0</v>
      </c>
      <c r="HO21" s="295">
        <v>0</v>
      </c>
      <c r="HP21" s="296">
        <v>14628</v>
      </c>
      <c r="HQ21" s="297">
        <v>14628</v>
      </c>
      <c r="HR21" s="298">
        <v>0</v>
      </c>
      <c r="HS21" s="296">
        <v>565644</v>
      </c>
      <c r="HT21" s="296">
        <v>882657</v>
      </c>
      <c r="HU21" s="296">
        <v>4711417</v>
      </c>
      <c r="HV21" s="296">
        <v>7104753</v>
      </c>
      <c r="HW21" s="296">
        <v>5869863</v>
      </c>
      <c r="HX21" s="299">
        <v>19134334</v>
      </c>
      <c r="HY21" s="300">
        <v>19148962</v>
      </c>
    </row>
    <row r="22" spans="2:233" ht="16.5" customHeight="1" x14ac:dyDescent="0.2">
      <c r="B22" s="293" t="s">
        <v>19</v>
      </c>
      <c r="C22" s="295">
        <v>0</v>
      </c>
      <c r="D22" s="296">
        <v>0</v>
      </c>
      <c r="E22" s="297">
        <v>0</v>
      </c>
      <c r="F22" s="298">
        <v>0</v>
      </c>
      <c r="G22" s="296">
        <v>113665</v>
      </c>
      <c r="H22" s="296">
        <v>379845</v>
      </c>
      <c r="I22" s="296">
        <v>1668060</v>
      </c>
      <c r="J22" s="296">
        <v>1354528</v>
      </c>
      <c r="K22" s="296">
        <v>1039785</v>
      </c>
      <c r="L22" s="299">
        <v>4555883</v>
      </c>
      <c r="M22" s="300">
        <v>4555883</v>
      </c>
      <c r="N22" s="295">
        <v>0</v>
      </c>
      <c r="O22" s="296">
        <v>0</v>
      </c>
      <c r="P22" s="297">
        <v>0</v>
      </c>
      <c r="Q22" s="301"/>
      <c r="R22" s="296">
        <v>0</v>
      </c>
      <c r="S22" s="296">
        <v>48515</v>
      </c>
      <c r="T22" s="296">
        <v>1219580</v>
      </c>
      <c r="U22" s="296">
        <v>990430</v>
      </c>
      <c r="V22" s="296">
        <v>810335</v>
      </c>
      <c r="W22" s="299">
        <v>3068860</v>
      </c>
      <c r="X22" s="300">
        <v>3068860</v>
      </c>
      <c r="Y22" s="295">
        <v>0</v>
      </c>
      <c r="Z22" s="296">
        <v>0</v>
      </c>
      <c r="AA22" s="297">
        <v>0</v>
      </c>
      <c r="AB22" s="301"/>
      <c r="AC22" s="296">
        <v>72675</v>
      </c>
      <c r="AD22" s="296">
        <v>282085</v>
      </c>
      <c r="AE22" s="296">
        <v>376680</v>
      </c>
      <c r="AF22" s="296">
        <v>305933</v>
      </c>
      <c r="AG22" s="296">
        <v>151540</v>
      </c>
      <c r="AH22" s="299">
        <v>1188913</v>
      </c>
      <c r="AI22" s="300">
        <v>1188913</v>
      </c>
      <c r="AJ22" s="295">
        <v>0</v>
      </c>
      <c r="AK22" s="296">
        <v>0</v>
      </c>
      <c r="AL22" s="297">
        <v>0</v>
      </c>
      <c r="AM22" s="301"/>
      <c r="AN22" s="296">
        <v>0</v>
      </c>
      <c r="AO22" s="296">
        <v>0</v>
      </c>
      <c r="AP22" s="296">
        <v>0</v>
      </c>
      <c r="AQ22" s="296">
        <v>0</v>
      </c>
      <c r="AR22" s="296">
        <v>0</v>
      </c>
      <c r="AS22" s="299">
        <v>0</v>
      </c>
      <c r="AT22" s="300">
        <v>0</v>
      </c>
      <c r="AU22" s="295">
        <v>0</v>
      </c>
      <c r="AV22" s="296">
        <v>0</v>
      </c>
      <c r="AW22" s="297">
        <v>0</v>
      </c>
      <c r="AX22" s="301"/>
      <c r="AY22" s="296">
        <v>0</v>
      </c>
      <c r="AZ22" s="296">
        <v>0</v>
      </c>
      <c r="BA22" s="296">
        <v>0</v>
      </c>
      <c r="BB22" s="296">
        <v>0</v>
      </c>
      <c r="BC22" s="296">
        <v>57350</v>
      </c>
      <c r="BD22" s="299">
        <v>57350</v>
      </c>
      <c r="BE22" s="300">
        <v>57350</v>
      </c>
      <c r="BF22" s="295">
        <v>0</v>
      </c>
      <c r="BG22" s="296">
        <v>0</v>
      </c>
      <c r="BH22" s="297">
        <v>0</v>
      </c>
      <c r="BI22" s="301"/>
      <c r="BJ22" s="296">
        <v>0</v>
      </c>
      <c r="BK22" s="296">
        <v>0</v>
      </c>
      <c r="BL22" s="296">
        <v>0</v>
      </c>
      <c r="BM22" s="296">
        <v>0</v>
      </c>
      <c r="BN22" s="296">
        <v>0</v>
      </c>
      <c r="BO22" s="299">
        <v>0</v>
      </c>
      <c r="BP22" s="300">
        <v>0</v>
      </c>
      <c r="BQ22" s="295">
        <v>0</v>
      </c>
      <c r="BR22" s="296">
        <v>0</v>
      </c>
      <c r="BS22" s="297">
        <v>0</v>
      </c>
      <c r="BT22" s="298">
        <v>0</v>
      </c>
      <c r="BU22" s="296">
        <v>39050</v>
      </c>
      <c r="BV22" s="296">
        <v>47070</v>
      </c>
      <c r="BW22" s="296">
        <v>71800</v>
      </c>
      <c r="BX22" s="296">
        <v>57005</v>
      </c>
      <c r="BY22" s="296">
        <v>20560</v>
      </c>
      <c r="BZ22" s="299">
        <v>235485</v>
      </c>
      <c r="CA22" s="300">
        <v>235485</v>
      </c>
      <c r="CB22" s="295">
        <v>0</v>
      </c>
      <c r="CC22" s="296">
        <v>0</v>
      </c>
      <c r="CD22" s="297">
        <v>0</v>
      </c>
      <c r="CE22" s="298">
        <v>0</v>
      </c>
      <c r="CF22" s="296">
        <v>1940</v>
      </c>
      <c r="CG22" s="296">
        <v>2175</v>
      </c>
      <c r="CH22" s="296">
        <v>0</v>
      </c>
      <c r="CI22" s="296">
        <v>1160</v>
      </c>
      <c r="CJ22" s="296">
        <v>0</v>
      </c>
      <c r="CK22" s="299">
        <v>5275</v>
      </c>
      <c r="CL22" s="300">
        <v>5275</v>
      </c>
      <c r="CM22" s="295">
        <v>0</v>
      </c>
      <c r="CN22" s="296">
        <v>0</v>
      </c>
      <c r="CO22" s="297">
        <v>0</v>
      </c>
      <c r="CP22" s="298">
        <v>0</v>
      </c>
      <c r="CQ22" s="296">
        <v>0</v>
      </c>
      <c r="CR22" s="296">
        <v>0</v>
      </c>
      <c r="CS22" s="296">
        <v>0</v>
      </c>
      <c r="CT22" s="296">
        <v>0</v>
      </c>
      <c r="CU22" s="296">
        <v>0</v>
      </c>
      <c r="CV22" s="299">
        <v>0</v>
      </c>
      <c r="CW22" s="300">
        <v>0</v>
      </c>
      <c r="CX22" s="295">
        <v>0</v>
      </c>
      <c r="CY22" s="296">
        <v>0</v>
      </c>
      <c r="CZ22" s="297">
        <v>0</v>
      </c>
      <c r="DA22" s="301"/>
      <c r="DB22" s="296">
        <v>0</v>
      </c>
      <c r="DC22" s="296">
        <v>0</v>
      </c>
      <c r="DD22" s="296">
        <v>0</v>
      </c>
      <c r="DE22" s="296">
        <v>0</v>
      </c>
      <c r="DF22" s="296">
        <v>0</v>
      </c>
      <c r="DG22" s="299">
        <v>0</v>
      </c>
      <c r="DH22" s="300">
        <v>0</v>
      </c>
      <c r="DI22" s="295">
        <v>0</v>
      </c>
      <c r="DJ22" s="296">
        <v>0</v>
      </c>
      <c r="DK22" s="297">
        <v>0</v>
      </c>
      <c r="DL22" s="298">
        <v>0</v>
      </c>
      <c r="DM22" s="296">
        <v>48756</v>
      </c>
      <c r="DN22" s="296">
        <v>203170</v>
      </c>
      <c r="DO22" s="296">
        <v>1613526</v>
      </c>
      <c r="DP22" s="296">
        <v>1589772</v>
      </c>
      <c r="DQ22" s="296">
        <v>1056480</v>
      </c>
      <c r="DR22" s="299">
        <v>4511704</v>
      </c>
      <c r="DS22" s="302">
        <v>4511704</v>
      </c>
      <c r="DT22" s="295">
        <v>0</v>
      </c>
      <c r="DU22" s="296">
        <v>0</v>
      </c>
      <c r="DV22" s="297">
        <v>0</v>
      </c>
      <c r="DW22" s="301"/>
      <c r="DX22" s="296">
        <v>0</v>
      </c>
      <c r="DY22" s="296">
        <v>126790</v>
      </c>
      <c r="DZ22" s="296">
        <v>1467609</v>
      </c>
      <c r="EA22" s="296">
        <v>1452123</v>
      </c>
      <c r="EB22" s="296">
        <v>1011826</v>
      </c>
      <c r="EC22" s="299">
        <v>4058348</v>
      </c>
      <c r="ED22" s="300">
        <v>4058348</v>
      </c>
      <c r="EE22" s="295">
        <v>0</v>
      </c>
      <c r="EF22" s="296">
        <v>0</v>
      </c>
      <c r="EG22" s="297">
        <v>0</v>
      </c>
      <c r="EH22" s="301"/>
      <c r="EI22" s="296">
        <v>12611</v>
      </c>
      <c r="EJ22" s="296">
        <v>25949</v>
      </c>
      <c r="EK22" s="296">
        <v>59885</v>
      </c>
      <c r="EL22" s="296">
        <v>45334</v>
      </c>
      <c r="EM22" s="296">
        <v>13122</v>
      </c>
      <c r="EN22" s="299">
        <v>156901</v>
      </c>
      <c r="EO22" s="300">
        <v>156901</v>
      </c>
      <c r="EP22" s="295">
        <v>0</v>
      </c>
      <c r="EQ22" s="296">
        <v>0</v>
      </c>
      <c r="ER22" s="297">
        <v>0</v>
      </c>
      <c r="ES22" s="301"/>
      <c r="ET22" s="296">
        <v>0</v>
      </c>
      <c r="EU22" s="296">
        <v>0</v>
      </c>
      <c r="EV22" s="296">
        <v>0</v>
      </c>
      <c r="EW22" s="296">
        <v>0</v>
      </c>
      <c r="EX22" s="296">
        <v>0</v>
      </c>
      <c r="EY22" s="299">
        <v>0</v>
      </c>
      <c r="EZ22" s="300">
        <v>0</v>
      </c>
      <c r="FA22" s="295">
        <v>0</v>
      </c>
      <c r="FB22" s="296">
        <v>0</v>
      </c>
      <c r="FC22" s="297">
        <v>0</v>
      </c>
      <c r="FD22" s="301"/>
      <c r="FE22" s="296">
        <v>0</v>
      </c>
      <c r="FF22" s="296">
        <v>0</v>
      </c>
      <c r="FG22" s="296">
        <v>0</v>
      </c>
      <c r="FH22" s="296">
        <v>0</v>
      </c>
      <c r="FI22" s="296">
        <v>434</v>
      </c>
      <c r="FJ22" s="299">
        <v>434</v>
      </c>
      <c r="FK22" s="300">
        <v>434</v>
      </c>
      <c r="FL22" s="295">
        <v>0</v>
      </c>
      <c r="FM22" s="296">
        <v>0</v>
      </c>
      <c r="FN22" s="297">
        <v>0</v>
      </c>
      <c r="FO22" s="301"/>
      <c r="FP22" s="296">
        <v>0</v>
      </c>
      <c r="FQ22" s="296">
        <v>0</v>
      </c>
      <c r="FR22" s="296">
        <v>0</v>
      </c>
      <c r="FS22" s="296">
        <v>0</v>
      </c>
      <c r="FT22" s="296">
        <v>0</v>
      </c>
      <c r="FU22" s="299">
        <v>0</v>
      </c>
      <c r="FV22" s="300">
        <v>0</v>
      </c>
      <c r="FW22" s="295">
        <v>0</v>
      </c>
      <c r="FX22" s="296">
        <v>0</v>
      </c>
      <c r="FY22" s="297">
        <v>0</v>
      </c>
      <c r="FZ22" s="298">
        <v>0</v>
      </c>
      <c r="GA22" s="296">
        <v>32207</v>
      </c>
      <c r="GB22" s="296">
        <v>43271</v>
      </c>
      <c r="GC22" s="296">
        <v>86032</v>
      </c>
      <c r="GD22" s="296">
        <v>85155</v>
      </c>
      <c r="GE22" s="296">
        <v>31098</v>
      </c>
      <c r="GF22" s="299">
        <v>277763</v>
      </c>
      <c r="GG22" s="300">
        <v>277763</v>
      </c>
      <c r="GH22" s="295">
        <v>0</v>
      </c>
      <c r="GI22" s="296">
        <v>0</v>
      </c>
      <c r="GJ22" s="297">
        <v>0</v>
      </c>
      <c r="GK22" s="298">
        <v>0</v>
      </c>
      <c r="GL22" s="296">
        <v>3938</v>
      </c>
      <c r="GM22" s="296">
        <v>7160</v>
      </c>
      <c r="GN22" s="296">
        <v>0</v>
      </c>
      <c r="GO22" s="296">
        <v>7160</v>
      </c>
      <c r="GP22" s="296">
        <v>0</v>
      </c>
      <c r="GQ22" s="299">
        <v>18258</v>
      </c>
      <c r="GR22" s="300">
        <v>18258</v>
      </c>
      <c r="GS22" s="295">
        <v>0</v>
      </c>
      <c r="GT22" s="296">
        <v>0</v>
      </c>
      <c r="GU22" s="297">
        <v>0</v>
      </c>
      <c r="GV22" s="298">
        <v>0</v>
      </c>
      <c r="GW22" s="296">
        <v>0</v>
      </c>
      <c r="GX22" s="296">
        <v>0</v>
      </c>
      <c r="GY22" s="296">
        <v>0</v>
      </c>
      <c r="GZ22" s="296">
        <v>0</v>
      </c>
      <c r="HA22" s="296">
        <v>0</v>
      </c>
      <c r="HB22" s="299">
        <v>0</v>
      </c>
      <c r="HC22" s="300">
        <v>0</v>
      </c>
      <c r="HD22" s="295">
        <v>0</v>
      </c>
      <c r="HE22" s="296">
        <v>0</v>
      </c>
      <c r="HF22" s="297">
        <v>0</v>
      </c>
      <c r="HG22" s="301"/>
      <c r="HH22" s="296">
        <v>0</v>
      </c>
      <c r="HI22" s="296">
        <v>0</v>
      </c>
      <c r="HJ22" s="296">
        <v>0</v>
      </c>
      <c r="HK22" s="296">
        <v>0</v>
      </c>
      <c r="HL22" s="296">
        <v>0</v>
      </c>
      <c r="HM22" s="299">
        <v>0</v>
      </c>
      <c r="HN22" s="300">
        <v>0</v>
      </c>
      <c r="HO22" s="295">
        <v>0</v>
      </c>
      <c r="HP22" s="296">
        <v>0</v>
      </c>
      <c r="HQ22" s="297">
        <v>0</v>
      </c>
      <c r="HR22" s="298">
        <v>0</v>
      </c>
      <c r="HS22" s="296">
        <v>162421</v>
      </c>
      <c r="HT22" s="296">
        <v>583015</v>
      </c>
      <c r="HU22" s="296">
        <v>3281586</v>
      </c>
      <c r="HV22" s="296">
        <v>2944300</v>
      </c>
      <c r="HW22" s="296">
        <v>2096265</v>
      </c>
      <c r="HX22" s="299">
        <v>9067587</v>
      </c>
      <c r="HY22" s="300">
        <v>9067587</v>
      </c>
    </row>
    <row r="23" spans="2:233" ht="16.5" customHeight="1" x14ac:dyDescent="0.2">
      <c r="B23" s="293" t="s">
        <v>20</v>
      </c>
      <c r="C23" s="295">
        <v>0</v>
      </c>
      <c r="D23" s="296">
        <v>0</v>
      </c>
      <c r="E23" s="297">
        <v>0</v>
      </c>
      <c r="F23" s="298">
        <v>0</v>
      </c>
      <c r="G23" s="296">
        <v>194770</v>
      </c>
      <c r="H23" s="296">
        <v>384470</v>
      </c>
      <c r="I23" s="296">
        <v>1521502</v>
      </c>
      <c r="J23" s="296">
        <v>1769190</v>
      </c>
      <c r="K23" s="296">
        <v>627875</v>
      </c>
      <c r="L23" s="299">
        <v>4497807</v>
      </c>
      <c r="M23" s="300">
        <v>4497807</v>
      </c>
      <c r="N23" s="295">
        <v>0</v>
      </c>
      <c r="O23" s="296">
        <v>0</v>
      </c>
      <c r="P23" s="297">
        <v>0</v>
      </c>
      <c r="Q23" s="301"/>
      <c r="R23" s="296">
        <v>57110</v>
      </c>
      <c r="S23" s="296">
        <v>149265</v>
      </c>
      <c r="T23" s="296">
        <v>1072788</v>
      </c>
      <c r="U23" s="296">
        <v>1453655</v>
      </c>
      <c r="V23" s="296">
        <v>567550</v>
      </c>
      <c r="W23" s="299">
        <v>3300368</v>
      </c>
      <c r="X23" s="300">
        <v>3300368</v>
      </c>
      <c r="Y23" s="295">
        <v>0</v>
      </c>
      <c r="Z23" s="296">
        <v>0</v>
      </c>
      <c r="AA23" s="297">
        <v>0</v>
      </c>
      <c r="AB23" s="301"/>
      <c r="AC23" s="296">
        <v>78740</v>
      </c>
      <c r="AD23" s="296">
        <v>190155</v>
      </c>
      <c r="AE23" s="296">
        <v>227790</v>
      </c>
      <c r="AF23" s="296">
        <v>226145</v>
      </c>
      <c r="AG23" s="296">
        <v>79205</v>
      </c>
      <c r="AH23" s="299">
        <v>802035</v>
      </c>
      <c r="AI23" s="300">
        <v>802035</v>
      </c>
      <c r="AJ23" s="295">
        <v>0</v>
      </c>
      <c r="AK23" s="296">
        <v>0</v>
      </c>
      <c r="AL23" s="297">
        <v>0</v>
      </c>
      <c r="AM23" s="301"/>
      <c r="AN23" s="296">
        <v>0</v>
      </c>
      <c r="AO23" s="296">
        <v>0</v>
      </c>
      <c r="AP23" s="296">
        <v>0</v>
      </c>
      <c r="AQ23" s="296">
        <v>0</v>
      </c>
      <c r="AR23" s="296">
        <v>0</v>
      </c>
      <c r="AS23" s="299">
        <v>0</v>
      </c>
      <c r="AT23" s="300">
        <v>0</v>
      </c>
      <c r="AU23" s="295">
        <v>0</v>
      </c>
      <c r="AV23" s="296">
        <v>0</v>
      </c>
      <c r="AW23" s="297">
        <v>0</v>
      </c>
      <c r="AX23" s="301"/>
      <c r="AY23" s="296">
        <v>0</v>
      </c>
      <c r="AZ23" s="296">
        <v>0</v>
      </c>
      <c r="BA23" s="296">
        <v>2295</v>
      </c>
      <c r="BB23" s="296">
        <v>0</v>
      </c>
      <c r="BC23" s="296">
        <v>2635</v>
      </c>
      <c r="BD23" s="299">
        <v>4930</v>
      </c>
      <c r="BE23" s="300">
        <v>4930</v>
      </c>
      <c r="BF23" s="295">
        <v>0</v>
      </c>
      <c r="BG23" s="296">
        <v>0</v>
      </c>
      <c r="BH23" s="297">
        <v>0</v>
      </c>
      <c r="BI23" s="301"/>
      <c r="BJ23" s="296">
        <v>0</v>
      </c>
      <c r="BK23" s="296">
        <v>0</v>
      </c>
      <c r="BL23" s="296">
        <v>0</v>
      </c>
      <c r="BM23" s="296">
        <v>0</v>
      </c>
      <c r="BN23" s="296">
        <v>0</v>
      </c>
      <c r="BO23" s="299">
        <v>0</v>
      </c>
      <c r="BP23" s="300">
        <v>0</v>
      </c>
      <c r="BQ23" s="295">
        <v>0</v>
      </c>
      <c r="BR23" s="296">
        <v>0</v>
      </c>
      <c r="BS23" s="297">
        <v>0</v>
      </c>
      <c r="BT23" s="298">
        <v>0</v>
      </c>
      <c r="BU23" s="296">
        <v>58920</v>
      </c>
      <c r="BV23" s="296">
        <v>44615</v>
      </c>
      <c r="BW23" s="296">
        <v>215729</v>
      </c>
      <c r="BX23" s="296">
        <v>86830</v>
      </c>
      <c r="BY23" s="296">
        <v>-21515</v>
      </c>
      <c r="BZ23" s="299">
        <v>384579</v>
      </c>
      <c r="CA23" s="300">
        <v>384579</v>
      </c>
      <c r="CB23" s="295">
        <v>0</v>
      </c>
      <c r="CC23" s="296">
        <v>0</v>
      </c>
      <c r="CD23" s="297">
        <v>0</v>
      </c>
      <c r="CE23" s="298">
        <v>0</v>
      </c>
      <c r="CF23" s="296">
        <v>0</v>
      </c>
      <c r="CG23" s="296">
        <v>435</v>
      </c>
      <c r="CH23" s="296">
        <v>2900</v>
      </c>
      <c r="CI23" s="296">
        <v>2560</v>
      </c>
      <c r="CJ23" s="296">
        <v>0</v>
      </c>
      <c r="CK23" s="299">
        <v>5895</v>
      </c>
      <c r="CL23" s="300">
        <v>5895</v>
      </c>
      <c r="CM23" s="295">
        <v>0</v>
      </c>
      <c r="CN23" s="296">
        <v>0</v>
      </c>
      <c r="CO23" s="297">
        <v>0</v>
      </c>
      <c r="CP23" s="298">
        <v>0</v>
      </c>
      <c r="CQ23" s="296">
        <v>0</v>
      </c>
      <c r="CR23" s="296">
        <v>0</v>
      </c>
      <c r="CS23" s="296">
        <v>0</v>
      </c>
      <c r="CT23" s="296">
        <v>0</v>
      </c>
      <c r="CU23" s="296">
        <v>0</v>
      </c>
      <c r="CV23" s="299">
        <v>0</v>
      </c>
      <c r="CW23" s="300">
        <v>0</v>
      </c>
      <c r="CX23" s="295">
        <v>0</v>
      </c>
      <c r="CY23" s="296">
        <v>0</v>
      </c>
      <c r="CZ23" s="297">
        <v>0</v>
      </c>
      <c r="DA23" s="301"/>
      <c r="DB23" s="296">
        <v>0</v>
      </c>
      <c r="DC23" s="296">
        <v>0</v>
      </c>
      <c r="DD23" s="296">
        <v>0</v>
      </c>
      <c r="DE23" s="296">
        <v>0</v>
      </c>
      <c r="DF23" s="296">
        <v>0</v>
      </c>
      <c r="DG23" s="299">
        <v>0</v>
      </c>
      <c r="DH23" s="300">
        <v>0</v>
      </c>
      <c r="DI23" s="295">
        <v>0</v>
      </c>
      <c r="DJ23" s="296">
        <v>0</v>
      </c>
      <c r="DK23" s="297">
        <v>0</v>
      </c>
      <c r="DL23" s="298">
        <v>0</v>
      </c>
      <c r="DM23" s="296">
        <v>196431</v>
      </c>
      <c r="DN23" s="296">
        <v>483284</v>
      </c>
      <c r="DO23" s="296">
        <v>2183775</v>
      </c>
      <c r="DP23" s="296">
        <v>2167610</v>
      </c>
      <c r="DQ23" s="296">
        <v>891324</v>
      </c>
      <c r="DR23" s="299">
        <v>5922424</v>
      </c>
      <c r="DS23" s="302">
        <v>5922424</v>
      </c>
      <c r="DT23" s="295">
        <v>0</v>
      </c>
      <c r="DU23" s="296">
        <v>0</v>
      </c>
      <c r="DV23" s="297">
        <v>0</v>
      </c>
      <c r="DW23" s="301"/>
      <c r="DX23" s="296">
        <v>77562</v>
      </c>
      <c r="DY23" s="296">
        <v>319517</v>
      </c>
      <c r="DZ23" s="296">
        <v>1751662</v>
      </c>
      <c r="EA23" s="296">
        <v>2006561</v>
      </c>
      <c r="EB23" s="296">
        <v>882706</v>
      </c>
      <c r="EC23" s="299">
        <v>5038008</v>
      </c>
      <c r="ED23" s="300">
        <v>5038008</v>
      </c>
      <c r="EE23" s="295">
        <v>0</v>
      </c>
      <c r="EF23" s="296">
        <v>0</v>
      </c>
      <c r="EG23" s="297">
        <v>0</v>
      </c>
      <c r="EH23" s="301"/>
      <c r="EI23" s="296">
        <v>12772</v>
      </c>
      <c r="EJ23" s="296">
        <v>36242</v>
      </c>
      <c r="EK23" s="296">
        <v>36648</v>
      </c>
      <c r="EL23" s="296">
        <v>3339</v>
      </c>
      <c r="EM23" s="296">
        <v>1085</v>
      </c>
      <c r="EN23" s="299">
        <v>90086</v>
      </c>
      <c r="EO23" s="300">
        <v>90086</v>
      </c>
      <c r="EP23" s="295">
        <v>0</v>
      </c>
      <c r="EQ23" s="296">
        <v>0</v>
      </c>
      <c r="ER23" s="297">
        <v>0</v>
      </c>
      <c r="ES23" s="301"/>
      <c r="ET23" s="296">
        <v>0</v>
      </c>
      <c r="EU23" s="296">
        <v>0</v>
      </c>
      <c r="EV23" s="296">
        <v>0</v>
      </c>
      <c r="EW23" s="296">
        <v>0</v>
      </c>
      <c r="EX23" s="296">
        <v>0</v>
      </c>
      <c r="EY23" s="299">
        <v>0</v>
      </c>
      <c r="EZ23" s="300">
        <v>0</v>
      </c>
      <c r="FA23" s="295">
        <v>0</v>
      </c>
      <c r="FB23" s="296">
        <v>0</v>
      </c>
      <c r="FC23" s="297">
        <v>0</v>
      </c>
      <c r="FD23" s="301"/>
      <c r="FE23" s="296">
        <v>0</v>
      </c>
      <c r="FF23" s="296">
        <v>0</v>
      </c>
      <c r="FG23" s="296">
        <v>217</v>
      </c>
      <c r="FH23" s="296">
        <v>0</v>
      </c>
      <c r="FI23" s="296">
        <v>217</v>
      </c>
      <c r="FJ23" s="299">
        <v>434</v>
      </c>
      <c r="FK23" s="300">
        <v>434</v>
      </c>
      <c r="FL23" s="295">
        <v>0</v>
      </c>
      <c r="FM23" s="296">
        <v>0</v>
      </c>
      <c r="FN23" s="297">
        <v>0</v>
      </c>
      <c r="FO23" s="301"/>
      <c r="FP23" s="296">
        <v>0</v>
      </c>
      <c r="FQ23" s="296">
        <v>0</v>
      </c>
      <c r="FR23" s="296">
        <v>0</v>
      </c>
      <c r="FS23" s="296">
        <v>0</v>
      </c>
      <c r="FT23" s="296">
        <v>0</v>
      </c>
      <c r="FU23" s="299">
        <v>0</v>
      </c>
      <c r="FV23" s="300">
        <v>0</v>
      </c>
      <c r="FW23" s="295">
        <v>0</v>
      </c>
      <c r="FX23" s="296">
        <v>0</v>
      </c>
      <c r="FY23" s="297">
        <v>0</v>
      </c>
      <c r="FZ23" s="298">
        <v>0</v>
      </c>
      <c r="GA23" s="296">
        <v>106097</v>
      </c>
      <c r="GB23" s="296">
        <v>126093</v>
      </c>
      <c r="GC23" s="296">
        <v>387730</v>
      </c>
      <c r="GD23" s="296">
        <v>155878</v>
      </c>
      <c r="GE23" s="296">
        <v>7316</v>
      </c>
      <c r="GF23" s="299">
        <v>783114</v>
      </c>
      <c r="GG23" s="300">
        <v>783114</v>
      </c>
      <c r="GH23" s="295">
        <v>0</v>
      </c>
      <c r="GI23" s="296">
        <v>0</v>
      </c>
      <c r="GJ23" s="297">
        <v>0</v>
      </c>
      <c r="GK23" s="298">
        <v>0</v>
      </c>
      <c r="GL23" s="296">
        <v>0</v>
      </c>
      <c r="GM23" s="296">
        <v>1432</v>
      </c>
      <c r="GN23" s="296">
        <v>7518</v>
      </c>
      <c r="GO23" s="296">
        <v>1832</v>
      </c>
      <c r="GP23" s="296">
        <v>0</v>
      </c>
      <c r="GQ23" s="299">
        <v>10782</v>
      </c>
      <c r="GR23" s="300">
        <v>10782</v>
      </c>
      <c r="GS23" s="295">
        <v>0</v>
      </c>
      <c r="GT23" s="296">
        <v>0</v>
      </c>
      <c r="GU23" s="297">
        <v>0</v>
      </c>
      <c r="GV23" s="298">
        <v>0</v>
      </c>
      <c r="GW23" s="296">
        <v>0</v>
      </c>
      <c r="GX23" s="296">
        <v>0</v>
      </c>
      <c r="GY23" s="296">
        <v>0</v>
      </c>
      <c r="GZ23" s="296">
        <v>0</v>
      </c>
      <c r="HA23" s="296">
        <v>0</v>
      </c>
      <c r="HB23" s="299">
        <v>0</v>
      </c>
      <c r="HC23" s="300">
        <v>0</v>
      </c>
      <c r="HD23" s="295">
        <v>0</v>
      </c>
      <c r="HE23" s="296">
        <v>0</v>
      </c>
      <c r="HF23" s="297">
        <v>0</v>
      </c>
      <c r="HG23" s="301"/>
      <c r="HH23" s="296">
        <v>0</v>
      </c>
      <c r="HI23" s="296">
        <v>0</v>
      </c>
      <c r="HJ23" s="296">
        <v>0</v>
      </c>
      <c r="HK23" s="296">
        <v>0</v>
      </c>
      <c r="HL23" s="296">
        <v>0</v>
      </c>
      <c r="HM23" s="299">
        <v>0</v>
      </c>
      <c r="HN23" s="300">
        <v>0</v>
      </c>
      <c r="HO23" s="295">
        <v>0</v>
      </c>
      <c r="HP23" s="296">
        <v>0</v>
      </c>
      <c r="HQ23" s="297">
        <v>0</v>
      </c>
      <c r="HR23" s="298">
        <v>0</v>
      </c>
      <c r="HS23" s="296">
        <v>391201</v>
      </c>
      <c r="HT23" s="296">
        <v>867754</v>
      </c>
      <c r="HU23" s="296">
        <v>3705277</v>
      </c>
      <c r="HV23" s="296">
        <v>3936800</v>
      </c>
      <c r="HW23" s="296">
        <v>1519199</v>
      </c>
      <c r="HX23" s="299">
        <v>10420231</v>
      </c>
      <c r="HY23" s="300">
        <v>10420231</v>
      </c>
    </row>
    <row r="24" spans="2:233" ht="16.5" customHeight="1" x14ac:dyDescent="0.2">
      <c r="B24" s="293" t="s">
        <v>21</v>
      </c>
      <c r="C24" s="295">
        <v>0</v>
      </c>
      <c r="D24" s="296">
        <v>0</v>
      </c>
      <c r="E24" s="297">
        <v>0</v>
      </c>
      <c r="F24" s="298">
        <v>0</v>
      </c>
      <c r="G24" s="296">
        <v>185335</v>
      </c>
      <c r="H24" s="296">
        <v>402505</v>
      </c>
      <c r="I24" s="296">
        <v>2080061</v>
      </c>
      <c r="J24" s="296">
        <v>1842083</v>
      </c>
      <c r="K24" s="296">
        <v>1298202</v>
      </c>
      <c r="L24" s="299">
        <v>5808186</v>
      </c>
      <c r="M24" s="300">
        <v>5808186</v>
      </c>
      <c r="N24" s="295">
        <v>0</v>
      </c>
      <c r="O24" s="296">
        <v>0</v>
      </c>
      <c r="P24" s="297">
        <v>0</v>
      </c>
      <c r="Q24" s="301"/>
      <c r="R24" s="296">
        <v>2635</v>
      </c>
      <c r="S24" s="296">
        <v>155465</v>
      </c>
      <c r="T24" s="296">
        <v>1697508</v>
      </c>
      <c r="U24" s="296">
        <v>1462335</v>
      </c>
      <c r="V24" s="296">
        <v>972277</v>
      </c>
      <c r="W24" s="299">
        <v>4290220</v>
      </c>
      <c r="X24" s="300">
        <v>4290220</v>
      </c>
      <c r="Y24" s="295">
        <v>0</v>
      </c>
      <c r="Z24" s="296">
        <v>0</v>
      </c>
      <c r="AA24" s="297">
        <v>0</v>
      </c>
      <c r="AB24" s="301"/>
      <c r="AC24" s="296">
        <v>179005</v>
      </c>
      <c r="AD24" s="296">
        <v>215415</v>
      </c>
      <c r="AE24" s="296">
        <v>97040</v>
      </c>
      <c r="AF24" s="296">
        <v>164745</v>
      </c>
      <c r="AG24" s="296">
        <v>234585</v>
      </c>
      <c r="AH24" s="299">
        <v>890790</v>
      </c>
      <c r="AI24" s="300">
        <v>890790</v>
      </c>
      <c r="AJ24" s="295">
        <v>0</v>
      </c>
      <c r="AK24" s="296">
        <v>0</v>
      </c>
      <c r="AL24" s="297">
        <v>0</v>
      </c>
      <c r="AM24" s="301"/>
      <c r="AN24" s="296">
        <v>0</v>
      </c>
      <c r="AO24" s="296">
        <v>0</v>
      </c>
      <c r="AP24" s="296">
        <v>2635</v>
      </c>
      <c r="AQ24" s="296">
        <v>32705</v>
      </c>
      <c r="AR24" s="296">
        <v>5270</v>
      </c>
      <c r="AS24" s="299">
        <v>40610</v>
      </c>
      <c r="AT24" s="300">
        <v>40610</v>
      </c>
      <c r="AU24" s="295">
        <v>0</v>
      </c>
      <c r="AV24" s="296">
        <v>0</v>
      </c>
      <c r="AW24" s="297">
        <v>0</v>
      </c>
      <c r="AX24" s="301"/>
      <c r="AY24" s="296">
        <v>0</v>
      </c>
      <c r="AZ24" s="296">
        <v>0</v>
      </c>
      <c r="BA24" s="296">
        <v>35495</v>
      </c>
      <c r="BB24" s="296">
        <v>29915</v>
      </c>
      <c r="BC24" s="296">
        <v>30535</v>
      </c>
      <c r="BD24" s="299">
        <v>95945</v>
      </c>
      <c r="BE24" s="300">
        <v>95945</v>
      </c>
      <c r="BF24" s="295">
        <v>0</v>
      </c>
      <c r="BG24" s="296">
        <v>0</v>
      </c>
      <c r="BH24" s="297">
        <v>0</v>
      </c>
      <c r="BI24" s="301"/>
      <c r="BJ24" s="296">
        <v>0</v>
      </c>
      <c r="BK24" s="296">
        <v>0</v>
      </c>
      <c r="BL24" s="296">
        <v>0</v>
      </c>
      <c r="BM24" s="296">
        <v>0</v>
      </c>
      <c r="BN24" s="296">
        <v>0</v>
      </c>
      <c r="BO24" s="299">
        <v>0</v>
      </c>
      <c r="BP24" s="300">
        <v>0</v>
      </c>
      <c r="BQ24" s="295">
        <v>0</v>
      </c>
      <c r="BR24" s="296">
        <v>0</v>
      </c>
      <c r="BS24" s="297">
        <v>0</v>
      </c>
      <c r="BT24" s="298">
        <v>0</v>
      </c>
      <c r="BU24" s="296">
        <v>3695</v>
      </c>
      <c r="BV24" s="296">
        <v>31625</v>
      </c>
      <c r="BW24" s="296">
        <v>247383</v>
      </c>
      <c r="BX24" s="296">
        <v>152383</v>
      </c>
      <c r="BY24" s="296">
        <v>55535</v>
      </c>
      <c r="BZ24" s="299">
        <v>490621</v>
      </c>
      <c r="CA24" s="300">
        <v>490621</v>
      </c>
      <c r="CB24" s="295">
        <v>0</v>
      </c>
      <c r="CC24" s="296">
        <v>0</v>
      </c>
      <c r="CD24" s="297">
        <v>0</v>
      </c>
      <c r="CE24" s="298">
        <v>0</v>
      </c>
      <c r="CF24" s="296">
        <v>0</v>
      </c>
      <c r="CG24" s="296">
        <v>0</v>
      </c>
      <c r="CH24" s="296">
        <v>0</v>
      </c>
      <c r="CI24" s="296">
        <v>0</v>
      </c>
      <c r="CJ24" s="296">
        <v>0</v>
      </c>
      <c r="CK24" s="299">
        <v>0</v>
      </c>
      <c r="CL24" s="300">
        <v>0</v>
      </c>
      <c r="CM24" s="295">
        <v>0</v>
      </c>
      <c r="CN24" s="296">
        <v>0</v>
      </c>
      <c r="CO24" s="297">
        <v>0</v>
      </c>
      <c r="CP24" s="298">
        <v>0</v>
      </c>
      <c r="CQ24" s="296">
        <v>0</v>
      </c>
      <c r="CR24" s="296">
        <v>0</v>
      </c>
      <c r="CS24" s="296">
        <v>0</v>
      </c>
      <c r="CT24" s="296">
        <v>0</v>
      </c>
      <c r="CU24" s="296">
        <v>0</v>
      </c>
      <c r="CV24" s="299">
        <v>0</v>
      </c>
      <c r="CW24" s="300">
        <v>0</v>
      </c>
      <c r="CX24" s="295">
        <v>0</v>
      </c>
      <c r="CY24" s="296">
        <v>0</v>
      </c>
      <c r="CZ24" s="297">
        <v>0</v>
      </c>
      <c r="DA24" s="301"/>
      <c r="DB24" s="296">
        <v>0</v>
      </c>
      <c r="DC24" s="296">
        <v>0</v>
      </c>
      <c r="DD24" s="296">
        <v>0</v>
      </c>
      <c r="DE24" s="296">
        <v>0</v>
      </c>
      <c r="DF24" s="296">
        <v>0</v>
      </c>
      <c r="DG24" s="299">
        <v>0</v>
      </c>
      <c r="DH24" s="300">
        <v>0</v>
      </c>
      <c r="DI24" s="295">
        <v>0</v>
      </c>
      <c r="DJ24" s="296">
        <v>0</v>
      </c>
      <c r="DK24" s="297">
        <v>0</v>
      </c>
      <c r="DL24" s="298">
        <v>0</v>
      </c>
      <c r="DM24" s="296">
        <v>53783</v>
      </c>
      <c r="DN24" s="296">
        <v>281977</v>
      </c>
      <c r="DO24" s="296">
        <v>2380588</v>
      </c>
      <c r="DP24" s="296">
        <v>2200226</v>
      </c>
      <c r="DQ24" s="296">
        <v>1397110</v>
      </c>
      <c r="DR24" s="299">
        <v>6313684</v>
      </c>
      <c r="DS24" s="302">
        <v>6313684</v>
      </c>
      <c r="DT24" s="295">
        <v>0</v>
      </c>
      <c r="DU24" s="296">
        <v>0</v>
      </c>
      <c r="DV24" s="297">
        <v>0</v>
      </c>
      <c r="DW24" s="301"/>
      <c r="DX24" s="296">
        <v>15035</v>
      </c>
      <c r="DY24" s="296">
        <v>169105</v>
      </c>
      <c r="DZ24" s="296">
        <v>1921476</v>
      </c>
      <c r="EA24" s="296">
        <v>1954730</v>
      </c>
      <c r="EB24" s="296">
        <v>1274583</v>
      </c>
      <c r="EC24" s="299">
        <v>5334929</v>
      </c>
      <c r="ED24" s="300">
        <v>5334929</v>
      </c>
      <c r="EE24" s="295">
        <v>0</v>
      </c>
      <c r="EF24" s="296">
        <v>0</v>
      </c>
      <c r="EG24" s="297">
        <v>0</v>
      </c>
      <c r="EH24" s="301"/>
      <c r="EI24" s="296">
        <v>25167</v>
      </c>
      <c r="EJ24" s="296">
        <v>23836</v>
      </c>
      <c r="EK24" s="296">
        <v>24906</v>
      </c>
      <c r="EL24" s="296">
        <v>26702</v>
      </c>
      <c r="EM24" s="296">
        <v>24801</v>
      </c>
      <c r="EN24" s="299">
        <v>125412</v>
      </c>
      <c r="EO24" s="300">
        <v>125412</v>
      </c>
      <c r="EP24" s="295">
        <v>0</v>
      </c>
      <c r="EQ24" s="296">
        <v>0</v>
      </c>
      <c r="ER24" s="297">
        <v>0</v>
      </c>
      <c r="ES24" s="301"/>
      <c r="ET24" s="296">
        <v>0</v>
      </c>
      <c r="EU24" s="296">
        <v>0</v>
      </c>
      <c r="EV24" s="296">
        <v>217</v>
      </c>
      <c r="EW24" s="296">
        <v>0</v>
      </c>
      <c r="EX24" s="296">
        <v>0</v>
      </c>
      <c r="EY24" s="299">
        <v>217</v>
      </c>
      <c r="EZ24" s="300">
        <v>217</v>
      </c>
      <c r="FA24" s="295">
        <v>0</v>
      </c>
      <c r="FB24" s="296">
        <v>0</v>
      </c>
      <c r="FC24" s="297">
        <v>0</v>
      </c>
      <c r="FD24" s="301"/>
      <c r="FE24" s="296">
        <v>0</v>
      </c>
      <c r="FF24" s="296">
        <v>0</v>
      </c>
      <c r="FG24" s="296">
        <v>11687</v>
      </c>
      <c r="FH24" s="296">
        <v>651</v>
      </c>
      <c r="FI24" s="296">
        <v>651</v>
      </c>
      <c r="FJ24" s="299">
        <v>12989</v>
      </c>
      <c r="FK24" s="300">
        <v>12989</v>
      </c>
      <c r="FL24" s="295">
        <v>0</v>
      </c>
      <c r="FM24" s="296">
        <v>0</v>
      </c>
      <c r="FN24" s="297">
        <v>0</v>
      </c>
      <c r="FO24" s="301"/>
      <c r="FP24" s="296">
        <v>0</v>
      </c>
      <c r="FQ24" s="296">
        <v>0</v>
      </c>
      <c r="FR24" s="296">
        <v>0</v>
      </c>
      <c r="FS24" s="296">
        <v>0</v>
      </c>
      <c r="FT24" s="296">
        <v>0</v>
      </c>
      <c r="FU24" s="299">
        <v>0</v>
      </c>
      <c r="FV24" s="300">
        <v>0</v>
      </c>
      <c r="FW24" s="295">
        <v>0</v>
      </c>
      <c r="FX24" s="296">
        <v>0</v>
      </c>
      <c r="FY24" s="297">
        <v>0</v>
      </c>
      <c r="FZ24" s="298">
        <v>0</v>
      </c>
      <c r="GA24" s="296">
        <v>13581</v>
      </c>
      <c r="GB24" s="296">
        <v>89036</v>
      </c>
      <c r="GC24" s="296">
        <v>422302</v>
      </c>
      <c r="GD24" s="296">
        <v>218143</v>
      </c>
      <c r="GE24" s="296">
        <v>97075</v>
      </c>
      <c r="GF24" s="299">
        <v>840137</v>
      </c>
      <c r="GG24" s="300">
        <v>840137</v>
      </c>
      <c r="GH24" s="295">
        <v>0</v>
      </c>
      <c r="GI24" s="296">
        <v>0</v>
      </c>
      <c r="GJ24" s="297">
        <v>0</v>
      </c>
      <c r="GK24" s="298">
        <v>0</v>
      </c>
      <c r="GL24" s="296">
        <v>0</v>
      </c>
      <c r="GM24" s="296">
        <v>0</v>
      </c>
      <c r="GN24" s="296">
        <v>0</v>
      </c>
      <c r="GO24" s="296">
        <v>0</v>
      </c>
      <c r="GP24" s="296">
        <v>0</v>
      </c>
      <c r="GQ24" s="299">
        <v>0</v>
      </c>
      <c r="GR24" s="300">
        <v>0</v>
      </c>
      <c r="GS24" s="295">
        <v>0</v>
      </c>
      <c r="GT24" s="296">
        <v>0</v>
      </c>
      <c r="GU24" s="297">
        <v>0</v>
      </c>
      <c r="GV24" s="298">
        <v>0</v>
      </c>
      <c r="GW24" s="296">
        <v>0</v>
      </c>
      <c r="GX24" s="296">
        <v>0</v>
      </c>
      <c r="GY24" s="296">
        <v>0</v>
      </c>
      <c r="GZ24" s="296">
        <v>0</v>
      </c>
      <c r="HA24" s="296">
        <v>0</v>
      </c>
      <c r="HB24" s="299">
        <v>0</v>
      </c>
      <c r="HC24" s="300">
        <v>0</v>
      </c>
      <c r="HD24" s="295">
        <v>0</v>
      </c>
      <c r="HE24" s="296">
        <v>0</v>
      </c>
      <c r="HF24" s="297">
        <v>0</v>
      </c>
      <c r="HG24" s="301"/>
      <c r="HH24" s="296">
        <v>0</v>
      </c>
      <c r="HI24" s="296">
        <v>0</v>
      </c>
      <c r="HJ24" s="296">
        <v>0</v>
      </c>
      <c r="HK24" s="296">
        <v>0</v>
      </c>
      <c r="HL24" s="296">
        <v>0</v>
      </c>
      <c r="HM24" s="299">
        <v>0</v>
      </c>
      <c r="HN24" s="300">
        <v>0</v>
      </c>
      <c r="HO24" s="295">
        <v>0</v>
      </c>
      <c r="HP24" s="296">
        <v>0</v>
      </c>
      <c r="HQ24" s="297">
        <v>0</v>
      </c>
      <c r="HR24" s="298">
        <v>0</v>
      </c>
      <c r="HS24" s="296">
        <v>239118</v>
      </c>
      <c r="HT24" s="296">
        <v>684482</v>
      </c>
      <c r="HU24" s="296">
        <v>4460649</v>
      </c>
      <c r="HV24" s="296">
        <v>4042309</v>
      </c>
      <c r="HW24" s="296">
        <v>2695312</v>
      </c>
      <c r="HX24" s="299">
        <v>12121870</v>
      </c>
      <c r="HY24" s="300">
        <v>12121870</v>
      </c>
    </row>
    <row r="25" spans="2:233" ht="16.5" customHeight="1" x14ac:dyDescent="0.2">
      <c r="B25" s="293" t="s">
        <v>22</v>
      </c>
      <c r="C25" s="295">
        <v>0</v>
      </c>
      <c r="D25" s="296">
        <v>0</v>
      </c>
      <c r="E25" s="297">
        <v>0</v>
      </c>
      <c r="F25" s="298">
        <v>0</v>
      </c>
      <c r="G25" s="296">
        <v>70540</v>
      </c>
      <c r="H25" s="296">
        <v>389438</v>
      </c>
      <c r="I25" s="296">
        <v>846156</v>
      </c>
      <c r="J25" s="296">
        <v>1044095</v>
      </c>
      <c r="K25" s="296">
        <v>512040</v>
      </c>
      <c r="L25" s="299">
        <v>2862269</v>
      </c>
      <c r="M25" s="300">
        <v>2862269</v>
      </c>
      <c r="N25" s="295">
        <v>0</v>
      </c>
      <c r="O25" s="296">
        <v>0</v>
      </c>
      <c r="P25" s="297">
        <v>0</v>
      </c>
      <c r="Q25" s="301"/>
      <c r="R25" s="296">
        <v>0</v>
      </c>
      <c r="S25" s="296">
        <v>36543</v>
      </c>
      <c r="T25" s="296">
        <v>581621</v>
      </c>
      <c r="U25" s="296">
        <v>616635</v>
      </c>
      <c r="V25" s="296">
        <v>247380</v>
      </c>
      <c r="W25" s="299">
        <v>1482179</v>
      </c>
      <c r="X25" s="300">
        <v>1482179</v>
      </c>
      <c r="Y25" s="295">
        <v>0</v>
      </c>
      <c r="Z25" s="296">
        <v>0</v>
      </c>
      <c r="AA25" s="297">
        <v>0</v>
      </c>
      <c r="AB25" s="301"/>
      <c r="AC25" s="296">
        <v>60070</v>
      </c>
      <c r="AD25" s="296">
        <v>318990</v>
      </c>
      <c r="AE25" s="296">
        <v>158730</v>
      </c>
      <c r="AF25" s="296">
        <v>269390</v>
      </c>
      <c r="AG25" s="296">
        <v>203090</v>
      </c>
      <c r="AH25" s="299">
        <v>1010270</v>
      </c>
      <c r="AI25" s="300">
        <v>1010270</v>
      </c>
      <c r="AJ25" s="295">
        <v>0</v>
      </c>
      <c r="AK25" s="296">
        <v>0</v>
      </c>
      <c r="AL25" s="297">
        <v>0</v>
      </c>
      <c r="AM25" s="301"/>
      <c r="AN25" s="296">
        <v>0</v>
      </c>
      <c r="AO25" s="296">
        <v>0</v>
      </c>
      <c r="AP25" s="296">
        <v>0</v>
      </c>
      <c r="AQ25" s="296">
        <v>0</v>
      </c>
      <c r="AR25" s="296">
        <v>29915</v>
      </c>
      <c r="AS25" s="299">
        <v>29915</v>
      </c>
      <c r="AT25" s="300">
        <v>29915</v>
      </c>
      <c r="AU25" s="295">
        <v>0</v>
      </c>
      <c r="AV25" s="296">
        <v>0</v>
      </c>
      <c r="AW25" s="297">
        <v>0</v>
      </c>
      <c r="AX25" s="301"/>
      <c r="AY25" s="296">
        <v>0</v>
      </c>
      <c r="AZ25" s="296">
        <v>0</v>
      </c>
      <c r="BA25" s="296">
        <v>20610</v>
      </c>
      <c r="BB25" s="296">
        <v>2635</v>
      </c>
      <c r="BC25" s="296">
        <v>24645</v>
      </c>
      <c r="BD25" s="299">
        <v>47890</v>
      </c>
      <c r="BE25" s="300">
        <v>47890</v>
      </c>
      <c r="BF25" s="295">
        <v>0</v>
      </c>
      <c r="BG25" s="296">
        <v>0</v>
      </c>
      <c r="BH25" s="297">
        <v>0</v>
      </c>
      <c r="BI25" s="301"/>
      <c r="BJ25" s="296">
        <v>0</v>
      </c>
      <c r="BK25" s="296">
        <v>0</v>
      </c>
      <c r="BL25" s="296">
        <v>24645</v>
      </c>
      <c r="BM25" s="296">
        <v>122605</v>
      </c>
      <c r="BN25" s="296">
        <v>5270</v>
      </c>
      <c r="BO25" s="299">
        <v>152520</v>
      </c>
      <c r="BP25" s="300">
        <v>152520</v>
      </c>
      <c r="BQ25" s="295">
        <v>0</v>
      </c>
      <c r="BR25" s="296">
        <v>0</v>
      </c>
      <c r="BS25" s="297">
        <v>0</v>
      </c>
      <c r="BT25" s="298">
        <v>0</v>
      </c>
      <c r="BU25" s="296">
        <v>10470</v>
      </c>
      <c r="BV25" s="296">
        <v>33905</v>
      </c>
      <c r="BW25" s="296">
        <v>60550</v>
      </c>
      <c r="BX25" s="296">
        <v>32830</v>
      </c>
      <c r="BY25" s="296">
        <v>1740</v>
      </c>
      <c r="BZ25" s="299">
        <v>139495</v>
      </c>
      <c r="CA25" s="300">
        <v>139495</v>
      </c>
      <c r="CB25" s="295">
        <v>0</v>
      </c>
      <c r="CC25" s="296">
        <v>0</v>
      </c>
      <c r="CD25" s="297">
        <v>0</v>
      </c>
      <c r="CE25" s="298">
        <v>0</v>
      </c>
      <c r="CF25" s="296">
        <v>0</v>
      </c>
      <c r="CG25" s="296">
        <v>0</v>
      </c>
      <c r="CH25" s="296">
        <v>0</v>
      </c>
      <c r="CI25" s="296">
        <v>0</v>
      </c>
      <c r="CJ25" s="296">
        <v>0</v>
      </c>
      <c r="CK25" s="299">
        <v>0</v>
      </c>
      <c r="CL25" s="300">
        <v>0</v>
      </c>
      <c r="CM25" s="295">
        <v>0</v>
      </c>
      <c r="CN25" s="296">
        <v>0</v>
      </c>
      <c r="CO25" s="297">
        <v>0</v>
      </c>
      <c r="CP25" s="298">
        <v>0</v>
      </c>
      <c r="CQ25" s="296">
        <v>0</v>
      </c>
      <c r="CR25" s="296">
        <v>0</v>
      </c>
      <c r="CS25" s="296">
        <v>0</v>
      </c>
      <c r="CT25" s="296">
        <v>0</v>
      </c>
      <c r="CU25" s="296">
        <v>0</v>
      </c>
      <c r="CV25" s="299">
        <v>0</v>
      </c>
      <c r="CW25" s="300">
        <v>0</v>
      </c>
      <c r="CX25" s="295">
        <v>0</v>
      </c>
      <c r="CY25" s="296">
        <v>0</v>
      </c>
      <c r="CZ25" s="297">
        <v>0</v>
      </c>
      <c r="DA25" s="301"/>
      <c r="DB25" s="296">
        <v>0</v>
      </c>
      <c r="DC25" s="296">
        <v>0</v>
      </c>
      <c r="DD25" s="296">
        <v>0</v>
      </c>
      <c r="DE25" s="296">
        <v>0</v>
      </c>
      <c r="DF25" s="296">
        <v>0</v>
      </c>
      <c r="DG25" s="299">
        <v>0</v>
      </c>
      <c r="DH25" s="300">
        <v>0</v>
      </c>
      <c r="DI25" s="295">
        <v>0</v>
      </c>
      <c r="DJ25" s="296">
        <v>0</v>
      </c>
      <c r="DK25" s="297">
        <v>0</v>
      </c>
      <c r="DL25" s="298">
        <v>0</v>
      </c>
      <c r="DM25" s="296">
        <v>13309</v>
      </c>
      <c r="DN25" s="296">
        <v>123634</v>
      </c>
      <c r="DO25" s="296">
        <v>695057</v>
      </c>
      <c r="DP25" s="296">
        <v>997466</v>
      </c>
      <c r="DQ25" s="296">
        <v>409854</v>
      </c>
      <c r="DR25" s="299">
        <v>2239320</v>
      </c>
      <c r="DS25" s="302">
        <v>2239320</v>
      </c>
      <c r="DT25" s="295">
        <v>0</v>
      </c>
      <c r="DU25" s="296">
        <v>0</v>
      </c>
      <c r="DV25" s="297">
        <v>0</v>
      </c>
      <c r="DW25" s="301"/>
      <c r="DX25" s="296">
        <v>0</v>
      </c>
      <c r="DY25" s="296">
        <v>32936</v>
      </c>
      <c r="DZ25" s="296">
        <v>555568</v>
      </c>
      <c r="EA25" s="296">
        <v>748002</v>
      </c>
      <c r="EB25" s="296">
        <v>301437</v>
      </c>
      <c r="EC25" s="299">
        <v>1637943</v>
      </c>
      <c r="ED25" s="300">
        <v>1637943</v>
      </c>
      <c r="EE25" s="295">
        <v>0</v>
      </c>
      <c r="EF25" s="296">
        <v>0</v>
      </c>
      <c r="EG25" s="297">
        <v>0</v>
      </c>
      <c r="EH25" s="301"/>
      <c r="EI25" s="296">
        <v>634</v>
      </c>
      <c r="EJ25" s="296">
        <v>47306</v>
      </c>
      <c r="EK25" s="296">
        <v>2359</v>
      </c>
      <c r="EL25" s="296">
        <v>25823</v>
      </c>
      <c r="EM25" s="296">
        <v>24769</v>
      </c>
      <c r="EN25" s="299">
        <v>100891</v>
      </c>
      <c r="EO25" s="300">
        <v>100891</v>
      </c>
      <c r="EP25" s="295">
        <v>0</v>
      </c>
      <c r="EQ25" s="296">
        <v>0</v>
      </c>
      <c r="ER25" s="297">
        <v>0</v>
      </c>
      <c r="ES25" s="301"/>
      <c r="ET25" s="296">
        <v>0</v>
      </c>
      <c r="EU25" s="296">
        <v>0</v>
      </c>
      <c r="EV25" s="296">
        <v>0</v>
      </c>
      <c r="EW25" s="296">
        <v>0</v>
      </c>
      <c r="EX25" s="296">
        <v>22010</v>
      </c>
      <c r="EY25" s="299">
        <v>22010</v>
      </c>
      <c r="EZ25" s="300">
        <v>22010</v>
      </c>
      <c r="FA25" s="295">
        <v>0</v>
      </c>
      <c r="FB25" s="296">
        <v>0</v>
      </c>
      <c r="FC25" s="297">
        <v>0</v>
      </c>
      <c r="FD25" s="301"/>
      <c r="FE25" s="296">
        <v>0</v>
      </c>
      <c r="FF25" s="296">
        <v>0</v>
      </c>
      <c r="FG25" s="296">
        <v>11687</v>
      </c>
      <c r="FH25" s="296">
        <v>217</v>
      </c>
      <c r="FI25" s="296">
        <v>11098</v>
      </c>
      <c r="FJ25" s="299">
        <v>23002</v>
      </c>
      <c r="FK25" s="300">
        <v>23002</v>
      </c>
      <c r="FL25" s="295">
        <v>0</v>
      </c>
      <c r="FM25" s="296">
        <v>0</v>
      </c>
      <c r="FN25" s="297">
        <v>0</v>
      </c>
      <c r="FO25" s="301"/>
      <c r="FP25" s="296">
        <v>0</v>
      </c>
      <c r="FQ25" s="296">
        <v>0</v>
      </c>
      <c r="FR25" s="296">
        <v>21390</v>
      </c>
      <c r="FS25" s="296">
        <v>180110</v>
      </c>
      <c r="FT25" s="296">
        <v>42780</v>
      </c>
      <c r="FU25" s="299">
        <v>244280</v>
      </c>
      <c r="FV25" s="300">
        <v>244280</v>
      </c>
      <c r="FW25" s="295">
        <v>0</v>
      </c>
      <c r="FX25" s="296">
        <v>0</v>
      </c>
      <c r="FY25" s="297">
        <v>0</v>
      </c>
      <c r="FZ25" s="298">
        <v>0</v>
      </c>
      <c r="GA25" s="296">
        <v>12675</v>
      </c>
      <c r="GB25" s="296">
        <v>43392</v>
      </c>
      <c r="GC25" s="296">
        <v>104053</v>
      </c>
      <c r="GD25" s="296">
        <v>43314</v>
      </c>
      <c r="GE25" s="296">
        <v>7760</v>
      </c>
      <c r="GF25" s="299">
        <v>211194</v>
      </c>
      <c r="GG25" s="300">
        <v>211194</v>
      </c>
      <c r="GH25" s="295">
        <v>0</v>
      </c>
      <c r="GI25" s="296">
        <v>0</v>
      </c>
      <c r="GJ25" s="297">
        <v>0</v>
      </c>
      <c r="GK25" s="298">
        <v>0</v>
      </c>
      <c r="GL25" s="296">
        <v>0</v>
      </c>
      <c r="GM25" s="296">
        <v>0</v>
      </c>
      <c r="GN25" s="296">
        <v>0</v>
      </c>
      <c r="GO25" s="296">
        <v>0</v>
      </c>
      <c r="GP25" s="296">
        <v>0</v>
      </c>
      <c r="GQ25" s="299">
        <v>0</v>
      </c>
      <c r="GR25" s="300">
        <v>0</v>
      </c>
      <c r="GS25" s="295">
        <v>0</v>
      </c>
      <c r="GT25" s="296">
        <v>0</v>
      </c>
      <c r="GU25" s="297">
        <v>0</v>
      </c>
      <c r="GV25" s="298">
        <v>0</v>
      </c>
      <c r="GW25" s="296">
        <v>0</v>
      </c>
      <c r="GX25" s="296">
        <v>0</v>
      </c>
      <c r="GY25" s="296">
        <v>0</v>
      </c>
      <c r="GZ25" s="296">
        <v>0</v>
      </c>
      <c r="HA25" s="296">
        <v>0</v>
      </c>
      <c r="HB25" s="299">
        <v>0</v>
      </c>
      <c r="HC25" s="300">
        <v>0</v>
      </c>
      <c r="HD25" s="295">
        <v>0</v>
      </c>
      <c r="HE25" s="296">
        <v>0</v>
      </c>
      <c r="HF25" s="297">
        <v>0</v>
      </c>
      <c r="HG25" s="301"/>
      <c r="HH25" s="296">
        <v>0</v>
      </c>
      <c r="HI25" s="296">
        <v>0</v>
      </c>
      <c r="HJ25" s="296">
        <v>0</v>
      </c>
      <c r="HK25" s="296">
        <v>0</v>
      </c>
      <c r="HL25" s="296">
        <v>0</v>
      </c>
      <c r="HM25" s="299">
        <v>0</v>
      </c>
      <c r="HN25" s="300">
        <v>0</v>
      </c>
      <c r="HO25" s="295">
        <v>0</v>
      </c>
      <c r="HP25" s="296">
        <v>0</v>
      </c>
      <c r="HQ25" s="297">
        <v>0</v>
      </c>
      <c r="HR25" s="298">
        <v>0</v>
      </c>
      <c r="HS25" s="296">
        <v>83849</v>
      </c>
      <c r="HT25" s="296">
        <v>513072</v>
      </c>
      <c r="HU25" s="296">
        <v>1541213</v>
      </c>
      <c r="HV25" s="296">
        <v>2041561</v>
      </c>
      <c r="HW25" s="296">
        <v>921894</v>
      </c>
      <c r="HX25" s="299">
        <v>5101589</v>
      </c>
      <c r="HY25" s="300">
        <v>5101589</v>
      </c>
    </row>
    <row r="26" spans="2:233" ht="16.5" customHeight="1" x14ac:dyDescent="0.2">
      <c r="B26" s="293" t="s">
        <v>23</v>
      </c>
      <c r="C26" s="295">
        <v>0</v>
      </c>
      <c r="D26" s="296">
        <v>580</v>
      </c>
      <c r="E26" s="297">
        <v>580</v>
      </c>
      <c r="F26" s="298">
        <v>0</v>
      </c>
      <c r="G26" s="296">
        <v>176194</v>
      </c>
      <c r="H26" s="296">
        <v>455854</v>
      </c>
      <c r="I26" s="296">
        <v>1045420</v>
      </c>
      <c r="J26" s="296">
        <v>1431923</v>
      </c>
      <c r="K26" s="296">
        <v>945537</v>
      </c>
      <c r="L26" s="299">
        <v>4054928</v>
      </c>
      <c r="M26" s="300">
        <v>4055508</v>
      </c>
      <c r="N26" s="295">
        <v>0</v>
      </c>
      <c r="O26" s="296">
        <v>0</v>
      </c>
      <c r="P26" s="297">
        <v>0</v>
      </c>
      <c r="Q26" s="301"/>
      <c r="R26" s="296">
        <v>35340</v>
      </c>
      <c r="S26" s="296">
        <v>171055</v>
      </c>
      <c r="T26" s="296">
        <v>710175</v>
      </c>
      <c r="U26" s="296">
        <v>1088870</v>
      </c>
      <c r="V26" s="296">
        <v>667162</v>
      </c>
      <c r="W26" s="299">
        <v>2672602</v>
      </c>
      <c r="X26" s="300">
        <v>2672602</v>
      </c>
      <c r="Y26" s="295">
        <v>0</v>
      </c>
      <c r="Z26" s="296">
        <v>0</v>
      </c>
      <c r="AA26" s="297">
        <v>0</v>
      </c>
      <c r="AB26" s="301"/>
      <c r="AC26" s="296">
        <v>105304</v>
      </c>
      <c r="AD26" s="296">
        <v>196290</v>
      </c>
      <c r="AE26" s="296">
        <v>238355</v>
      </c>
      <c r="AF26" s="296">
        <v>197130</v>
      </c>
      <c r="AG26" s="296">
        <v>228265</v>
      </c>
      <c r="AH26" s="299">
        <v>965344</v>
      </c>
      <c r="AI26" s="300">
        <v>965344</v>
      </c>
      <c r="AJ26" s="295">
        <v>0</v>
      </c>
      <c r="AK26" s="296">
        <v>0</v>
      </c>
      <c r="AL26" s="297">
        <v>0</v>
      </c>
      <c r="AM26" s="301"/>
      <c r="AN26" s="296">
        <v>0</v>
      </c>
      <c r="AO26" s="296">
        <v>0</v>
      </c>
      <c r="AP26" s="296">
        <v>0</v>
      </c>
      <c r="AQ26" s="296">
        <v>35340</v>
      </c>
      <c r="AR26" s="296">
        <v>0</v>
      </c>
      <c r="AS26" s="299">
        <v>35340</v>
      </c>
      <c r="AT26" s="300">
        <v>35340</v>
      </c>
      <c r="AU26" s="295">
        <v>0</v>
      </c>
      <c r="AV26" s="296">
        <v>0</v>
      </c>
      <c r="AW26" s="297">
        <v>0</v>
      </c>
      <c r="AX26" s="301"/>
      <c r="AY26" s="296">
        <v>0</v>
      </c>
      <c r="AZ26" s="296">
        <v>0</v>
      </c>
      <c r="BA26" s="296">
        <v>2635</v>
      </c>
      <c r="BB26" s="296">
        <v>24645</v>
      </c>
      <c r="BC26" s="296">
        <v>0</v>
      </c>
      <c r="BD26" s="299">
        <v>27280</v>
      </c>
      <c r="BE26" s="300">
        <v>27280</v>
      </c>
      <c r="BF26" s="295">
        <v>0</v>
      </c>
      <c r="BG26" s="296">
        <v>0</v>
      </c>
      <c r="BH26" s="297">
        <v>0</v>
      </c>
      <c r="BI26" s="301"/>
      <c r="BJ26" s="296">
        <v>0</v>
      </c>
      <c r="BK26" s="296">
        <v>0</v>
      </c>
      <c r="BL26" s="296">
        <v>0</v>
      </c>
      <c r="BM26" s="296">
        <v>0</v>
      </c>
      <c r="BN26" s="296">
        <v>0</v>
      </c>
      <c r="BO26" s="299">
        <v>0</v>
      </c>
      <c r="BP26" s="300">
        <v>0</v>
      </c>
      <c r="BQ26" s="295">
        <v>0</v>
      </c>
      <c r="BR26" s="296">
        <v>580</v>
      </c>
      <c r="BS26" s="297">
        <v>580</v>
      </c>
      <c r="BT26" s="298">
        <v>0</v>
      </c>
      <c r="BU26" s="296">
        <v>35550</v>
      </c>
      <c r="BV26" s="296">
        <v>87043</v>
      </c>
      <c r="BW26" s="296">
        <v>94255</v>
      </c>
      <c r="BX26" s="296">
        <v>85938</v>
      </c>
      <c r="BY26" s="296">
        <v>50110</v>
      </c>
      <c r="BZ26" s="299">
        <v>352896</v>
      </c>
      <c r="CA26" s="300">
        <v>353476</v>
      </c>
      <c r="CB26" s="295">
        <v>0</v>
      </c>
      <c r="CC26" s="296">
        <v>0</v>
      </c>
      <c r="CD26" s="297">
        <v>0</v>
      </c>
      <c r="CE26" s="298">
        <v>0</v>
      </c>
      <c r="CF26" s="296">
        <v>0</v>
      </c>
      <c r="CG26" s="296">
        <v>1466</v>
      </c>
      <c r="CH26" s="296">
        <v>0</v>
      </c>
      <c r="CI26" s="296">
        <v>0</v>
      </c>
      <c r="CJ26" s="296">
        <v>0</v>
      </c>
      <c r="CK26" s="299">
        <v>1466</v>
      </c>
      <c r="CL26" s="300">
        <v>1466</v>
      </c>
      <c r="CM26" s="295">
        <v>0</v>
      </c>
      <c r="CN26" s="296">
        <v>0</v>
      </c>
      <c r="CO26" s="297">
        <v>0</v>
      </c>
      <c r="CP26" s="298">
        <v>0</v>
      </c>
      <c r="CQ26" s="296">
        <v>0</v>
      </c>
      <c r="CR26" s="296">
        <v>0</v>
      </c>
      <c r="CS26" s="296">
        <v>0</v>
      </c>
      <c r="CT26" s="296">
        <v>0</v>
      </c>
      <c r="CU26" s="296">
        <v>0</v>
      </c>
      <c r="CV26" s="299">
        <v>0</v>
      </c>
      <c r="CW26" s="300">
        <v>0</v>
      </c>
      <c r="CX26" s="295">
        <v>0</v>
      </c>
      <c r="CY26" s="296">
        <v>0</v>
      </c>
      <c r="CZ26" s="297">
        <v>0</v>
      </c>
      <c r="DA26" s="301"/>
      <c r="DB26" s="296">
        <v>0</v>
      </c>
      <c r="DC26" s="296">
        <v>0</v>
      </c>
      <c r="DD26" s="296">
        <v>0</v>
      </c>
      <c r="DE26" s="296">
        <v>0</v>
      </c>
      <c r="DF26" s="296">
        <v>0</v>
      </c>
      <c r="DG26" s="299">
        <v>0</v>
      </c>
      <c r="DH26" s="300">
        <v>0</v>
      </c>
      <c r="DI26" s="295">
        <v>4176</v>
      </c>
      <c r="DJ26" s="296">
        <v>2784</v>
      </c>
      <c r="DK26" s="297">
        <v>6960</v>
      </c>
      <c r="DL26" s="298">
        <v>0</v>
      </c>
      <c r="DM26" s="296">
        <v>109059</v>
      </c>
      <c r="DN26" s="296">
        <v>282506</v>
      </c>
      <c r="DO26" s="296">
        <v>939725</v>
      </c>
      <c r="DP26" s="296">
        <v>1456091</v>
      </c>
      <c r="DQ26" s="296">
        <v>819826</v>
      </c>
      <c r="DR26" s="299">
        <v>3607207</v>
      </c>
      <c r="DS26" s="302">
        <v>3614167</v>
      </c>
      <c r="DT26" s="295">
        <v>0</v>
      </c>
      <c r="DU26" s="296">
        <v>0</v>
      </c>
      <c r="DV26" s="297">
        <v>0</v>
      </c>
      <c r="DW26" s="301"/>
      <c r="DX26" s="296">
        <v>33046</v>
      </c>
      <c r="DY26" s="296">
        <v>171151</v>
      </c>
      <c r="DZ26" s="296">
        <v>804499</v>
      </c>
      <c r="EA26" s="296">
        <v>1316153</v>
      </c>
      <c r="EB26" s="296">
        <v>740110</v>
      </c>
      <c r="EC26" s="299">
        <v>3064959</v>
      </c>
      <c r="ED26" s="300">
        <v>3064959</v>
      </c>
      <c r="EE26" s="295">
        <v>0</v>
      </c>
      <c r="EF26" s="296">
        <v>0</v>
      </c>
      <c r="EG26" s="297">
        <v>0</v>
      </c>
      <c r="EH26" s="301"/>
      <c r="EI26" s="296">
        <v>16679</v>
      </c>
      <c r="EJ26" s="296">
        <v>3255</v>
      </c>
      <c r="EK26" s="296">
        <v>3038</v>
      </c>
      <c r="EL26" s="296">
        <v>23798</v>
      </c>
      <c r="EM26" s="296">
        <v>54921</v>
      </c>
      <c r="EN26" s="299">
        <v>101691</v>
      </c>
      <c r="EO26" s="300">
        <v>101691</v>
      </c>
      <c r="EP26" s="295">
        <v>0</v>
      </c>
      <c r="EQ26" s="296">
        <v>0</v>
      </c>
      <c r="ER26" s="297">
        <v>0</v>
      </c>
      <c r="ES26" s="301"/>
      <c r="ET26" s="296">
        <v>0</v>
      </c>
      <c r="EU26" s="296">
        <v>0</v>
      </c>
      <c r="EV26" s="296">
        <v>0</v>
      </c>
      <c r="EW26" s="296">
        <v>434</v>
      </c>
      <c r="EX26" s="296">
        <v>0</v>
      </c>
      <c r="EY26" s="299">
        <v>434</v>
      </c>
      <c r="EZ26" s="300">
        <v>434</v>
      </c>
      <c r="FA26" s="295">
        <v>0</v>
      </c>
      <c r="FB26" s="296">
        <v>0</v>
      </c>
      <c r="FC26" s="297">
        <v>0</v>
      </c>
      <c r="FD26" s="301"/>
      <c r="FE26" s="296">
        <v>0</v>
      </c>
      <c r="FF26" s="296">
        <v>0</v>
      </c>
      <c r="FG26" s="296">
        <v>217</v>
      </c>
      <c r="FH26" s="296">
        <v>217</v>
      </c>
      <c r="FI26" s="296">
        <v>0</v>
      </c>
      <c r="FJ26" s="299">
        <v>434</v>
      </c>
      <c r="FK26" s="300">
        <v>434</v>
      </c>
      <c r="FL26" s="295">
        <v>0</v>
      </c>
      <c r="FM26" s="296">
        <v>0</v>
      </c>
      <c r="FN26" s="297">
        <v>0</v>
      </c>
      <c r="FO26" s="301"/>
      <c r="FP26" s="296">
        <v>0</v>
      </c>
      <c r="FQ26" s="296">
        <v>0</v>
      </c>
      <c r="FR26" s="296">
        <v>0</v>
      </c>
      <c r="FS26" s="296">
        <v>0</v>
      </c>
      <c r="FT26" s="296">
        <v>0</v>
      </c>
      <c r="FU26" s="299">
        <v>0</v>
      </c>
      <c r="FV26" s="300">
        <v>0</v>
      </c>
      <c r="FW26" s="295">
        <v>4176</v>
      </c>
      <c r="FX26" s="296">
        <v>2784</v>
      </c>
      <c r="FY26" s="297">
        <v>6960</v>
      </c>
      <c r="FZ26" s="298">
        <v>0</v>
      </c>
      <c r="GA26" s="296">
        <v>59334</v>
      </c>
      <c r="GB26" s="296">
        <v>108072</v>
      </c>
      <c r="GC26" s="296">
        <v>131971</v>
      </c>
      <c r="GD26" s="296">
        <v>115489</v>
      </c>
      <c r="GE26" s="296">
        <v>24795</v>
      </c>
      <c r="GF26" s="299">
        <v>439661</v>
      </c>
      <c r="GG26" s="300">
        <v>446621</v>
      </c>
      <c r="GH26" s="295">
        <v>0</v>
      </c>
      <c r="GI26" s="296">
        <v>0</v>
      </c>
      <c r="GJ26" s="297">
        <v>0</v>
      </c>
      <c r="GK26" s="298">
        <v>0</v>
      </c>
      <c r="GL26" s="296">
        <v>0</v>
      </c>
      <c r="GM26" s="296">
        <v>28</v>
      </c>
      <c r="GN26" s="296">
        <v>0</v>
      </c>
      <c r="GO26" s="296">
        <v>0</v>
      </c>
      <c r="GP26" s="296">
        <v>0</v>
      </c>
      <c r="GQ26" s="299">
        <v>28</v>
      </c>
      <c r="GR26" s="300">
        <v>28</v>
      </c>
      <c r="GS26" s="295">
        <v>0</v>
      </c>
      <c r="GT26" s="296">
        <v>0</v>
      </c>
      <c r="GU26" s="297">
        <v>0</v>
      </c>
      <c r="GV26" s="298">
        <v>0</v>
      </c>
      <c r="GW26" s="296">
        <v>0</v>
      </c>
      <c r="GX26" s="296">
        <v>0</v>
      </c>
      <c r="GY26" s="296">
        <v>0</v>
      </c>
      <c r="GZ26" s="296">
        <v>0</v>
      </c>
      <c r="HA26" s="296">
        <v>0</v>
      </c>
      <c r="HB26" s="299">
        <v>0</v>
      </c>
      <c r="HC26" s="300">
        <v>0</v>
      </c>
      <c r="HD26" s="295">
        <v>0</v>
      </c>
      <c r="HE26" s="296">
        <v>0</v>
      </c>
      <c r="HF26" s="297">
        <v>0</v>
      </c>
      <c r="HG26" s="301"/>
      <c r="HH26" s="296">
        <v>0</v>
      </c>
      <c r="HI26" s="296">
        <v>0</v>
      </c>
      <c r="HJ26" s="296">
        <v>0</v>
      </c>
      <c r="HK26" s="296">
        <v>0</v>
      </c>
      <c r="HL26" s="296">
        <v>0</v>
      </c>
      <c r="HM26" s="299">
        <v>0</v>
      </c>
      <c r="HN26" s="300">
        <v>0</v>
      </c>
      <c r="HO26" s="295">
        <v>4176</v>
      </c>
      <c r="HP26" s="296">
        <v>3364</v>
      </c>
      <c r="HQ26" s="297">
        <v>7540</v>
      </c>
      <c r="HR26" s="298">
        <v>0</v>
      </c>
      <c r="HS26" s="296">
        <v>285253</v>
      </c>
      <c r="HT26" s="296">
        <v>738360</v>
      </c>
      <c r="HU26" s="296">
        <v>1985145</v>
      </c>
      <c r="HV26" s="296">
        <v>2888014</v>
      </c>
      <c r="HW26" s="296">
        <v>1765363</v>
      </c>
      <c r="HX26" s="299">
        <v>7662135</v>
      </c>
      <c r="HY26" s="300">
        <v>7669675</v>
      </c>
    </row>
    <row r="27" spans="2:233" ht="16.5" customHeight="1" x14ac:dyDescent="0.2">
      <c r="B27" s="293" t="s">
        <v>24</v>
      </c>
      <c r="C27" s="295">
        <v>0</v>
      </c>
      <c r="D27" s="296">
        <v>0</v>
      </c>
      <c r="E27" s="297">
        <v>0</v>
      </c>
      <c r="F27" s="298">
        <v>0</v>
      </c>
      <c r="G27" s="296">
        <v>59226</v>
      </c>
      <c r="H27" s="296">
        <v>47431</v>
      </c>
      <c r="I27" s="296">
        <v>392476</v>
      </c>
      <c r="J27" s="296">
        <v>520094</v>
      </c>
      <c r="K27" s="296">
        <v>394775</v>
      </c>
      <c r="L27" s="299">
        <v>1414002</v>
      </c>
      <c r="M27" s="300">
        <v>1414002</v>
      </c>
      <c r="N27" s="295">
        <v>0</v>
      </c>
      <c r="O27" s="296">
        <v>0</v>
      </c>
      <c r="P27" s="297">
        <v>0</v>
      </c>
      <c r="Q27" s="301"/>
      <c r="R27" s="296">
        <v>0</v>
      </c>
      <c r="S27" s="296">
        <v>0</v>
      </c>
      <c r="T27" s="296">
        <v>242125</v>
      </c>
      <c r="U27" s="296">
        <v>341010</v>
      </c>
      <c r="V27" s="296">
        <v>316470</v>
      </c>
      <c r="W27" s="299">
        <v>899605</v>
      </c>
      <c r="X27" s="300">
        <v>899605</v>
      </c>
      <c r="Y27" s="295">
        <v>0</v>
      </c>
      <c r="Z27" s="296">
        <v>0</v>
      </c>
      <c r="AA27" s="297">
        <v>0</v>
      </c>
      <c r="AB27" s="301"/>
      <c r="AC27" s="296">
        <v>57916</v>
      </c>
      <c r="AD27" s="296">
        <v>10540</v>
      </c>
      <c r="AE27" s="296">
        <v>144235</v>
      </c>
      <c r="AF27" s="296">
        <v>111135</v>
      </c>
      <c r="AG27" s="296">
        <v>70990</v>
      </c>
      <c r="AH27" s="299">
        <v>394816</v>
      </c>
      <c r="AI27" s="300">
        <v>394816</v>
      </c>
      <c r="AJ27" s="295">
        <v>0</v>
      </c>
      <c r="AK27" s="296">
        <v>0</v>
      </c>
      <c r="AL27" s="297">
        <v>0</v>
      </c>
      <c r="AM27" s="301"/>
      <c r="AN27" s="296">
        <v>0</v>
      </c>
      <c r="AO27" s="296">
        <v>0</v>
      </c>
      <c r="AP27" s="296">
        <v>0</v>
      </c>
      <c r="AQ27" s="296">
        <v>0</v>
      </c>
      <c r="AR27" s="296">
        <v>0</v>
      </c>
      <c r="AS27" s="299">
        <v>0</v>
      </c>
      <c r="AT27" s="300">
        <v>0</v>
      </c>
      <c r="AU27" s="295">
        <v>0</v>
      </c>
      <c r="AV27" s="296">
        <v>0</v>
      </c>
      <c r="AW27" s="297">
        <v>0</v>
      </c>
      <c r="AX27" s="301"/>
      <c r="AY27" s="296">
        <v>0</v>
      </c>
      <c r="AZ27" s="296">
        <v>0</v>
      </c>
      <c r="BA27" s="296">
        <v>0</v>
      </c>
      <c r="BB27" s="296">
        <v>0</v>
      </c>
      <c r="BC27" s="296">
        <v>0</v>
      </c>
      <c r="BD27" s="299">
        <v>0</v>
      </c>
      <c r="BE27" s="300">
        <v>0</v>
      </c>
      <c r="BF27" s="295">
        <v>0</v>
      </c>
      <c r="BG27" s="296">
        <v>0</v>
      </c>
      <c r="BH27" s="297">
        <v>0</v>
      </c>
      <c r="BI27" s="301"/>
      <c r="BJ27" s="296">
        <v>0</v>
      </c>
      <c r="BK27" s="296">
        <v>0</v>
      </c>
      <c r="BL27" s="296">
        <v>0</v>
      </c>
      <c r="BM27" s="296">
        <v>0</v>
      </c>
      <c r="BN27" s="296">
        <v>0</v>
      </c>
      <c r="BO27" s="299">
        <v>0</v>
      </c>
      <c r="BP27" s="300">
        <v>0</v>
      </c>
      <c r="BQ27" s="295">
        <v>0</v>
      </c>
      <c r="BR27" s="296">
        <v>0</v>
      </c>
      <c r="BS27" s="297">
        <v>0</v>
      </c>
      <c r="BT27" s="298">
        <v>0</v>
      </c>
      <c r="BU27" s="296">
        <v>0</v>
      </c>
      <c r="BV27" s="296">
        <v>36891</v>
      </c>
      <c r="BW27" s="296">
        <v>3136</v>
      </c>
      <c r="BX27" s="296">
        <v>66095</v>
      </c>
      <c r="BY27" s="296">
        <v>0</v>
      </c>
      <c r="BZ27" s="299">
        <v>106122</v>
      </c>
      <c r="CA27" s="300">
        <v>106122</v>
      </c>
      <c r="CB27" s="295">
        <v>0</v>
      </c>
      <c r="CC27" s="296">
        <v>0</v>
      </c>
      <c r="CD27" s="297">
        <v>0</v>
      </c>
      <c r="CE27" s="298">
        <v>0</v>
      </c>
      <c r="CF27" s="296">
        <v>1310</v>
      </c>
      <c r="CG27" s="296">
        <v>0</v>
      </c>
      <c r="CH27" s="296">
        <v>2980</v>
      </c>
      <c r="CI27" s="296">
        <v>1854</v>
      </c>
      <c r="CJ27" s="296">
        <v>7315</v>
      </c>
      <c r="CK27" s="299">
        <v>13459</v>
      </c>
      <c r="CL27" s="300">
        <v>13459</v>
      </c>
      <c r="CM27" s="295">
        <v>0</v>
      </c>
      <c r="CN27" s="296">
        <v>0</v>
      </c>
      <c r="CO27" s="297">
        <v>0</v>
      </c>
      <c r="CP27" s="298">
        <v>0</v>
      </c>
      <c r="CQ27" s="296">
        <v>0</v>
      </c>
      <c r="CR27" s="296">
        <v>0</v>
      </c>
      <c r="CS27" s="296">
        <v>0</v>
      </c>
      <c r="CT27" s="296">
        <v>0</v>
      </c>
      <c r="CU27" s="296">
        <v>0</v>
      </c>
      <c r="CV27" s="299">
        <v>0</v>
      </c>
      <c r="CW27" s="300">
        <v>0</v>
      </c>
      <c r="CX27" s="295">
        <v>0</v>
      </c>
      <c r="CY27" s="296">
        <v>0</v>
      </c>
      <c r="CZ27" s="297">
        <v>0</v>
      </c>
      <c r="DA27" s="301"/>
      <c r="DB27" s="296">
        <v>0</v>
      </c>
      <c r="DC27" s="296">
        <v>0</v>
      </c>
      <c r="DD27" s="296">
        <v>0</v>
      </c>
      <c r="DE27" s="296">
        <v>0</v>
      </c>
      <c r="DF27" s="296">
        <v>0</v>
      </c>
      <c r="DG27" s="299">
        <v>0</v>
      </c>
      <c r="DH27" s="300">
        <v>0</v>
      </c>
      <c r="DI27" s="295">
        <v>0</v>
      </c>
      <c r="DJ27" s="296">
        <v>0</v>
      </c>
      <c r="DK27" s="297">
        <v>0</v>
      </c>
      <c r="DL27" s="298">
        <v>0</v>
      </c>
      <c r="DM27" s="296">
        <v>35802</v>
      </c>
      <c r="DN27" s="296">
        <v>63521</v>
      </c>
      <c r="DO27" s="296">
        <v>350847</v>
      </c>
      <c r="DP27" s="296">
        <v>706349</v>
      </c>
      <c r="DQ27" s="296">
        <v>557130</v>
      </c>
      <c r="DR27" s="299">
        <v>1713649</v>
      </c>
      <c r="DS27" s="302">
        <v>1713649</v>
      </c>
      <c r="DT27" s="295">
        <v>0</v>
      </c>
      <c r="DU27" s="296">
        <v>0</v>
      </c>
      <c r="DV27" s="297">
        <v>0</v>
      </c>
      <c r="DW27" s="301"/>
      <c r="DX27" s="296">
        <v>0</v>
      </c>
      <c r="DY27" s="296">
        <v>0</v>
      </c>
      <c r="DZ27" s="296">
        <v>313404</v>
      </c>
      <c r="EA27" s="296">
        <v>606754</v>
      </c>
      <c r="EB27" s="296">
        <v>533693</v>
      </c>
      <c r="EC27" s="299">
        <v>1453851</v>
      </c>
      <c r="ED27" s="300">
        <v>1453851</v>
      </c>
      <c r="EE27" s="295">
        <v>0</v>
      </c>
      <c r="EF27" s="296">
        <v>0</v>
      </c>
      <c r="EG27" s="297">
        <v>0</v>
      </c>
      <c r="EH27" s="301"/>
      <c r="EI27" s="296">
        <v>35774</v>
      </c>
      <c r="EJ27" s="296">
        <v>22227</v>
      </c>
      <c r="EK27" s="296">
        <v>34572</v>
      </c>
      <c r="EL27" s="296">
        <v>23746</v>
      </c>
      <c r="EM27" s="296">
        <v>23374</v>
      </c>
      <c r="EN27" s="299">
        <v>139693</v>
      </c>
      <c r="EO27" s="300">
        <v>139693</v>
      </c>
      <c r="EP27" s="295">
        <v>0</v>
      </c>
      <c r="EQ27" s="296">
        <v>0</v>
      </c>
      <c r="ER27" s="297">
        <v>0</v>
      </c>
      <c r="ES27" s="301"/>
      <c r="ET27" s="296">
        <v>0</v>
      </c>
      <c r="EU27" s="296">
        <v>0</v>
      </c>
      <c r="EV27" s="296">
        <v>0</v>
      </c>
      <c r="EW27" s="296">
        <v>0</v>
      </c>
      <c r="EX27" s="296">
        <v>0</v>
      </c>
      <c r="EY27" s="299">
        <v>0</v>
      </c>
      <c r="EZ27" s="300">
        <v>0</v>
      </c>
      <c r="FA27" s="295">
        <v>0</v>
      </c>
      <c r="FB27" s="296">
        <v>0</v>
      </c>
      <c r="FC27" s="297">
        <v>0</v>
      </c>
      <c r="FD27" s="301"/>
      <c r="FE27" s="296">
        <v>0</v>
      </c>
      <c r="FF27" s="296">
        <v>0</v>
      </c>
      <c r="FG27" s="296">
        <v>0</v>
      </c>
      <c r="FH27" s="296">
        <v>0</v>
      </c>
      <c r="FI27" s="296">
        <v>0</v>
      </c>
      <c r="FJ27" s="299">
        <v>0</v>
      </c>
      <c r="FK27" s="300">
        <v>0</v>
      </c>
      <c r="FL27" s="295">
        <v>0</v>
      </c>
      <c r="FM27" s="296">
        <v>0</v>
      </c>
      <c r="FN27" s="297">
        <v>0</v>
      </c>
      <c r="FO27" s="301"/>
      <c r="FP27" s="296">
        <v>0</v>
      </c>
      <c r="FQ27" s="296">
        <v>0</v>
      </c>
      <c r="FR27" s="296">
        <v>0</v>
      </c>
      <c r="FS27" s="296">
        <v>0</v>
      </c>
      <c r="FT27" s="296">
        <v>0</v>
      </c>
      <c r="FU27" s="299">
        <v>0</v>
      </c>
      <c r="FV27" s="300">
        <v>0</v>
      </c>
      <c r="FW27" s="295">
        <v>0</v>
      </c>
      <c r="FX27" s="296">
        <v>0</v>
      </c>
      <c r="FY27" s="297">
        <v>0</v>
      </c>
      <c r="FZ27" s="298">
        <v>0</v>
      </c>
      <c r="GA27" s="296">
        <v>0</v>
      </c>
      <c r="GB27" s="296">
        <v>41294</v>
      </c>
      <c r="GC27" s="296">
        <v>2808</v>
      </c>
      <c r="GD27" s="296">
        <v>75716</v>
      </c>
      <c r="GE27" s="296">
        <v>0</v>
      </c>
      <c r="GF27" s="299">
        <v>119818</v>
      </c>
      <c r="GG27" s="300">
        <v>119818</v>
      </c>
      <c r="GH27" s="295">
        <v>0</v>
      </c>
      <c r="GI27" s="296">
        <v>0</v>
      </c>
      <c r="GJ27" s="297">
        <v>0</v>
      </c>
      <c r="GK27" s="298">
        <v>0</v>
      </c>
      <c r="GL27" s="296">
        <v>28</v>
      </c>
      <c r="GM27" s="296">
        <v>0</v>
      </c>
      <c r="GN27" s="296">
        <v>63</v>
      </c>
      <c r="GO27" s="296">
        <v>133</v>
      </c>
      <c r="GP27" s="296">
        <v>63</v>
      </c>
      <c r="GQ27" s="299">
        <v>287</v>
      </c>
      <c r="GR27" s="300">
        <v>287</v>
      </c>
      <c r="GS27" s="295">
        <v>0</v>
      </c>
      <c r="GT27" s="296">
        <v>0</v>
      </c>
      <c r="GU27" s="297">
        <v>0</v>
      </c>
      <c r="GV27" s="298">
        <v>0</v>
      </c>
      <c r="GW27" s="296">
        <v>0</v>
      </c>
      <c r="GX27" s="296">
        <v>0</v>
      </c>
      <c r="GY27" s="296">
        <v>0</v>
      </c>
      <c r="GZ27" s="296">
        <v>0</v>
      </c>
      <c r="HA27" s="296">
        <v>0</v>
      </c>
      <c r="HB27" s="299">
        <v>0</v>
      </c>
      <c r="HC27" s="300">
        <v>0</v>
      </c>
      <c r="HD27" s="295">
        <v>0</v>
      </c>
      <c r="HE27" s="296">
        <v>0</v>
      </c>
      <c r="HF27" s="297">
        <v>0</v>
      </c>
      <c r="HG27" s="301"/>
      <c r="HH27" s="296">
        <v>0</v>
      </c>
      <c r="HI27" s="296">
        <v>0</v>
      </c>
      <c r="HJ27" s="296">
        <v>0</v>
      </c>
      <c r="HK27" s="296">
        <v>0</v>
      </c>
      <c r="HL27" s="296">
        <v>0</v>
      </c>
      <c r="HM27" s="299">
        <v>0</v>
      </c>
      <c r="HN27" s="300">
        <v>0</v>
      </c>
      <c r="HO27" s="295">
        <v>0</v>
      </c>
      <c r="HP27" s="296">
        <v>0</v>
      </c>
      <c r="HQ27" s="297">
        <v>0</v>
      </c>
      <c r="HR27" s="298">
        <v>0</v>
      </c>
      <c r="HS27" s="296">
        <v>95028</v>
      </c>
      <c r="HT27" s="296">
        <v>110952</v>
      </c>
      <c r="HU27" s="296">
        <v>743323</v>
      </c>
      <c r="HV27" s="296">
        <v>1226443</v>
      </c>
      <c r="HW27" s="296">
        <v>951905</v>
      </c>
      <c r="HX27" s="299">
        <v>3127651</v>
      </c>
      <c r="HY27" s="300">
        <v>3127651</v>
      </c>
    </row>
    <row r="28" spans="2:233" ht="16.5" customHeight="1" x14ac:dyDescent="0.2">
      <c r="B28" s="293" t="s">
        <v>25</v>
      </c>
      <c r="C28" s="295">
        <v>0</v>
      </c>
      <c r="D28" s="296">
        <v>0</v>
      </c>
      <c r="E28" s="297">
        <v>0</v>
      </c>
      <c r="F28" s="298">
        <v>0</v>
      </c>
      <c r="G28" s="296">
        <v>80410</v>
      </c>
      <c r="H28" s="296">
        <v>188095</v>
      </c>
      <c r="I28" s="296">
        <v>546350</v>
      </c>
      <c r="J28" s="296">
        <v>895418</v>
      </c>
      <c r="K28" s="296">
        <v>609925</v>
      </c>
      <c r="L28" s="299">
        <v>2320198</v>
      </c>
      <c r="M28" s="300">
        <v>2320198</v>
      </c>
      <c r="N28" s="295">
        <v>0</v>
      </c>
      <c r="O28" s="296">
        <v>0</v>
      </c>
      <c r="P28" s="297">
        <v>0</v>
      </c>
      <c r="Q28" s="301"/>
      <c r="R28" s="296">
        <v>27280</v>
      </c>
      <c r="S28" s="296">
        <v>43245</v>
      </c>
      <c r="T28" s="296">
        <v>467575</v>
      </c>
      <c r="U28" s="296">
        <v>654535</v>
      </c>
      <c r="V28" s="296">
        <v>501045</v>
      </c>
      <c r="W28" s="299">
        <v>1693680</v>
      </c>
      <c r="X28" s="300">
        <v>1693680</v>
      </c>
      <c r="Y28" s="295">
        <v>0</v>
      </c>
      <c r="Z28" s="296">
        <v>0</v>
      </c>
      <c r="AA28" s="297">
        <v>0</v>
      </c>
      <c r="AB28" s="301"/>
      <c r="AC28" s="296">
        <v>53130</v>
      </c>
      <c r="AD28" s="296">
        <v>130580</v>
      </c>
      <c r="AE28" s="296">
        <v>67890</v>
      </c>
      <c r="AF28" s="296">
        <v>231725</v>
      </c>
      <c r="AG28" s="296">
        <v>98965</v>
      </c>
      <c r="AH28" s="299">
        <v>582290</v>
      </c>
      <c r="AI28" s="300">
        <v>582290</v>
      </c>
      <c r="AJ28" s="295">
        <v>0</v>
      </c>
      <c r="AK28" s="296">
        <v>0</v>
      </c>
      <c r="AL28" s="297">
        <v>0</v>
      </c>
      <c r="AM28" s="301"/>
      <c r="AN28" s="296">
        <v>0</v>
      </c>
      <c r="AO28" s="296">
        <v>0</v>
      </c>
      <c r="AP28" s="296">
        <v>0</v>
      </c>
      <c r="AQ28" s="296">
        <v>0</v>
      </c>
      <c r="AR28" s="296">
        <v>0</v>
      </c>
      <c r="AS28" s="299">
        <v>0</v>
      </c>
      <c r="AT28" s="300">
        <v>0</v>
      </c>
      <c r="AU28" s="295">
        <v>0</v>
      </c>
      <c r="AV28" s="296">
        <v>0</v>
      </c>
      <c r="AW28" s="297">
        <v>0</v>
      </c>
      <c r="AX28" s="301"/>
      <c r="AY28" s="296">
        <v>0</v>
      </c>
      <c r="AZ28" s="296">
        <v>0</v>
      </c>
      <c r="BA28" s="296">
        <v>0</v>
      </c>
      <c r="BB28" s="296">
        <v>0</v>
      </c>
      <c r="BC28" s="296">
        <v>0</v>
      </c>
      <c r="BD28" s="299">
        <v>0</v>
      </c>
      <c r="BE28" s="300">
        <v>0</v>
      </c>
      <c r="BF28" s="295">
        <v>0</v>
      </c>
      <c r="BG28" s="296">
        <v>0</v>
      </c>
      <c r="BH28" s="297">
        <v>0</v>
      </c>
      <c r="BI28" s="301"/>
      <c r="BJ28" s="296">
        <v>0</v>
      </c>
      <c r="BK28" s="296">
        <v>0</v>
      </c>
      <c r="BL28" s="296">
        <v>0</v>
      </c>
      <c r="BM28" s="296">
        <v>0</v>
      </c>
      <c r="BN28" s="296">
        <v>0</v>
      </c>
      <c r="BO28" s="299">
        <v>0</v>
      </c>
      <c r="BP28" s="300">
        <v>0</v>
      </c>
      <c r="BQ28" s="295">
        <v>0</v>
      </c>
      <c r="BR28" s="296">
        <v>0</v>
      </c>
      <c r="BS28" s="297">
        <v>0</v>
      </c>
      <c r="BT28" s="298">
        <v>0</v>
      </c>
      <c r="BU28" s="296">
        <v>0</v>
      </c>
      <c r="BV28" s="296">
        <v>11835</v>
      </c>
      <c r="BW28" s="296">
        <v>10440</v>
      </c>
      <c r="BX28" s="296">
        <v>9158</v>
      </c>
      <c r="BY28" s="296">
        <v>8465</v>
      </c>
      <c r="BZ28" s="299">
        <v>39898</v>
      </c>
      <c r="CA28" s="300">
        <v>39898</v>
      </c>
      <c r="CB28" s="295">
        <v>0</v>
      </c>
      <c r="CC28" s="296">
        <v>0</v>
      </c>
      <c r="CD28" s="297">
        <v>0</v>
      </c>
      <c r="CE28" s="298">
        <v>0</v>
      </c>
      <c r="CF28" s="296">
        <v>0</v>
      </c>
      <c r="CG28" s="296">
        <v>2435</v>
      </c>
      <c r="CH28" s="296">
        <v>445</v>
      </c>
      <c r="CI28" s="296">
        <v>0</v>
      </c>
      <c r="CJ28" s="296">
        <v>1450</v>
      </c>
      <c r="CK28" s="299">
        <v>4330</v>
      </c>
      <c r="CL28" s="300">
        <v>4330</v>
      </c>
      <c r="CM28" s="295">
        <v>0</v>
      </c>
      <c r="CN28" s="296">
        <v>0</v>
      </c>
      <c r="CO28" s="297">
        <v>0</v>
      </c>
      <c r="CP28" s="298">
        <v>0</v>
      </c>
      <c r="CQ28" s="296">
        <v>0</v>
      </c>
      <c r="CR28" s="296">
        <v>0</v>
      </c>
      <c r="CS28" s="296">
        <v>0</v>
      </c>
      <c r="CT28" s="296">
        <v>0</v>
      </c>
      <c r="CU28" s="296">
        <v>0</v>
      </c>
      <c r="CV28" s="299">
        <v>0</v>
      </c>
      <c r="CW28" s="300">
        <v>0</v>
      </c>
      <c r="CX28" s="295">
        <v>0</v>
      </c>
      <c r="CY28" s="296">
        <v>0</v>
      </c>
      <c r="CZ28" s="297">
        <v>0</v>
      </c>
      <c r="DA28" s="301"/>
      <c r="DB28" s="296">
        <v>0</v>
      </c>
      <c r="DC28" s="296">
        <v>0</v>
      </c>
      <c r="DD28" s="296">
        <v>0</v>
      </c>
      <c r="DE28" s="296">
        <v>0</v>
      </c>
      <c r="DF28" s="296">
        <v>0</v>
      </c>
      <c r="DG28" s="299">
        <v>0</v>
      </c>
      <c r="DH28" s="300">
        <v>0</v>
      </c>
      <c r="DI28" s="295">
        <v>0</v>
      </c>
      <c r="DJ28" s="296">
        <v>0</v>
      </c>
      <c r="DK28" s="297">
        <v>0</v>
      </c>
      <c r="DL28" s="298">
        <v>0</v>
      </c>
      <c r="DM28" s="296">
        <v>43369</v>
      </c>
      <c r="DN28" s="296">
        <v>143598</v>
      </c>
      <c r="DO28" s="296">
        <v>613842</v>
      </c>
      <c r="DP28" s="296">
        <v>774812</v>
      </c>
      <c r="DQ28" s="296">
        <v>441191</v>
      </c>
      <c r="DR28" s="299">
        <v>2016812</v>
      </c>
      <c r="DS28" s="302">
        <v>2016812</v>
      </c>
      <c r="DT28" s="295">
        <v>0</v>
      </c>
      <c r="DU28" s="296">
        <v>0</v>
      </c>
      <c r="DV28" s="297">
        <v>0</v>
      </c>
      <c r="DW28" s="301"/>
      <c r="DX28" s="296">
        <v>43152</v>
      </c>
      <c r="DY28" s="296">
        <v>103044</v>
      </c>
      <c r="DZ28" s="296">
        <v>584632</v>
      </c>
      <c r="EA28" s="296">
        <v>722499</v>
      </c>
      <c r="EB28" s="296">
        <v>421219</v>
      </c>
      <c r="EC28" s="299">
        <v>1874546</v>
      </c>
      <c r="ED28" s="300">
        <v>1874546</v>
      </c>
      <c r="EE28" s="295">
        <v>0</v>
      </c>
      <c r="EF28" s="296">
        <v>0</v>
      </c>
      <c r="EG28" s="297">
        <v>0</v>
      </c>
      <c r="EH28" s="301"/>
      <c r="EI28" s="296">
        <v>217</v>
      </c>
      <c r="EJ28" s="296">
        <v>12996</v>
      </c>
      <c r="EK28" s="296">
        <v>868</v>
      </c>
      <c r="EL28" s="296">
        <v>35929</v>
      </c>
      <c r="EM28" s="296">
        <v>12338</v>
      </c>
      <c r="EN28" s="299">
        <v>62348</v>
      </c>
      <c r="EO28" s="300">
        <v>62348</v>
      </c>
      <c r="EP28" s="295">
        <v>0</v>
      </c>
      <c r="EQ28" s="296">
        <v>0</v>
      </c>
      <c r="ER28" s="297">
        <v>0</v>
      </c>
      <c r="ES28" s="301"/>
      <c r="ET28" s="296">
        <v>0</v>
      </c>
      <c r="EU28" s="296">
        <v>0</v>
      </c>
      <c r="EV28" s="296">
        <v>0</v>
      </c>
      <c r="EW28" s="296">
        <v>0</v>
      </c>
      <c r="EX28" s="296">
        <v>0</v>
      </c>
      <c r="EY28" s="299">
        <v>0</v>
      </c>
      <c r="EZ28" s="300">
        <v>0</v>
      </c>
      <c r="FA28" s="295">
        <v>0</v>
      </c>
      <c r="FB28" s="296">
        <v>0</v>
      </c>
      <c r="FC28" s="297">
        <v>0</v>
      </c>
      <c r="FD28" s="301"/>
      <c r="FE28" s="296">
        <v>0</v>
      </c>
      <c r="FF28" s="296">
        <v>0</v>
      </c>
      <c r="FG28" s="296">
        <v>0</v>
      </c>
      <c r="FH28" s="296">
        <v>0</v>
      </c>
      <c r="FI28" s="296">
        <v>0</v>
      </c>
      <c r="FJ28" s="299">
        <v>0</v>
      </c>
      <c r="FK28" s="300">
        <v>0</v>
      </c>
      <c r="FL28" s="295">
        <v>0</v>
      </c>
      <c r="FM28" s="296">
        <v>0</v>
      </c>
      <c r="FN28" s="297">
        <v>0</v>
      </c>
      <c r="FO28" s="301"/>
      <c r="FP28" s="296">
        <v>0</v>
      </c>
      <c r="FQ28" s="296">
        <v>0</v>
      </c>
      <c r="FR28" s="296">
        <v>0</v>
      </c>
      <c r="FS28" s="296">
        <v>0</v>
      </c>
      <c r="FT28" s="296">
        <v>0</v>
      </c>
      <c r="FU28" s="299">
        <v>0</v>
      </c>
      <c r="FV28" s="300">
        <v>0</v>
      </c>
      <c r="FW28" s="295">
        <v>0</v>
      </c>
      <c r="FX28" s="296">
        <v>0</v>
      </c>
      <c r="FY28" s="297">
        <v>0</v>
      </c>
      <c r="FZ28" s="298">
        <v>0</v>
      </c>
      <c r="GA28" s="296">
        <v>0</v>
      </c>
      <c r="GB28" s="296">
        <v>27558</v>
      </c>
      <c r="GC28" s="296">
        <v>28321</v>
      </c>
      <c r="GD28" s="296">
        <v>16384</v>
      </c>
      <c r="GE28" s="296">
        <v>7634</v>
      </c>
      <c r="GF28" s="299">
        <v>79897</v>
      </c>
      <c r="GG28" s="300">
        <v>79897</v>
      </c>
      <c r="GH28" s="295">
        <v>0</v>
      </c>
      <c r="GI28" s="296">
        <v>0</v>
      </c>
      <c r="GJ28" s="297">
        <v>0</v>
      </c>
      <c r="GK28" s="298">
        <v>0</v>
      </c>
      <c r="GL28" s="296">
        <v>0</v>
      </c>
      <c r="GM28" s="296">
        <v>0</v>
      </c>
      <c r="GN28" s="296">
        <v>21</v>
      </c>
      <c r="GO28" s="296">
        <v>0</v>
      </c>
      <c r="GP28" s="296">
        <v>0</v>
      </c>
      <c r="GQ28" s="299">
        <v>21</v>
      </c>
      <c r="GR28" s="300">
        <v>21</v>
      </c>
      <c r="GS28" s="295">
        <v>0</v>
      </c>
      <c r="GT28" s="296">
        <v>0</v>
      </c>
      <c r="GU28" s="297">
        <v>0</v>
      </c>
      <c r="GV28" s="298">
        <v>0</v>
      </c>
      <c r="GW28" s="296">
        <v>0</v>
      </c>
      <c r="GX28" s="296">
        <v>0</v>
      </c>
      <c r="GY28" s="296">
        <v>0</v>
      </c>
      <c r="GZ28" s="296">
        <v>0</v>
      </c>
      <c r="HA28" s="296">
        <v>0</v>
      </c>
      <c r="HB28" s="299">
        <v>0</v>
      </c>
      <c r="HC28" s="300">
        <v>0</v>
      </c>
      <c r="HD28" s="295">
        <v>0</v>
      </c>
      <c r="HE28" s="296">
        <v>0</v>
      </c>
      <c r="HF28" s="297">
        <v>0</v>
      </c>
      <c r="HG28" s="301"/>
      <c r="HH28" s="296">
        <v>0</v>
      </c>
      <c r="HI28" s="296">
        <v>0</v>
      </c>
      <c r="HJ28" s="296">
        <v>0</v>
      </c>
      <c r="HK28" s="296">
        <v>0</v>
      </c>
      <c r="HL28" s="296">
        <v>0</v>
      </c>
      <c r="HM28" s="299">
        <v>0</v>
      </c>
      <c r="HN28" s="300">
        <v>0</v>
      </c>
      <c r="HO28" s="295">
        <v>0</v>
      </c>
      <c r="HP28" s="296">
        <v>0</v>
      </c>
      <c r="HQ28" s="297">
        <v>0</v>
      </c>
      <c r="HR28" s="298">
        <v>0</v>
      </c>
      <c r="HS28" s="296">
        <v>123779</v>
      </c>
      <c r="HT28" s="296">
        <v>331693</v>
      </c>
      <c r="HU28" s="296">
        <v>1160192</v>
      </c>
      <c r="HV28" s="296">
        <v>1670230</v>
      </c>
      <c r="HW28" s="296">
        <v>1051116</v>
      </c>
      <c r="HX28" s="299">
        <v>4337010</v>
      </c>
      <c r="HY28" s="300">
        <v>4337010</v>
      </c>
    </row>
    <row r="29" spans="2:233" ht="16.5" customHeight="1" x14ac:dyDescent="0.2">
      <c r="B29" s="293" t="s">
        <v>26</v>
      </c>
      <c r="C29" s="295">
        <v>0</v>
      </c>
      <c r="D29" s="296">
        <v>2030</v>
      </c>
      <c r="E29" s="297">
        <v>2030</v>
      </c>
      <c r="F29" s="298">
        <v>0</v>
      </c>
      <c r="G29" s="296">
        <v>35340</v>
      </c>
      <c r="H29" s="296">
        <v>178119</v>
      </c>
      <c r="I29" s="296">
        <v>494901</v>
      </c>
      <c r="J29" s="296">
        <v>691908</v>
      </c>
      <c r="K29" s="296">
        <v>412965</v>
      </c>
      <c r="L29" s="299">
        <v>1813233</v>
      </c>
      <c r="M29" s="300">
        <v>1815263</v>
      </c>
      <c r="N29" s="295">
        <v>0</v>
      </c>
      <c r="O29" s="296">
        <v>0</v>
      </c>
      <c r="P29" s="297">
        <v>0</v>
      </c>
      <c r="Q29" s="301"/>
      <c r="R29" s="296">
        <v>0</v>
      </c>
      <c r="S29" s="296">
        <v>34565</v>
      </c>
      <c r="T29" s="296">
        <v>275805</v>
      </c>
      <c r="U29" s="296">
        <v>616054</v>
      </c>
      <c r="V29" s="296">
        <v>394630</v>
      </c>
      <c r="W29" s="299">
        <v>1321054</v>
      </c>
      <c r="X29" s="300">
        <v>1321054</v>
      </c>
      <c r="Y29" s="295">
        <v>0</v>
      </c>
      <c r="Z29" s="296">
        <v>0</v>
      </c>
      <c r="AA29" s="297">
        <v>0</v>
      </c>
      <c r="AB29" s="301"/>
      <c r="AC29" s="296">
        <v>35340</v>
      </c>
      <c r="AD29" s="296">
        <v>124465</v>
      </c>
      <c r="AE29" s="296">
        <v>193355</v>
      </c>
      <c r="AF29" s="296">
        <v>68200</v>
      </c>
      <c r="AG29" s="296">
        <v>2635</v>
      </c>
      <c r="AH29" s="299">
        <v>423995</v>
      </c>
      <c r="AI29" s="300">
        <v>423995</v>
      </c>
      <c r="AJ29" s="295">
        <v>0</v>
      </c>
      <c r="AK29" s="296">
        <v>0</v>
      </c>
      <c r="AL29" s="297">
        <v>0</v>
      </c>
      <c r="AM29" s="301"/>
      <c r="AN29" s="296">
        <v>0</v>
      </c>
      <c r="AO29" s="296">
        <v>0</v>
      </c>
      <c r="AP29" s="296">
        <v>0</v>
      </c>
      <c r="AQ29" s="296">
        <v>0</v>
      </c>
      <c r="AR29" s="296">
        <v>2635</v>
      </c>
      <c r="AS29" s="299">
        <v>2635</v>
      </c>
      <c r="AT29" s="300">
        <v>2635</v>
      </c>
      <c r="AU29" s="295">
        <v>0</v>
      </c>
      <c r="AV29" s="296">
        <v>0</v>
      </c>
      <c r="AW29" s="297">
        <v>0</v>
      </c>
      <c r="AX29" s="301"/>
      <c r="AY29" s="296">
        <v>0</v>
      </c>
      <c r="AZ29" s="296">
        <v>0</v>
      </c>
      <c r="BA29" s="296">
        <v>0</v>
      </c>
      <c r="BB29" s="296">
        <v>0</v>
      </c>
      <c r="BC29" s="296">
        <v>11840</v>
      </c>
      <c r="BD29" s="299">
        <v>11840</v>
      </c>
      <c r="BE29" s="300">
        <v>11840</v>
      </c>
      <c r="BF29" s="295">
        <v>0</v>
      </c>
      <c r="BG29" s="296">
        <v>0</v>
      </c>
      <c r="BH29" s="297">
        <v>0</v>
      </c>
      <c r="BI29" s="301"/>
      <c r="BJ29" s="296">
        <v>0</v>
      </c>
      <c r="BK29" s="296">
        <v>2635</v>
      </c>
      <c r="BL29" s="296">
        <v>0</v>
      </c>
      <c r="BM29" s="296">
        <v>0</v>
      </c>
      <c r="BN29" s="296">
        <v>0</v>
      </c>
      <c r="BO29" s="299">
        <v>2635</v>
      </c>
      <c r="BP29" s="300">
        <v>2635</v>
      </c>
      <c r="BQ29" s="295">
        <v>0</v>
      </c>
      <c r="BR29" s="296">
        <v>2030</v>
      </c>
      <c r="BS29" s="297">
        <v>2030</v>
      </c>
      <c r="BT29" s="298">
        <v>0</v>
      </c>
      <c r="BU29" s="296">
        <v>0</v>
      </c>
      <c r="BV29" s="296">
        <v>12819</v>
      </c>
      <c r="BW29" s="296">
        <v>25641</v>
      </c>
      <c r="BX29" s="296">
        <v>6574</v>
      </c>
      <c r="BY29" s="296">
        <v>1125</v>
      </c>
      <c r="BZ29" s="299">
        <v>46159</v>
      </c>
      <c r="CA29" s="300">
        <v>48189</v>
      </c>
      <c r="CB29" s="295">
        <v>0</v>
      </c>
      <c r="CC29" s="296">
        <v>0</v>
      </c>
      <c r="CD29" s="297">
        <v>0</v>
      </c>
      <c r="CE29" s="298">
        <v>0</v>
      </c>
      <c r="CF29" s="296">
        <v>0</v>
      </c>
      <c r="CG29" s="296">
        <v>3635</v>
      </c>
      <c r="CH29" s="296">
        <v>100</v>
      </c>
      <c r="CI29" s="296">
        <v>1080</v>
      </c>
      <c r="CJ29" s="296">
        <v>100</v>
      </c>
      <c r="CK29" s="299">
        <v>4915</v>
      </c>
      <c r="CL29" s="300">
        <v>4915</v>
      </c>
      <c r="CM29" s="295">
        <v>0</v>
      </c>
      <c r="CN29" s="296">
        <v>0</v>
      </c>
      <c r="CO29" s="297">
        <v>0</v>
      </c>
      <c r="CP29" s="298">
        <v>0</v>
      </c>
      <c r="CQ29" s="296">
        <v>0</v>
      </c>
      <c r="CR29" s="296">
        <v>0</v>
      </c>
      <c r="CS29" s="296">
        <v>0</v>
      </c>
      <c r="CT29" s="296">
        <v>0</v>
      </c>
      <c r="CU29" s="296">
        <v>0</v>
      </c>
      <c r="CV29" s="299">
        <v>0</v>
      </c>
      <c r="CW29" s="300">
        <v>0</v>
      </c>
      <c r="CX29" s="295">
        <v>0</v>
      </c>
      <c r="CY29" s="296">
        <v>0</v>
      </c>
      <c r="CZ29" s="297">
        <v>0</v>
      </c>
      <c r="DA29" s="301"/>
      <c r="DB29" s="296">
        <v>0</v>
      </c>
      <c r="DC29" s="296">
        <v>0</v>
      </c>
      <c r="DD29" s="296">
        <v>0</v>
      </c>
      <c r="DE29" s="296">
        <v>0</v>
      </c>
      <c r="DF29" s="296">
        <v>0</v>
      </c>
      <c r="DG29" s="299">
        <v>0</v>
      </c>
      <c r="DH29" s="300">
        <v>0</v>
      </c>
      <c r="DI29" s="295">
        <v>0</v>
      </c>
      <c r="DJ29" s="296">
        <v>9744</v>
      </c>
      <c r="DK29" s="297">
        <v>9744</v>
      </c>
      <c r="DL29" s="298">
        <v>0</v>
      </c>
      <c r="DM29" s="296">
        <v>434</v>
      </c>
      <c r="DN29" s="296">
        <v>159641</v>
      </c>
      <c r="DO29" s="296">
        <v>460492</v>
      </c>
      <c r="DP29" s="296">
        <v>790957</v>
      </c>
      <c r="DQ29" s="296">
        <v>554592</v>
      </c>
      <c r="DR29" s="299">
        <v>1966116</v>
      </c>
      <c r="DS29" s="302">
        <v>1975860</v>
      </c>
      <c r="DT29" s="295">
        <v>0</v>
      </c>
      <c r="DU29" s="296">
        <v>0</v>
      </c>
      <c r="DV29" s="297">
        <v>0</v>
      </c>
      <c r="DW29" s="301"/>
      <c r="DX29" s="296">
        <v>0</v>
      </c>
      <c r="DY29" s="296">
        <v>98146</v>
      </c>
      <c r="DZ29" s="296">
        <v>375778</v>
      </c>
      <c r="EA29" s="296">
        <v>770062</v>
      </c>
      <c r="EB29" s="296">
        <v>535680</v>
      </c>
      <c r="EC29" s="299">
        <v>1779666</v>
      </c>
      <c r="ED29" s="300">
        <v>1779666</v>
      </c>
      <c r="EE29" s="295">
        <v>0</v>
      </c>
      <c r="EF29" s="296">
        <v>0</v>
      </c>
      <c r="EG29" s="297">
        <v>0</v>
      </c>
      <c r="EH29" s="301"/>
      <c r="EI29" s="296">
        <v>434</v>
      </c>
      <c r="EJ29" s="296">
        <v>24180</v>
      </c>
      <c r="EK29" s="296">
        <v>49941</v>
      </c>
      <c r="EL29" s="296">
        <v>11904</v>
      </c>
      <c r="EM29" s="296">
        <v>217</v>
      </c>
      <c r="EN29" s="299">
        <v>86676</v>
      </c>
      <c r="EO29" s="300">
        <v>86676</v>
      </c>
      <c r="EP29" s="295">
        <v>0</v>
      </c>
      <c r="EQ29" s="296">
        <v>0</v>
      </c>
      <c r="ER29" s="297">
        <v>0</v>
      </c>
      <c r="ES29" s="301"/>
      <c r="ET29" s="296">
        <v>0</v>
      </c>
      <c r="EU29" s="296">
        <v>0</v>
      </c>
      <c r="EV29" s="296">
        <v>0</v>
      </c>
      <c r="EW29" s="296">
        <v>0</v>
      </c>
      <c r="EX29" s="296">
        <v>217</v>
      </c>
      <c r="EY29" s="299">
        <v>217</v>
      </c>
      <c r="EZ29" s="300">
        <v>217</v>
      </c>
      <c r="FA29" s="295">
        <v>0</v>
      </c>
      <c r="FB29" s="296">
        <v>0</v>
      </c>
      <c r="FC29" s="297">
        <v>0</v>
      </c>
      <c r="FD29" s="301"/>
      <c r="FE29" s="296">
        <v>0</v>
      </c>
      <c r="FF29" s="296">
        <v>0</v>
      </c>
      <c r="FG29" s="296">
        <v>0</v>
      </c>
      <c r="FH29" s="296">
        <v>0</v>
      </c>
      <c r="FI29" s="296">
        <v>434</v>
      </c>
      <c r="FJ29" s="299">
        <v>434</v>
      </c>
      <c r="FK29" s="300">
        <v>434</v>
      </c>
      <c r="FL29" s="295">
        <v>0</v>
      </c>
      <c r="FM29" s="296">
        <v>0</v>
      </c>
      <c r="FN29" s="297">
        <v>0</v>
      </c>
      <c r="FO29" s="301"/>
      <c r="FP29" s="296">
        <v>0</v>
      </c>
      <c r="FQ29" s="296">
        <v>21576</v>
      </c>
      <c r="FR29" s="296">
        <v>0</v>
      </c>
      <c r="FS29" s="296">
        <v>0</v>
      </c>
      <c r="FT29" s="296">
        <v>0</v>
      </c>
      <c r="FU29" s="299">
        <v>21576</v>
      </c>
      <c r="FV29" s="300">
        <v>21576</v>
      </c>
      <c r="FW29" s="295">
        <v>0</v>
      </c>
      <c r="FX29" s="296">
        <v>9744</v>
      </c>
      <c r="FY29" s="297">
        <v>9744</v>
      </c>
      <c r="FZ29" s="298">
        <v>0</v>
      </c>
      <c r="GA29" s="296">
        <v>0</v>
      </c>
      <c r="GB29" s="296">
        <v>15676</v>
      </c>
      <c r="GC29" s="296">
        <v>34759</v>
      </c>
      <c r="GD29" s="296">
        <v>8893</v>
      </c>
      <c r="GE29" s="296">
        <v>13332</v>
      </c>
      <c r="GF29" s="299">
        <v>72660</v>
      </c>
      <c r="GG29" s="300">
        <v>82404</v>
      </c>
      <c r="GH29" s="295">
        <v>0</v>
      </c>
      <c r="GI29" s="296">
        <v>0</v>
      </c>
      <c r="GJ29" s="297">
        <v>0</v>
      </c>
      <c r="GK29" s="298">
        <v>0</v>
      </c>
      <c r="GL29" s="296">
        <v>0</v>
      </c>
      <c r="GM29" s="296">
        <v>63</v>
      </c>
      <c r="GN29" s="296">
        <v>14</v>
      </c>
      <c r="GO29" s="296">
        <v>98</v>
      </c>
      <c r="GP29" s="296">
        <v>4712</v>
      </c>
      <c r="GQ29" s="299">
        <v>4887</v>
      </c>
      <c r="GR29" s="300">
        <v>4887</v>
      </c>
      <c r="GS29" s="295">
        <v>0</v>
      </c>
      <c r="GT29" s="296">
        <v>0</v>
      </c>
      <c r="GU29" s="297">
        <v>0</v>
      </c>
      <c r="GV29" s="298">
        <v>0</v>
      </c>
      <c r="GW29" s="296">
        <v>0</v>
      </c>
      <c r="GX29" s="296">
        <v>0</v>
      </c>
      <c r="GY29" s="296">
        <v>0</v>
      </c>
      <c r="GZ29" s="296">
        <v>0</v>
      </c>
      <c r="HA29" s="296">
        <v>0</v>
      </c>
      <c r="HB29" s="299">
        <v>0</v>
      </c>
      <c r="HC29" s="300">
        <v>0</v>
      </c>
      <c r="HD29" s="295">
        <v>0</v>
      </c>
      <c r="HE29" s="296">
        <v>0</v>
      </c>
      <c r="HF29" s="297">
        <v>0</v>
      </c>
      <c r="HG29" s="301"/>
      <c r="HH29" s="296">
        <v>0</v>
      </c>
      <c r="HI29" s="296">
        <v>0</v>
      </c>
      <c r="HJ29" s="296">
        <v>0</v>
      </c>
      <c r="HK29" s="296">
        <v>0</v>
      </c>
      <c r="HL29" s="296">
        <v>0</v>
      </c>
      <c r="HM29" s="299">
        <v>0</v>
      </c>
      <c r="HN29" s="300">
        <v>0</v>
      </c>
      <c r="HO29" s="295">
        <v>0</v>
      </c>
      <c r="HP29" s="296">
        <v>11774</v>
      </c>
      <c r="HQ29" s="297">
        <v>11774</v>
      </c>
      <c r="HR29" s="298">
        <v>0</v>
      </c>
      <c r="HS29" s="296">
        <v>35774</v>
      </c>
      <c r="HT29" s="296">
        <v>337760</v>
      </c>
      <c r="HU29" s="296">
        <v>955393</v>
      </c>
      <c r="HV29" s="296">
        <v>1482865</v>
      </c>
      <c r="HW29" s="296">
        <v>967557</v>
      </c>
      <c r="HX29" s="299">
        <v>3779349</v>
      </c>
      <c r="HY29" s="300">
        <v>3791123</v>
      </c>
    </row>
    <row r="30" spans="2:233" ht="16.5" customHeight="1" x14ac:dyDescent="0.2">
      <c r="B30" s="293" t="s">
        <v>27</v>
      </c>
      <c r="C30" s="295">
        <v>0</v>
      </c>
      <c r="D30" s="296">
        <v>0</v>
      </c>
      <c r="E30" s="297">
        <v>0</v>
      </c>
      <c r="F30" s="298">
        <v>0</v>
      </c>
      <c r="G30" s="296">
        <v>72840</v>
      </c>
      <c r="H30" s="296">
        <v>161330</v>
      </c>
      <c r="I30" s="296">
        <v>709935</v>
      </c>
      <c r="J30" s="296">
        <v>595155</v>
      </c>
      <c r="K30" s="296">
        <v>354545</v>
      </c>
      <c r="L30" s="299">
        <v>1893805</v>
      </c>
      <c r="M30" s="300">
        <v>1893805</v>
      </c>
      <c r="N30" s="295">
        <v>0</v>
      </c>
      <c r="O30" s="296">
        <v>0</v>
      </c>
      <c r="P30" s="297">
        <v>0</v>
      </c>
      <c r="Q30" s="301"/>
      <c r="R30" s="296">
        <v>35340</v>
      </c>
      <c r="S30" s="296">
        <v>32705</v>
      </c>
      <c r="T30" s="296">
        <v>484665</v>
      </c>
      <c r="U30" s="296">
        <v>425325</v>
      </c>
      <c r="V30" s="296">
        <v>305210</v>
      </c>
      <c r="W30" s="299">
        <v>1283245</v>
      </c>
      <c r="X30" s="300">
        <v>1283245</v>
      </c>
      <c r="Y30" s="295">
        <v>0</v>
      </c>
      <c r="Z30" s="296">
        <v>0</v>
      </c>
      <c r="AA30" s="297">
        <v>0</v>
      </c>
      <c r="AB30" s="301"/>
      <c r="AC30" s="296">
        <v>32125</v>
      </c>
      <c r="AD30" s="296">
        <v>128625</v>
      </c>
      <c r="AE30" s="296">
        <v>135295</v>
      </c>
      <c r="AF30" s="296">
        <v>136010</v>
      </c>
      <c r="AG30" s="296">
        <v>35340</v>
      </c>
      <c r="AH30" s="299">
        <v>467395</v>
      </c>
      <c r="AI30" s="300">
        <v>467395</v>
      </c>
      <c r="AJ30" s="295">
        <v>0</v>
      </c>
      <c r="AK30" s="296">
        <v>0</v>
      </c>
      <c r="AL30" s="297">
        <v>0</v>
      </c>
      <c r="AM30" s="301"/>
      <c r="AN30" s="296">
        <v>0</v>
      </c>
      <c r="AO30" s="296">
        <v>0</v>
      </c>
      <c r="AP30" s="296">
        <v>0</v>
      </c>
      <c r="AQ30" s="296">
        <v>0</v>
      </c>
      <c r="AR30" s="296">
        <v>0</v>
      </c>
      <c r="AS30" s="299">
        <v>0</v>
      </c>
      <c r="AT30" s="300">
        <v>0</v>
      </c>
      <c r="AU30" s="295">
        <v>0</v>
      </c>
      <c r="AV30" s="296">
        <v>0</v>
      </c>
      <c r="AW30" s="297">
        <v>0</v>
      </c>
      <c r="AX30" s="301"/>
      <c r="AY30" s="296">
        <v>0</v>
      </c>
      <c r="AZ30" s="296">
        <v>0</v>
      </c>
      <c r="BA30" s="296">
        <v>0</v>
      </c>
      <c r="BB30" s="296">
        <v>0</v>
      </c>
      <c r="BC30" s="296">
        <v>0</v>
      </c>
      <c r="BD30" s="299">
        <v>0</v>
      </c>
      <c r="BE30" s="300">
        <v>0</v>
      </c>
      <c r="BF30" s="295">
        <v>0</v>
      </c>
      <c r="BG30" s="296">
        <v>0</v>
      </c>
      <c r="BH30" s="297">
        <v>0</v>
      </c>
      <c r="BI30" s="301"/>
      <c r="BJ30" s="296">
        <v>0</v>
      </c>
      <c r="BK30" s="296">
        <v>0</v>
      </c>
      <c r="BL30" s="296">
        <v>62620</v>
      </c>
      <c r="BM30" s="296">
        <v>7905</v>
      </c>
      <c r="BN30" s="296">
        <v>0</v>
      </c>
      <c r="BO30" s="299">
        <v>70525</v>
      </c>
      <c r="BP30" s="300">
        <v>70525</v>
      </c>
      <c r="BQ30" s="295">
        <v>0</v>
      </c>
      <c r="BR30" s="296">
        <v>0</v>
      </c>
      <c r="BS30" s="297">
        <v>0</v>
      </c>
      <c r="BT30" s="298">
        <v>0</v>
      </c>
      <c r="BU30" s="296">
        <v>5375</v>
      </c>
      <c r="BV30" s="296">
        <v>0</v>
      </c>
      <c r="BW30" s="296">
        <v>27355</v>
      </c>
      <c r="BX30" s="296">
        <v>25625</v>
      </c>
      <c r="BY30" s="296">
        <v>13995</v>
      </c>
      <c r="BZ30" s="299">
        <v>72350</v>
      </c>
      <c r="CA30" s="300">
        <v>72350</v>
      </c>
      <c r="CB30" s="295">
        <v>0</v>
      </c>
      <c r="CC30" s="296">
        <v>0</v>
      </c>
      <c r="CD30" s="297">
        <v>0</v>
      </c>
      <c r="CE30" s="298">
        <v>0</v>
      </c>
      <c r="CF30" s="296">
        <v>0</v>
      </c>
      <c r="CG30" s="296">
        <v>0</v>
      </c>
      <c r="CH30" s="296">
        <v>0</v>
      </c>
      <c r="CI30" s="296">
        <v>290</v>
      </c>
      <c r="CJ30" s="296">
        <v>0</v>
      </c>
      <c r="CK30" s="299">
        <v>290</v>
      </c>
      <c r="CL30" s="300">
        <v>290</v>
      </c>
      <c r="CM30" s="295">
        <v>0</v>
      </c>
      <c r="CN30" s="296">
        <v>0</v>
      </c>
      <c r="CO30" s="297">
        <v>0</v>
      </c>
      <c r="CP30" s="298">
        <v>0</v>
      </c>
      <c r="CQ30" s="296">
        <v>0</v>
      </c>
      <c r="CR30" s="296">
        <v>0</v>
      </c>
      <c r="CS30" s="296">
        <v>0</v>
      </c>
      <c r="CT30" s="296">
        <v>0</v>
      </c>
      <c r="CU30" s="296">
        <v>0</v>
      </c>
      <c r="CV30" s="299">
        <v>0</v>
      </c>
      <c r="CW30" s="300">
        <v>0</v>
      </c>
      <c r="CX30" s="295">
        <v>0</v>
      </c>
      <c r="CY30" s="296">
        <v>0</v>
      </c>
      <c r="CZ30" s="297">
        <v>0</v>
      </c>
      <c r="DA30" s="301"/>
      <c r="DB30" s="296">
        <v>0</v>
      </c>
      <c r="DC30" s="296">
        <v>0</v>
      </c>
      <c r="DD30" s="296">
        <v>0</v>
      </c>
      <c r="DE30" s="296">
        <v>0</v>
      </c>
      <c r="DF30" s="296">
        <v>0</v>
      </c>
      <c r="DG30" s="299">
        <v>0</v>
      </c>
      <c r="DH30" s="300">
        <v>0</v>
      </c>
      <c r="DI30" s="295">
        <v>0</v>
      </c>
      <c r="DJ30" s="296">
        <v>0</v>
      </c>
      <c r="DK30" s="297">
        <v>0</v>
      </c>
      <c r="DL30" s="298">
        <v>0</v>
      </c>
      <c r="DM30" s="296">
        <v>74397</v>
      </c>
      <c r="DN30" s="296">
        <v>100117</v>
      </c>
      <c r="DO30" s="296">
        <v>680882</v>
      </c>
      <c r="DP30" s="296">
        <v>608380</v>
      </c>
      <c r="DQ30" s="296">
        <v>340697</v>
      </c>
      <c r="DR30" s="299">
        <v>1804473</v>
      </c>
      <c r="DS30" s="302">
        <v>1804473</v>
      </c>
      <c r="DT30" s="295">
        <v>0</v>
      </c>
      <c r="DU30" s="296">
        <v>0</v>
      </c>
      <c r="DV30" s="297">
        <v>0</v>
      </c>
      <c r="DW30" s="301"/>
      <c r="DX30" s="296">
        <v>30070</v>
      </c>
      <c r="DY30" s="296">
        <v>15035</v>
      </c>
      <c r="DZ30" s="296">
        <v>432658</v>
      </c>
      <c r="EA30" s="296">
        <v>437593</v>
      </c>
      <c r="EB30" s="296">
        <v>330078</v>
      </c>
      <c r="EC30" s="299">
        <v>1245434</v>
      </c>
      <c r="ED30" s="300">
        <v>1245434</v>
      </c>
      <c r="EE30" s="295">
        <v>0</v>
      </c>
      <c r="EF30" s="296">
        <v>0</v>
      </c>
      <c r="EG30" s="297">
        <v>0</v>
      </c>
      <c r="EH30" s="301"/>
      <c r="EI30" s="296">
        <v>34587</v>
      </c>
      <c r="EJ30" s="296">
        <v>85082</v>
      </c>
      <c r="EK30" s="296">
        <v>117700</v>
      </c>
      <c r="EL30" s="296">
        <v>57062</v>
      </c>
      <c r="EM30" s="296">
        <v>434</v>
      </c>
      <c r="EN30" s="299">
        <v>294865</v>
      </c>
      <c r="EO30" s="300">
        <v>294865</v>
      </c>
      <c r="EP30" s="295">
        <v>0</v>
      </c>
      <c r="EQ30" s="296">
        <v>0</v>
      </c>
      <c r="ER30" s="297">
        <v>0</v>
      </c>
      <c r="ES30" s="301"/>
      <c r="ET30" s="296">
        <v>0</v>
      </c>
      <c r="EU30" s="296">
        <v>0</v>
      </c>
      <c r="EV30" s="296">
        <v>0</v>
      </c>
      <c r="EW30" s="296">
        <v>0</v>
      </c>
      <c r="EX30" s="296">
        <v>0</v>
      </c>
      <c r="EY30" s="299">
        <v>0</v>
      </c>
      <c r="EZ30" s="300">
        <v>0</v>
      </c>
      <c r="FA30" s="295">
        <v>0</v>
      </c>
      <c r="FB30" s="296">
        <v>0</v>
      </c>
      <c r="FC30" s="297">
        <v>0</v>
      </c>
      <c r="FD30" s="301"/>
      <c r="FE30" s="296">
        <v>0</v>
      </c>
      <c r="FF30" s="296">
        <v>0</v>
      </c>
      <c r="FG30" s="296">
        <v>0</v>
      </c>
      <c r="FH30" s="296">
        <v>161</v>
      </c>
      <c r="FI30" s="296">
        <v>0</v>
      </c>
      <c r="FJ30" s="299">
        <v>161</v>
      </c>
      <c r="FK30" s="300">
        <v>161</v>
      </c>
      <c r="FL30" s="295">
        <v>0</v>
      </c>
      <c r="FM30" s="296">
        <v>0</v>
      </c>
      <c r="FN30" s="297">
        <v>0</v>
      </c>
      <c r="FO30" s="301"/>
      <c r="FP30" s="296">
        <v>0</v>
      </c>
      <c r="FQ30" s="296">
        <v>0</v>
      </c>
      <c r="FR30" s="296">
        <v>101494</v>
      </c>
      <c r="FS30" s="296">
        <v>64728</v>
      </c>
      <c r="FT30" s="296">
        <v>0</v>
      </c>
      <c r="FU30" s="299">
        <v>166222</v>
      </c>
      <c r="FV30" s="300">
        <v>166222</v>
      </c>
      <c r="FW30" s="295">
        <v>0</v>
      </c>
      <c r="FX30" s="296">
        <v>0</v>
      </c>
      <c r="FY30" s="297">
        <v>0</v>
      </c>
      <c r="FZ30" s="298">
        <v>0</v>
      </c>
      <c r="GA30" s="296">
        <v>9740</v>
      </c>
      <c r="GB30" s="296">
        <v>0</v>
      </c>
      <c r="GC30" s="296">
        <v>29030</v>
      </c>
      <c r="GD30" s="296">
        <v>47404</v>
      </c>
      <c r="GE30" s="296">
        <v>10185</v>
      </c>
      <c r="GF30" s="299">
        <v>96359</v>
      </c>
      <c r="GG30" s="300">
        <v>96359</v>
      </c>
      <c r="GH30" s="295">
        <v>0</v>
      </c>
      <c r="GI30" s="296">
        <v>0</v>
      </c>
      <c r="GJ30" s="297">
        <v>0</v>
      </c>
      <c r="GK30" s="298">
        <v>0</v>
      </c>
      <c r="GL30" s="296">
        <v>0</v>
      </c>
      <c r="GM30" s="296">
        <v>0</v>
      </c>
      <c r="GN30" s="296">
        <v>0</v>
      </c>
      <c r="GO30" s="296">
        <v>1432</v>
      </c>
      <c r="GP30" s="296">
        <v>0</v>
      </c>
      <c r="GQ30" s="299">
        <v>1432</v>
      </c>
      <c r="GR30" s="300">
        <v>1432</v>
      </c>
      <c r="GS30" s="295">
        <v>0</v>
      </c>
      <c r="GT30" s="296">
        <v>0</v>
      </c>
      <c r="GU30" s="297">
        <v>0</v>
      </c>
      <c r="GV30" s="298">
        <v>0</v>
      </c>
      <c r="GW30" s="296">
        <v>0</v>
      </c>
      <c r="GX30" s="296">
        <v>0</v>
      </c>
      <c r="GY30" s="296">
        <v>0</v>
      </c>
      <c r="GZ30" s="296">
        <v>0</v>
      </c>
      <c r="HA30" s="296">
        <v>0</v>
      </c>
      <c r="HB30" s="299">
        <v>0</v>
      </c>
      <c r="HC30" s="300">
        <v>0</v>
      </c>
      <c r="HD30" s="295">
        <v>0</v>
      </c>
      <c r="HE30" s="296">
        <v>0</v>
      </c>
      <c r="HF30" s="297">
        <v>0</v>
      </c>
      <c r="HG30" s="301"/>
      <c r="HH30" s="296">
        <v>0</v>
      </c>
      <c r="HI30" s="296">
        <v>0</v>
      </c>
      <c r="HJ30" s="296">
        <v>0</v>
      </c>
      <c r="HK30" s="296">
        <v>0</v>
      </c>
      <c r="HL30" s="296">
        <v>0</v>
      </c>
      <c r="HM30" s="299">
        <v>0</v>
      </c>
      <c r="HN30" s="300">
        <v>0</v>
      </c>
      <c r="HO30" s="295">
        <v>0</v>
      </c>
      <c r="HP30" s="296">
        <v>0</v>
      </c>
      <c r="HQ30" s="297">
        <v>0</v>
      </c>
      <c r="HR30" s="298">
        <v>0</v>
      </c>
      <c r="HS30" s="296">
        <v>147237</v>
      </c>
      <c r="HT30" s="296">
        <v>261447</v>
      </c>
      <c r="HU30" s="296">
        <v>1390817</v>
      </c>
      <c r="HV30" s="296">
        <v>1203535</v>
      </c>
      <c r="HW30" s="296">
        <v>695242</v>
      </c>
      <c r="HX30" s="299">
        <v>3698278</v>
      </c>
      <c r="HY30" s="300">
        <v>3698278</v>
      </c>
    </row>
    <row r="31" spans="2:233" ht="16.5" customHeight="1" x14ac:dyDescent="0.2">
      <c r="B31" s="293" t="s">
        <v>28</v>
      </c>
      <c r="C31" s="295">
        <v>0</v>
      </c>
      <c r="D31" s="296">
        <v>0</v>
      </c>
      <c r="E31" s="297">
        <v>0</v>
      </c>
      <c r="F31" s="298">
        <v>0</v>
      </c>
      <c r="G31" s="296">
        <v>0</v>
      </c>
      <c r="H31" s="296">
        <v>35960</v>
      </c>
      <c r="I31" s="296">
        <v>281025</v>
      </c>
      <c r="J31" s="296">
        <v>143214</v>
      </c>
      <c r="K31" s="296">
        <v>105930</v>
      </c>
      <c r="L31" s="299">
        <v>566129</v>
      </c>
      <c r="M31" s="300">
        <v>566129</v>
      </c>
      <c r="N31" s="295">
        <v>0</v>
      </c>
      <c r="O31" s="296">
        <v>0</v>
      </c>
      <c r="P31" s="297">
        <v>0</v>
      </c>
      <c r="Q31" s="301"/>
      <c r="R31" s="296">
        <v>0</v>
      </c>
      <c r="S31" s="296">
        <v>30690</v>
      </c>
      <c r="T31" s="296">
        <v>192975</v>
      </c>
      <c r="U31" s="296">
        <v>79105</v>
      </c>
      <c r="V31" s="296">
        <v>104790</v>
      </c>
      <c r="W31" s="299">
        <v>407560</v>
      </c>
      <c r="X31" s="300">
        <v>407560</v>
      </c>
      <c r="Y31" s="295">
        <v>0</v>
      </c>
      <c r="Z31" s="296">
        <v>0</v>
      </c>
      <c r="AA31" s="297">
        <v>0</v>
      </c>
      <c r="AB31" s="301"/>
      <c r="AC31" s="296">
        <v>0</v>
      </c>
      <c r="AD31" s="296">
        <v>5270</v>
      </c>
      <c r="AE31" s="296">
        <v>54185</v>
      </c>
      <c r="AF31" s="296">
        <v>59985</v>
      </c>
      <c r="AG31" s="296">
        <v>0</v>
      </c>
      <c r="AH31" s="299">
        <v>119440</v>
      </c>
      <c r="AI31" s="300">
        <v>119440</v>
      </c>
      <c r="AJ31" s="295">
        <v>0</v>
      </c>
      <c r="AK31" s="296">
        <v>0</v>
      </c>
      <c r="AL31" s="297">
        <v>0</v>
      </c>
      <c r="AM31" s="301"/>
      <c r="AN31" s="296">
        <v>0</v>
      </c>
      <c r="AO31" s="296">
        <v>0</v>
      </c>
      <c r="AP31" s="296">
        <v>0</v>
      </c>
      <c r="AQ31" s="296">
        <v>0</v>
      </c>
      <c r="AR31" s="296">
        <v>0</v>
      </c>
      <c r="AS31" s="299">
        <v>0</v>
      </c>
      <c r="AT31" s="300">
        <v>0</v>
      </c>
      <c r="AU31" s="295">
        <v>0</v>
      </c>
      <c r="AV31" s="296">
        <v>0</v>
      </c>
      <c r="AW31" s="297">
        <v>0</v>
      </c>
      <c r="AX31" s="301"/>
      <c r="AY31" s="296">
        <v>0</v>
      </c>
      <c r="AZ31" s="296">
        <v>0</v>
      </c>
      <c r="BA31" s="296">
        <v>0</v>
      </c>
      <c r="BB31" s="296">
        <v>0</v>
      </c>
      <c r="BC31" s="296">
        <v>0</v>
      </c>
      <c r="BD31" s="299">
        <v>0</v>
      </c>
      <c r="BE31" s="300">
        <v>0</v>
      </c>
      <c r="BF31" s="295">
        <v>0</v>
      </c>
      <c r="BG31" s="296">
        <v>0</v>
      </c>
      <c r="BH31" s="297">
        <v>0</v>
      </c>
      <c r="BI31" s="301"/>
      <c r="BJ31" s="296">
        <v>0</v>
      </c>
      <c r="BK31" s="296">
        <v>0</v>
      </c>
      <c r="BL31" s="296">
        <v>32705</v>
      </c>
      <c r="BM31" s="296">
        <v>0</v>
      </c>
      <c r="BN31" s="296">
        <v>0</v>
      </c>
      <c r="BO31" s="299">
        <v>32705</v>
      </c>
      <c r="BP31" s="300">
        <v>32705</v>
      </c>
      <c r="BQ31" s="295">
        <v>0</v>
      </c>
      <c r="BR31" s="296">
        <v>0</v>
      </c>
      <c r="BS31" s="297">
        <v>0</v>
      </c>
      <c r="BT31" s="298">
        <v>0</v>
      </c>
      <c r="BU31" s="296">
        <v>0</v>
      </c>
      <c r="BV31" s="296">
        <v>0</v>
      </c>
      <c r="BW31" s="296">
        <v>1160</v>
      </c>
      <c r="BX31" s="296">
        <v>4124</v>
      </c>
      <c r="BY31" s="296">
        <v>0</v>
      </c>
      <c r="BZ31" s="299">
        <v>5284</v>
      </c>
      <c r="CA31" s="300">
        <v>5284</v>
      </c>
      <c r="CB31" s="295">
        <v>0</v>
      </c>
      <c r="CC31" s="296">
        <v>0</v>
      </c>
      <c r="CD31" s="297">
        <v>0</v>
      </c>
      <c r="CE31" s="298">
        <v>0</v>
      </c>
      <c r="CF31" s="296">
        <v>0</v>
      </c>
      <c r="CG31" s="296">
        <v>0</v>
      </c>
      <c r="CH31" s="296">
        <v>0</v>
      </c>
      <c r="CI31" s="296">
        <v>0</v>
      </c>
      <c r="CJ31" s="296">
        <v>1140</v>
      </c>
      <c r="CK31" s="299">
        <v>1140</v>
      </c>
      <c r="CL31" s="300">
        <v>1140</v>
      </c>
      <c r="CM31" s="295">
        <v>0</v>
      </c>
      <c r="CN31" s="296">
        <v>0</v>
      </c>
      <c r="CO31" s="297">
        <v>0</v>
      </c>
      <c r="CP31" s="298">
        <v>0</v>
      </c>
      <c r="CQ31" s="296">
        <v>0</v>
      </c>
      <c r="CR31" s="296">
        <v>0</v>
      </c>
      <c r="CS31" s="296">
        <v>0</v>
      </c>
      <c r="CT31" s="296">
        <v>0</v>
      </c>
      <c r="CU31" s="296">
        <v>0</v>
      </c>
      <c r="CV31" s="299">
        <v>0</v>
      </c>
      <c r="CW31" s="300">
        <v>0</v>
      </c>
      <c r="CX31" s="295">
        <v>0</v>
      </c>
      <c r="CY31" s="296">
        <v>0</v>
      </c>
      <c r="CZ31" s="297">
        <v>0</v>
      </c>
      <c r="DA31" s="301"/>
      <c r="DB31" s="296">
        <v>0</v>
      </c>
      <c r="DC31" s="296">
        <v>0</v>
      </c>
      <c r="DD31" s="296">
        <v>0</v>
      </c>
      <c r="DE31" s="296">
        <v>0</v>
      </c>
      <c r="DF31" s="296">
        <v>0</v>
      </c>
      <c r="DG31" s="299">
        <v>0</v>
      </c>
      <c r="DH31" s="300">
        <v>0</v>
      </c>
      <c r="DI31" s="295">
        <v>0</v>
      </c>
      <c r="DJ31" s="296">
        <v>0</v>
      </c>
      <c r="DK31" s="297">
        <v>0</v>
      </c>
      <c r="DL31" s="298">
        <v>0</v>
      </c>
      <c r="DM31" s="296">
        <v>0</v>
      </c>
      <c r="DN31" s="296">
        <v>47244</v>
      </c>
      <c r="DO31" s="296">
        <v>164045</v>
      </c>
      <c r="DP31" s="296">
        <v>150253</v>
      </c>
      <c r="DQ31" s="296">
        <v>90984</v>
      </c>
      <c r="DR31" s="299">
        <v>452526</v>
      </c>
      <c r="DS31" s="302">
        <v>452526</v>
      </c>
      <c r="DT31" s="295">
        <v>0</v>
      </c>
      <c r="DU31" s="296">
        <v>0</v>
      </c>
      <c r="DV31" s="297">
        <v>0</v>
      </c>
      <c r="DW31" s="301"/>
      <c r="DX31" s="296">
        <v>0</v>
      </c>
      <c r="DY31" s="296">
        <v>14570</v>
      </c>
      <c r="DZ31" s="296">
        <v>122016</v>
      </c>
      <c r="EA31" s="296">
        <v>118730</v>
      </c>
      <c r="EB31" s="296">
        <v>89910</v>
      </c>
      <c r="EC31" s="299">
        <v>345226</v>
      </c>
      <c r="ED31" s="300">
        <v>345226</v>
      </c>
      <c r="EE31" s="295">
        <v>0</v>
      </c>
      <c r="EF31" s="296">
        <v>0</v>
      </c>
      <c r="EG31" s="297">
        <v>0</v>
      </c>
      <c r="EH31" s="301"/>
      <c r="EI31" s="296">
        <v>0</v>
      </c>
      <c r="EJ31" s="296">
        <v>32674</v>
      </c>
      <c r="EK31" s="296">
        <v>413</v>
      </c>
      <c r="EL31" s="296">
        <v>22413</v>
      </c>
      <c r="EM31" s="296">
        <v>0</v>
      </c>
      <c r="EN31" s="299">
        <v>55500</v>
      </c>
      <c r="EO31" s="300">
        <v>55500</v>
      </c>
      <c r="EP31" s="295">
        <v>0</v>
      </c>
      <c r="EQ31" s="296">
        <v>0</v>
      </c>
      <c r="ER31" s="297">
        <v>0</v>
      </c>
      <c r="ES31" s="301"/>
      <c r="ET31" s="296">
        <v>0</v>
      </c>
      <c r="EU31" s="296">
        <v>0</v>
      </c>
      <c r="EV31" s="296">
        <v>0</v>
      </c>
      <c r="EW31" s="296">
        <v>0</v>
      </c>
      <c r="EX31" s="296">
        <v>0</v>
      </c>
      <c r="EY31" s="299">
        <v>0</v>
      </c>
      <c r="EZ31" s="300">
        <v>0</v>
      </c>
      <c r="FA31" s="295">
        <v>0</v>
      </c>
      <c r="FB31" s="296">
        <v>0</v>
      </c>
      <c r="FC31" s="297">
        <v>0</v>
      </c>
      <c r="FD31" s="301"/>
      <c r="FE31" s="296">
        <v>0</v>
      </c>
      <c r="FF31" s="296">
        <v>0</v>
      </c>
      <c r="FG31" s="296">
        <v>0</v>
      </c>
      <c r="FH31" s="296">
        <v>0</v>
      </c>
      <c r="FI31" s="296">
        <v>0</v>
      </c>
      <c r="FJ31" s="299">
        <v>0</v>
      </c>
      <c r="FK31" s="300">
        <v>0</v>
      </c>
      <c r="FL31" s="295">
        <v>0</v>
      </c>
      <c r="FM31" s="296">
        <v>0</v>
      </c>
      <c r="FN31" s="297">
        <v>0</v>
      </c>
      <c r="FO31" s="301"/>
      <c r="FP31" s="296">
        <v>0</v>
      </c>
      <c r="FQ31" s="296">
        <v>0</v>
      </c>
      <c r="FR31" s="296">
        <v>36766</v>
      </c>
      <c r="FS31" s="296">
        <v>0</v>
      </c>
      <c r="FT31" s="296">
        <v>0</v>
      </c>
      <c r="FU31" s="299">
        <v>36766</v>
      </c>
      <c r="FV31" s="300">
        <v>36766</v>
      </c>
      <c r="FW31" s="295">
        <v>0</v>
      </c>
      <c r="FX31" s="296">
        <v>0</v>
      </c>
      <c r="FY31" s="297">
        <v>0</v>
      </c>
      <c r="FZ31" s="298">
        <v>0</v>
      </c>
      <c r="GA31" s="296">
        <v>0</v>
      </c>
      <c r="GB31" s="296">
        <v>0</v>
      </c>
      <c r="GC31" s="296">
        <v>4850</v>
      </c>
      <c r="GD31" s="296">
        <v>9110</v>
      </c>
      <c r="GE31" s="296">
        <v>0</v>
      </c>
      <c r="GF31" s="299">
        <v>13960</v>
      </c>
      <c r="GG31" s="300">
        <v>13960</v>
      </c>
      <c r="GH31" s="295">
        <v>0</v>
      </c>
      <c r="GI31" s="296">
        <v>0</v>
      </c>
      <c r="GJ31" s="297">
        <v>0</v>
      </c>
      <c r="GK31" s="298">
        <v>0</v>
      </c>
      <c r="GL31" s="296">
        <v>0</v>
      </c>
      <c r="GM31" s="296">
        <v>0</v>
      </c>
      <c r="GN31" s="296">
        <v>0</v>
      </c>
      <c r="GO31" s="296">
        <v>0</v>
      </c>
      <c r="GP31" s="296">
        <v>1074</v>
      </c>
      <c r="GQ31" s="299">
        <v>1074</v>
      </c>
      <c r="GR31" s="300">
        <v>1074</v>
      </c>
      <c r="GS31" s="295">
        <v>0</v>
      </c>
      <c r="GT31" s="296">
        <v>0</v>
      </c>
      <c r="GU31" s="297">
        <v>0</v>
      </c>
      <c r="GV31" s="298">
        <v>0</v>
      </c>
      <c r="GW31" s="296">
        <v>0</v>
      </c>
      <c r="GX31" s="296">
        <v>0</v>
      </c>
      <c r="GY31" s="296">
        <v>0</v>
      </c>
      <c r="GZ31" s="296">
        <v>0</v>
      </c>
      <c r="HA31" s="296">
        <v>0</v>
      </c>
      <c r="HB31" s="299">
        <v>0</v>
      </c>
      <c r="HC31" s="300">
        <v>0</v>
      </c>
      <c r="HD31" s="295">
        <v>0</v>
      </c>
      <c r="HE31" s="296">
        <v>0</v>
      </c>
      <c r="HF31" s="297">
        <v>0</v>
      </c>
      <c r="HG31" s="301"/>
      <c r="HH31" s="296">
        <v>0</v>
      </c>
      <c r="HI31" s="296">
        <v>0</v>
      </c>
      <c r="HJ31" s="296">
        <v>0</v>
      </c>
      <c r="HK31" s="296">
        <v>0</v>
      </c>
      <c r="HL31" s="296">
        <v>0</v>
      </c>
      <c r="HM31" s="299">
        <v>0</v>
      </c>
      <c r="HN31" s="300">
        <v>0</v>
      </c>
      <c r="HO31" s="295">
        <v>0</v>
      </c>
      <c r="HP31" s="296">
        <v>0</v>
      </c>
      <c r="HQ31" s="297">
        <v>0</v>
      </c>
      <c r="HR31" s="298">
        <v>0</v>
      </c>
      <c r="HS31" s="296">
        <v>0</v>
      </c>
      <c r="HT31" s="296">
        <v>83204</v>
      </c>
      <c r="HU31" s="296">
        <v>445070</v>
      </c>
      <c r="HV31" s="296">
        <v>293467</v>
      </c>
      <c r="HW31" s="296">
        <v>196914</v>
      </c>
      <c r="HX31" s="299">
        <v>1018655</v>
      </c>
      <c r="HY31" s="300">
        <v>1018655</v>
      </c>
    </row>
    <row r="32" spans="2:233" ht="16.5" customHeight="1" x14ac:dyDescent="0.2">
      <c r="B32" s="293" t="s">
        <v>29</v>
      </c>
      <c r="C32" s="295">
        <v>0</v>
      </c>
      <c r="D32" s="296">
        <v>0</v>
      </c>
      <c r="E32" s="297">
        <v>0</v>
      </c>
      <c r="F32" s="298">
        <v>0</v>
      </c>
      <c r="G32" s="296">
        <v>5185</v>
      </c>
      <c r="H32" s="296">
        <v>135430</v>
      </c>
      <c r="I32" s="296">
        <v>283304</v>
      </c>
      <c r="J32" s="296">
        <v>462787</v>
      </c>
      <c r="K32" s="296">
        <v>238840</v>
      </c>
      <c r="L32" s="299">
        <v>1125546</v>
      </c>
      <c r="M32" s="300">
        <v>1125546</v>
      </c>
      <c r="N32" s="295">
        <v>0</v>
      </c>
      <c r="O32" s="296">
        <v>0</v>
      </c>
      <c r="P32" s="297">
        <v>0</v>
      </c>
      <c r="Q32" s="301"/>
      <c r="R32" s="296">
        <v>0</v>
      </c>
      <c r="S32" s="296">
        <v>0</v>
      </c>
      <c r="T32" s="296">
        <v>175347</v>
      </c>
      <c r="U32" s="296">
        <v>245125</v>
      </c>
      <c r="V32" s="296">
        <v>160890</v>
      </c>
      <c r="W32" s="299">
        <v>581362</v>
      </c>
      <c r="X32" s="300">
        <v>581362</v>
      </c>
      <c r="Y32" s="295">
        <v>0</v>
      </c>
      <c r="Z32" s="296">
        <v>0</v>
      </c>
      <c r="AA32" s="297">
        <v>0</v>
      </c>
      <c r="AB32" s="301"/>
      <c r="AC32" s="296">
        <v>5185</v>
      </c>
      <c r="AD32" s="296">
        <v>114700</v>
      </c>
      <c r="AE32" s="296">
        <v>51840</v>
      </c>
      <c r="AF32" s="296">
        <v>53625</v>
      </c>
      <c r="AG32" s="296">
        <v>2635</v>
      </c>
      <c r="AH32" s="299">
        <v>227985</v>
      </c>
      <c r="AI32" s="300">
        <v>227985</v>
      </c>
      <c r="AJ32" s="295">
        <v>0</v>
      </c>
      <c r="AK32" s="296">
        <v>0</v>
      </c>
      <c r="AL32" s="297">
        <v>0</v>
      </c>
      <c r="AM32" s="301"/>
      <c r="AN32" s="296">
        <v>0</v>
      </c>
      <c r="AO32" s="296">
        <v>0</v>
      </c>
      <c r="AP32" s="296">
        <v>0</v>
      </c>
      <c r="AQ32" s="296">
        <v>0</v>
      </c>
      <c r="AR32" s="296">
        <v>0</v>
      </c>
      <c r="AS32" s="299">
        <v>0</v>
      </c>
      <c r="AT32" s="300">
        <v>0</v>
      </c>
      <c r="AU32" s="295">
        <v>0</v>
      </c>
      <c r="AV32" s="296">
        <v>0</v>
      </c>
      <c r="AW32" s="297">
        <v>0</v>
      </c>
      <c r="AX32" s="301"/>
      <c r="AY32" s="296">
        <v>0</v>
      </c>
      <c r="AZ32" s="296">
        <v>0</v>
      </c>
      <c r="BA32" s="296">
        <v>0</v>
      </c>
      <c r="BB32" s="296">
        <v>0</v>
      </c>
      <c r="BC32" s="296">
        <v>0</v>
      </c>
      <c r="BD32" s="299">
        <v>0</v>
      </c>
      <c r="BE32" s="300">
        <v>0</v>
      </c>
      <c r="BF32" s="295">
        <v>0</v>
      </c>
      <c r="BG32" s="296">
        <v>0</v>
      </c>
      <c r="BH32" s="297">
        <v>0</v>
      </c>
      <c r="BI32" s="301"/>
      <c r="BJ32" s="296">
        <v>0</v>
      </c>
      <c r="BK32" s="296">
        <v>2635</v>
      </c>
      <c r="BL32" s="296">
        <v>7905</v>
      </c>
      <c r="BM32" s="296">
        <v>158250</v>
      </c>
      <c r="BN32" s="296">
        <v>74155</v>
      </c>
      <c r="BO32" s="299">
        <v>242945</v>
      </c>
      <c r="BP32" s="300">
        <v>242945</v>
      </c>
      <c r="BQ32" s="295">
        <v>0</v>
      </c>
      <c r="BR32" s="296">
        <v>0</v>
      </c>
      <c r="BS32" s="297">
        <v>0</v>
      </c>
      <c r="BT32" s="298">
        <v>0</v>
      </c>
      <c r="BU32" s="296">
        <v>0</v>
      </c>
      <c r="BV32" s="296">
        <v>15620</v>
      </c>
      <c r="BW32" s="296">
        <v>48067</v>
      </c>
      <c r="BX32" s="296">
        <v>5787</v>
      </c>
      <c r="BY32" s="296">
        <v>1160</v>
      </c>
      <c r="BZ32" s="299">
        <v>70634</v>
      </c>
      <c r="CA32" s="300">
        <v>70634</v>
      </c>
      <c r="CB32" s="295">
        <v>0</v>
      </c>
      <c r="CC32" s="296">
        <v>0</v>
      </c>
      <c r="CD32" s="297">
        <v>0</v>
      </c>
      <c r="CE32" s="298">
        <v>0</v>
      </c>
      <c r="CF32" s="296">
        <v>0</v>
      </c>
      <c r="CG32" s="296">
        <v>2475</v>
      </c>
      <c r="CH32" s="296">
        <v>145</v>
      </c>
      <c r="CI32" s="296">
        <v>0</v>
      </c>
      <c r="CJ32" s="296">
        <v>0</v>
      </c>
      <c r="CK32" s="299">
        <v>2620</v>
      </c>
      <c r="CL32" s="300">
        <v>2620</v>
      </c>
      <c r="CM32" s="295">
        <v>0</v>
      </c>
      <c r="CN32" s="296">
        <v>0</v>
      </c>
      <c r="CO32" s="297">
        <v>0</v>
      </c>
      <c r="CP32" s="298">
        <v>0</v>
      </c>
      <c r="CQ32" s="296">
        <v>0</v>
      </c>
      <c r="CR32" s="296">
        <v>0</v>
      </c>
      <c r="CS32" s="296">
        <v>0</v>
      </c>
      <c r="CT32" s="296">
        <v>0</v>
      </c>
      <c r="CU32" s="296">
        <v>0</v>
      </c>
      <c r="CV32" s="299">
        <v>0</v>
      </c>
      <c r="CW32" s="300">
        <v>0</v>
      </c>
      <c r="CX32" s="295">
        <v>0</v>
      </c>
      <c r="CY32" s="296">
        <v>0</v>
      </c>
      <c r="CZ32" s="297">
        <v>0</v>
      </c>
      <c r="DA32" s="301"/>
      <c r="DB32" s="296">
        <v>0</v>
      </c>
      <c r="DC32" s="296">
        <v>0</v>
      </c>
      <c r="DD32" s="296">
        <v>0</v>
      </c>
      <c r="DE32" s="296">
        <v>0</v>
      </c>
      <c r="DF32" s="296">
        <v>0</v>
      </c>
      <c r="DG32" s="299">
        <v>0</v>
      </c>
      <c r="DH32" s="300">
        <v>0</v>
      </c>
      <c r="DI32" s="295">
        <v>0</v>
      </c>
      <c r="DJ32" s="296">
        <v>0</v>
      </c>
      <c r="DK32" s="297">
        <v>0</v>
      </c>
      <c r="DL32" s="298">
        <v>0</v>
      </c>
      <c r="DM32" s="296">
        <v>427</v>
      </c>
      <c r="DN32" s="296">
        <v>79368</v>
      </c>
      <c r="DO32" s="296">
        <v>265136</v>
      </c>
      <c r="DP32" s="296">
        <v>447358</v>
      </c>
      <c r="DQ32" s="296">
        <v>208677</v>
      </c>
      <c r="DR32" s="299">
        <v>1000966</v>
      </c>
      <c r="DS32" s="302">
        <v>1000966</v>
      </c>
      <c r="DT32" s="295">
        <v>0</v>
      </c>
      <c r="DU32" s="296">
        <v>0</v>
      </c>
      <c r="DV32" s="297">
        <v>0</v>
      </c>
      <c r="DW32" s="301"/>
      <c r="DX32" s="296">
        <v>0</v>
      </c>
      <c r="DY32" s="296">
        <v>0</v>
      </c>
      <c r="DZ32" s="296">
        <v>159878</v>
      </c>
      <c r="EA32" s="296">
        <v>257269</v>
      </c>
      <c r="EB32" s="296">
        <v>123411</v>
      </c>
      <c r="EC32" s="299">
        <v>540558</v>
      </c>
      <c r="ED32" s="300">
        <v>540558</v>
      </c>
      <c r="EE32" s="295">
        <v>0</v>
      </c>
      <c r="EF32" s="296">
        <v>0</v>
      </c>
      <c r="EG32" s="297">
        <v>0</v>
      </c>
      <c r="EH32" s="301"/>
      <c r="EI32" s="296">
        <v>427</v>
      </c>
      <c r="EJ32" s="296">
        <v>48050</v>
      </c>
      <c r="EK32" s="296">
        <v>613</v>
      </c>
      <c r="EL32" s="296">
        <v>602</v>
      </c>
      <c r="EM32" s="296">
        <v>217</v>
      </c>
      <c r="EN32" s="299">
        <v>49909</v>
      </c>
      <c r="EO32" s="300">
        <v>49909</v>
      </c>
      <c r="EP32" s="295">
        <v>0</v>
      </c>
      <c r="EQ32" s="296">
        <v>0</v>
      </c>
      <c r="ER32" s="297">
        <v>0</v>
      </c>
      <c r="ES32" s="301"/>
      <c r="ET32" s="296">
        <v>0</v>
      </c>
      <c r="EU32" s="296">
        <v>0</v>
      </c>
      <c r="EV32" s="296">
        <v>0</v>
      </c>
      <c r="EW32" s="296">
        <v>0</v>
      </c>
      <c r="EX32" s="296">
        <v>0</v>
      </c>
      <c r="EY32" s="299">
        <v>0</v>
      </c>
      <c r="EZ32" s="300">
        <v>0</v>
      </c>
      <c r="FA32" s="295">
        <v>0</v>
      </c>
      <c r="FB32" s="296">
        <v>0</v>
      </c>
      <c r="FC32" s="297">
        <v>0</v>
      </c>
      <c r="FD32" s="301"/>
      <c r="FE32" s="296">
        <v>0</v>
      </c>
      <c r="FF32" s="296">
        <v>0</v>
      </c>
      <c r="FG32" s="296">
        <v>0</v>
      </c>
      <c r="FH32" s="296">
        <v>0</v>
      </c>
      <c r="FI32" s="296">
        <v>0</v>
      </c>
      <c r="FJ32" s="299">
        <v>0</v>
      </c>
      <c r="FK32" s="300">
        <v>0</v>
      </c>
      <c r="FL32" s="295">
        <v>0</v>
      </c>
      <c r="FM32" s="296">
        <v>0</v>
      </c>
      <c r="FN32" s="297">
        <v>0</v>
      </c>
      <c r="FO32" s="301"/>
      <c r="FP32" s="296">
        <v>0</v>
      </c>
      <c r="FQ32" s="296">
        <v>21576</v>
      </c>
      <c r="FR32" s="296">
        <v>64728</v>
      </c>
      <c r="FS32" s="296">
        <v>183830</v>
      </c>
      <c r="FT32" s="296">
        <v>81188</v>
      </c>
      <c r="FU32" s="299">
        <v>351322</v>
      </c>
      <c r="FV32" s="300">
        <v>351322</v>
      </c>
      <c r="FW32" s="295">
        <v>0</v>
      </c>
      <c r="FX32" s="296">
        <v>0</v>
      </c>
      <c r="FY32" s="297">
        <v>0</v>
      </c>
      <c r="FZ32" s="298">
        <v>0</v>
      </c>
      <c r="GA32" s="296">
        <v>0</v>
      </c>
      <c r="GB32" s="296">
        <v>9700</v>
      </c>
      <c r="GC32" s="296">
        <v>39903</v>
      </c>
      <c r="GD32" s="296">
        <v>5657</v>
      </c>
      <c r="GE32" s="296">
        <v>3861</v>
      </c>
      <c r="GF32" s="299">
        <v>59121</v>
      </c>
      <c r="GG32" s="300">
        <v>59121</v>
      </c>
      <c r="GH32" s="295">
        <v>0</v>
      </c>
      <c r="GI32" s="296">
        <v>0</v>
      </c>
      <c r="GJ32" s="297">
        <v>0</v>
      </c>
      <c r="GK32" s="298">
        <v>0</v>
      </c>
      <c r="GL32" s="296">
        <v>0</v>
      </c>
      <c r="GM32" s="296">
        <v>42</v>
      </c>
      <c r="GN32" s="296">
        <v>14</v>
      </c>
      <c r="GO32" s="296">
        <v>0</v>
      </c>
      <c r="GP32" s="296">
        <v>0</v>
      </c>
      <c r="GQ32" s="299">
        <v>56</v>
      </c>
      <c r="GR32" s="300">
        <v>56</v>
      </c>
      <c r="GS32" s="295">
        <v>0</v>
      </c>
      <c r="GT32" s="296">
        <v>0</v>
      </c>
      <c r="GU32" s="297">
        <v>0</v>
      </c>
      <c r="GV32" s="298">
        <v>0</v>
      </c>
      <c r="GW32" s="296">
        <v>0</v>
      </c>
      <c r="GX32" s="296">
        <v>0</v>
      </c>
      <c r="GY32" s="296">
        <v>0</v>
      </c>
      <c r="GZ32" s="296">
        <v>0</v>
      </c>
      <c r="HA32" s="296">
        <v>0</v>
      </c>
      <c r="HB32" s="299">
        <v>0</v>
      </c>
      <c r="HC32" s="300">
        <v>0</v>
      </c>
      <c r="HD32" s="295">
        <v>0</v>
      </c>
      <c r="HE32" s="296">
        <v>0</v>
      </c>
      <c r="HF32" s="297">
        <v>0</v>
      </c>
      <c r="HG32" s="301"/>
      <c r="HH32" s="296">
        <v>0</v>
      </c>
      <c r="HI32" s="296">
        <v>0</v>
      </c>
      <c r="HJ32" s="296">
        <v>0</v>
      </c>
      <c r="HK32" s="296">
        <v>0</v>
      </c>
      <c r="HL32" s="296">
        <v>0</v>
      </c>
      <c r="HM32" s="299">
        <v>0</v>
      </c>
      <c r="HN32" s="300">
        <v>0</v>
      </c>
      <c r="HO32" s="295">
        <v>0</v>
      </c>
      <c r="HP32" s="296">
        <v>0</v>
      </c>
      <c r="HQ32" s="297">
        <v>0</v>
      </c>
      <c r="HR32" s="298">
        <v>0</v>
      </c>
      <c r="HS32" s="296">
        <v>5612</v>
      </c>
      <c r="HT32" s="296">
        <v>214798</v>
      </c>
      <c r="HU32" s="296">
        <v>548440</v>
      </c>
      <c r="HV32" s="296">
        <v>910145</v>
      </c>
      <c r="HW32" s="296">
        <v>447517</v>
      </c>
      <c r="HX32" s="299">
        <v>2126512</v>
      </c>
      <c r="HY32" s="300">
        <v>2126512</v>
      </c>
    </row>
    <row r="33" spans="2:233" ht="16.5" customHeight="1" x14ac:dyDescent="0.2">
      <c r="B33" s="293" t="s">
        <v>30</v>
      </c>
      <c r="C33" s="295">
        <v>0</v>
      </c>
      <c r="D33" s="296">
        <v>0</v>
      </c>
      <c r="E33" s="297">
        <v>0</v>
      </c>
      <c r="F33" s="298">
        <v>0</v>
      </c>
      <c r="G33" s="296">
        <v>64870</v>
      </c>
      <c r="H33" s="296">
        <v>46290</v>
      </c>
      <c r="I33" s="296">
        <v>249835</v>
      </c>
      <c r="J33" s="296">
        <v>315135</v>
      </c>
      <c r="K33" s="296">
        <v>309790</v>
      </c>
      <c r="L33" s="299">
        <v>985920</v>
      </c>
      <c r="M33" s="300">
        <v>985920</v>
      </c>
      <c r="N33" s="295">
        <v>0</v>
      </c>
      <c r="O33" s="296">
        <v>0</v>
      </c>
      <c r="P33" s="297">
        <v>0</v>
      </c>
      <c r="Q33" s="301"/>
      <c r="R33" s="296">
        <v>2635</v>
      </c>
      <c r="S33" s="296">
        <v>20920</v>
      </c>
      <c r="T33" s="296">
        <v>203980</v>
      </c>
      <c r="U33" s="296">
        <v>163440</v>
      </c>
      <c r="V33" s="296">
        <v>271075</v>
      </c>
      <c r="W33" s="299">
        <v>662050</v>
      </c>
      <c r="X33" s="300">
        <v>662050</v>
      </c>
      <c r="Y33" s="295">
        <v>0</v>
      </c>
      <c r="Z33" s="296">
        <v>0</v>
      </c>
      <c r="AA33" s="297">
        <v>0</v>
      </c>
      <c r="AB33" s="301"/>
      <c r="AC33" s="296">
        <v>59985</v>
      </c>
      <c r="AD33" s="296">
        <v>24645</v>
      </c>
      <c r="AE33" s="296">
        <v>45710</v>
      </c>
      <c r="AF33" s="296">
        <v>149505</v>
      </c>
      <c r="AG33" s="296">
        <v>0</v>
      </c>
      <c r="AH33" s="299">
        <v>279845</v>
      </c>
      <c r="AI33" s="300">
        <v>279845</v>
      </c>
      <c r="AJ33" s="295">
        <v>0</v>
      </c>
      <c r="AK33" s="296">
        <v>0</v>
      </c>
      <c r="AL33" s="297">
        <v>0</v>
      </c>
      <c r="AM33" s="301"/>
      <c r="AN33" s="296">
        <v>0</v>
      </c>
      <c r="AO33" s="296">
        <v>0</v>
      </c>
      <c r="AP33" s="296">
        <v>0</v>
      </c>
      <c r="AQ33" s="296">
        <v>0</v>
      </c>
      <c r="AR33" s="296">
        <v>0</v>
      </c>
      <c r="AS33" s="299">
        <v>0</v>
      </c>
      <c r="AT33" s="300">
        <v>0</v>
      </c>
      <c r="AU33" s="295">
        <v>0</v>
      </c>
      <c r="AV33" s="296">
        <v>0</v>
      </c>
      <c r="AW33" s="297">
        <v>0</v>
      </c>
      <c r="AX33" s="301"/>
      <c r="AY33" s="296">
        <v>0</v>
      </c>
      <c r="AZ33" s="296">
        <v>0</v>
      </c>
      <c r="BA33" s="296">
        <v>0</v>
      </c>
      <c r="BB33" s="296">
        <v>0</v>
      </c>
      <c r="BC33" s="296">
        <v>0</v>
      </c>
      <c r="BD33" s="299">
        <v>0</v>
      </c>
      <c r="BE33" s="300">
        <v>0</v>
      </c>
      <c r="BF33" s="295">
        <v>0</v>
      </c>
      <c r="BG33" s="296">
        <v>0</v>
      </c>
      <c r="BH33" s="297">
        <v>0</v>
      </c>
      <c r="BI33" s="301"/>
      <c r="BJ33" s="296">
        <v>0</v>
      </c>
      <c r="BK33" s="296">
        <v>0</v>
      </c>
      <c r="BL33" s="296">
        <v>0</v>
      </c>
      <c r="BM33" s="296">
        <v>0</v>
      </c>
      <c r="BN33" s="296">
        <v>0</v>
      </c>
      <c r="BO33" s="299">
        <v>0</v>
      </c>
      <c r="BP33" s="300">
        <v>0</v>
      </c>
      <c r="BQ33" s="295">
        <v>0</v>
      </c>
      <c r="BR33" s="296">
        <v>0</v>
      </c>
      <c r="BS33" s="297">
        <v>0</v>
      </c>
      <c r="BT33" s="298">
        <v>0</v>
      </c>
      <c r="BU33" s="296">
        <v>2250</v>
      </c>
      <c r="BV33" s="296">
        <v>725</v>
      </c>
      <c r="BW33" s="296">
        <v>0</v>
      </c>
      <c r="BX33" s="296">
        <v>2190</v>
      </c>
      <c r="BY33" s="296">
        <v>38715</v>
      </c>
      <c r="BZ33" s="299">
        <v>43880</v>
      </c>
      <c r="CA33" s="300">
        <v>43880</v>
      </c>
      <c r="CB33" s="295">
        <v>0</v>
      </c>
      <c r="CC33" s="296">
        <v>0</v>
      </c>
      <c r="CD33" s="297">
        <v>0</v>
      </c>
      <c r="CE33" s="298">
        <v>0</v>
      </c>
      <c r="CF33" s="296">
        <v>0</v>
      </c>
      <c r="CG33" s="296">
        <v>0</v>
      </c>
      <c r="CH33" s="296">
        <v>145</v>
      </c>
      <c r="CI33" s="296">
        <v>0</v>
      </c>
      <c r="CJ33" s="296">
        <v>0</v>
      </c>
      <c r="CK33" s="299">
        <v>145</v>
      </c>
      <c r="CL33" s="300">
        <v>145</v>
      </c>
      <c r="CM33" s="295">
        <v>0</v>
      </c>
      <c r="CN33" s="296">
        <v>0</v>
      </c>
      <c r="CO33" s="297">
        <v>0</v>
      </c>
      <c r="CP33" s="298">
        <v>0</v>
      </c>
      <c r="CQ33" s="296">
        <v>0</v>
      </c>
      <c r="CR33" s="296">
        <v>0</v>
      </c>
      <c r="CS33" s="296">
        <v>0</v>
      </c>
      <c r="CT33" s="296">
        <v>0</v>
      </c>
      <c r="CU33" s="296">
        <v>0</v>
      </c>
      <c r="CV33" s="299">
        <v>0</v>
      </c>
      <c r="CW33" s="300">
        <v>0</v>
      </c>
      <c r="CX33" s="295">
        <v>0</v>
      </c>
      <c r="CY33" s="296">
        <v>0</v>
      </c>
      <c r="CZ33" s="297">
        <v>0</v>
      </c>
      <c r="DA33" s="301"/>
      <c r="DB33" s="296">
        <v>0</v>
      </c>
      <c r="DC33" s="296">
        <v>0</v>
      </c>
      <c r="DD33" s="296">
        <v>0</v>
      </c>
      <c r="DE33" s="296">
        <v>0</v>
      </c>
      <c r="DF33" s="296">
        <v>0</v>
      </c>
      <c r="DG33" s="299">
        <v>0</v>
      </c>
      <c r="DH33" s="300">
        <v>0</v>
      </c>
      <c r="DI33" s="295">
        <v>0</v>
      </c>
      <c r="DJ33" s="296">
        <v>0</v>
      </c>
      <c r="DK33" s="297">
        <v>0</v>
      </c>
      <c r="DL33" s="298">
        <v>0</v>
      </c>
      <c r="DM33" s="296">
        <v>64761</v>
      </c>
      <c r="DN33" s="296">
        <v>40319</v>
      </c>
      <c r="DO33" s="296">
        <v>357374</v>
      </c>
      <c r="DP33" s="296">
        <v>243165</v>
      </c>
      <c r="DQ33" s="296">
        <v>307935</v>
      </c>
      <c r="DR33" s="299">
        <v>1013554</v>
      </c>
      <c r="DS33" s="302">
        <v>1013554</v>
      </c>
      <c r="DT33" s="295">
        <v>0</v>
      </c>
      <c r="DU33" s="296">
        <v>0</v>
      </c>
      <c r="DV33" s="297">
        <v>0</v>
      </c>
      <c r="DW33" s="301"/>
      <c r="DX33" s="296">
        <v>21576</v>
      </c>
      <c r="DY33" s="296">
        <v>32731</v>
      </c>
      <c r="DZ33" s="296">
        <v>303149</v>
      </c>
      <c r="EA33" s="296">
        <v>226829</v>
      </c>
      <c r="EB33" s="296">
        <v>276696</v>
      </c>
      <c r="EC33" s="299">
        <v>860981</v>
      </c>
      <c r="ED33" s="300">
        <v>860981</v>
      </c>
      <c r="EE33" s="295">
        <v>0</v>
      </c>
      <c r="EF33" s="296">
        <v>0</v>
      </c>
      <c r="EG33" s="297">
        <v>0</v>
      </c>
      <c r="EH33" s="301"/>
      <c r="EI33" s="296">
        <v>36952</v>
      </c>
      <c r="EJ33" s="296">
        <v>217</v>
      </c>
      <c r="EK33" s="296">
        <v>53509</v>
      </c>
      <c r="EL33" s="296">
        <v>12778</v>
      </c>
      <c r="EM33" s="296">
        <v>0</v>
      </c>
      <c r="EN33" s="299">
        <v>103456</v>
      </c>
      <c r="EO33" s="300">
        <v>103456</v>
      </c>
      <c r="EP33" s="295">
        <v>0</v>
      </c>
      <c r="EQ33" s="296">
        <v>0</v>
      </c>
      <c r="ER33" s="297">
        <v>0</v>
      </c>
      <c r="ES33" s="301"/>
      <c r="ET33" s="296">
        <v>0</v>
      </c>
      <c r="EU33" s="296">
        <v>0</v>
      </c>
      <c r="EV33" s="296">
        <v>0</v>
      </c>
      <c r="EW33" s="296">
        <v>0</v>
      </c>
      <c r="EX33" s="296">
        <v>0</v>
      </c>
      <c r="EY33" s="299">
        <v>0</v>
      </c>
      <c r="EZ33" s="300">
        <v>0</v>
      </c>
      <c r="FA33" s="295">
        <v>0</v>
      </c>
      <c r="FB33" s="296">
        <v>0</v>
      </c>
      <c r="FC33" s="297">
        <v>0</v>
      </c>
      <c r="FD33" s="301"/>
      <c r="FE33" s="296">
        <v>0</v>
      </c>
      <c r="FF33" s="296">
        <v>0</v>
      </c>
      <c r="FG33" s="296">
        <v>0</v>
      </c>
      <c r="FH33" s="296">
        <v>0</v>
      </c>
      <c r="FI33" s="296">
        <v>0</v>
      </c>
      <c r="FJ33" s="299">
        <v>0</v>
      </c>
      <c r="FK33" s="300">
        <v>0</v>
      </c>
      <c r="FL33" s="295">
        <v>0</v>
      </c>
      <c r="FM33" s="296">
        <v>0</v>
      </c>
      <c r="FN33" s="297">
        <v>0</v>
      </c>
      <c r="FO33" s="301"/>
      <c r="FP33" s="296">
        <v>0</v>
      </c>
      <c r="FQ33" s="296">
        <v>0</v>
      </c>
      <c r="FR33" s="296">
        <v>0</v>
      </c>
      <c r="FS33" s="296">
        <v>0</v>
      </c>
      <c r="FT33" s="296">
        <v>0</v>
      </c>
      <c r="FU33" s="299">
        <v>0</v>
      </c>
      <c r="FV33" s="300">
        <v>0</v>
      </c>
      <c r="FW33" s="295">
        <v>0</v>
      </c>
      <c r="FX33" s="296">
        <v>0</v>
      </c>
      <c r="FY33" s="297">
        <v>0</v>
      </c>
      <c r="FZ33" s="298">
        <v>0</v>
      </c>
      <c r="GA33" s="296">
        <v>6233</v>
      </c>
      <c r="GB33" s="296">
        <v>7371</v>
      </c>
      <c r="GC33" s="296">
        <v>0</v>
      </c>
      <c r="GD33" s="296">
        <v>3558</v>
      </c>
      <c r="GE33" s="296">
        <v>31239</v>
      </c>
      <c r="GF33" s="299">
        <v>48401</v>
      </c>
      <c r="GG33" s="300">
        <v>48401</v>
      </c>
      <c r="GH33" s="295">
        <v>0</v>
      </c>
      <c r="GI33" s="296">
        <v>0</v>
      </c>
      <c r="GJ33" s="297">
        <v>0</v>
      </c>
      <c r="GK33" s="298">
        <v>0</v>
      </c>
      <c r="GL33" s="296">
        <v>0</v>
      </c>
      <c r="GM33" s="296">
        <v>0</v>
      </c>
      <c r="GN33" s="296">
        <v>716</v>
      </c>
      <c r="GO33" s="296">
        <v>0</v>
      </c>
      <c r="GP33" s="296">
        <v>0</v>
      </c>
      <c r="GQ33" s="299">
        <v>716</v>
      </c>
      <c r="GR33" s="300">
        <v>716</v>
      </c>
      <c r="GS33" s="295">
        <v>0</v>
      </c>
      <c r="GT33" s="296">
        <v>0</v>
      </c>
      <c r="GU33" s="297">
        <v>0</v>
      </c>
      <c r="GV33" s="298">
        <v>0</v>
      </c>
      <c r="GW33" s="296">
        <v>0</v>
      </c>
      <c r="GX33" s="296">
        <v>0</v>
      </c>
      <c r="GY33" s="296">
        <v>0</v>
      </c>
      <c r="GZ33" s="296">
        <v>0</v>
      </c>
      <c r="HA33" s="296">
        <v>0</v>
      </c>
      <c r="HB33" s="299">
        <v>0</v>
      </c>
      <c r="HC33" s="300">
        <v>0</v>
      </c>
      <c r="HD33" s="295">
        <v>0</v>
      </c>
      <c r="HE33" s="296">
        <v>0</v>
      </c>
      <c r="HF33" s="297">
        <v>0</v>
      </c>
      <c r="HG33" s="301"/>
      <c r="HH33" s="296">
        <v>0</v>
      </c>
      <c r="HI33" s="296">
        <v>0</v>
      </c>
      <c r="HJ33" s="296">
        <v>0</v>
      </c>
      <c r="HK33" s="296">
        <v>0</v>
      </c>
      <c r="HL33" s="296">
        <v>0</v>
      </c>
      <c r="HM33" s="299">
        <v>0</v>
      </c>
      <c r="HN33" s="300">
        <v>0</v>
      </c>
      <c r="HO33" s="295">
        <v>0</v>
      </c>
      <c r="HP33" s="296">
        <v>0</v>
      </c>
      <c r="HQ33" s="297">
        <v>0</v>
      </c>
      <c r="HR33" s="298">
        <v>0</v>
      </c>
      <c r="HS33" s="296">
        <v>129631</v>
      </c>
      <c r="HT33" s="296">
        <v>86609</v>
      </c>
      <c r="HU33" s="296">
        <v>607209</v>
      </c>
      <c r="HV33" s="296">
        <v>558300</v>
      </c>
      <c r="HW33" s="296">
        <v>617725</v>
      </c>
      <c r="HX33" s="299">
        <v>1999474</v>
      </c>
      <c r="HY33" s="300">
        <v>1999474</v>
      </c>
    </row>
    <row r="34" spans="2:233" ht="16.5" customHeight="1" x14ac:dyDescent="0.2">
      <c r="B34" s="293" t="s">
        <v>31</v>
      </c>
      <c r="C34" s="295">
        <v>0</v>
      </c>
      <c r="D34" s="296">
        <v>0</v>
      </c>
      <c r="E34" s="297">
        <v>0</v>
      </c>
      <c r="F34" s="298">
        <v>0</v>
      </c>
      <c r="G34" s="296">
        <v>25225</v>
      </c>
      <c r="H34" s="296">
        <v>114910</v>
      </c>
      <c r="I34" s="296">
        <v>294280</v>
      </c>
      <c r="J34" s="296">
        <v>134480</v>
      </c>
      <c r="K34" s="296">
        <v>178475</v>
      </c>
      <c r="L34" s="299">
        <v>747370</v>
      </c>
      <c r="M34" s="300">
        <v>747370</v>
      </c>
      <c r="N34" s="295">
        <v>0</v>
      </c>
      <c r="O34" s="296">
        <v>0</v>
      </c>
      <c r="P34" s="297">
        <v>0</v>
      </c>
      <c r="Q34" s="301"/>
      <c r="R34" s="296">
        <v>0</v>
      </c>
      <c r="S34" s="296">
        <v>0</v>
      </c>
      <c r="T34" s="296">
        <v>206785</v>
      </c>
      <c r="U34" s="296">
        <v>123940</v>
      </c>
      <c r="V34" s="296">
        <v>165100</v>
      </c>
      <c r="W34" s="299">
        <v>495825</v>
      </c>
      <c r="X34" s="300">
        <v>495825</v>
      </c>
      <c r="Y34" s="295">
        <v>0</v>
      </c>
      <c r="Z34" s="296">
        <v>0</v>
      </c>
      <c r="AA34" s="297">
        <v>0</v>
      </c>
      <c r="AB34" s="301"/>
      <c r="AC34" s="296">
        <v>24645</v>
      </c>
      <c r="AD34" s="296">
        <v>97960</v>
      </c>
      <c r="AE34" s="296">
        <v>40610</v>
      </c>
      <c r="AF34" s="296">
        <v>10540</v>
      </c>
      <c r="AG34" s="296">
        <v>0</v>
      </c>
      <c r="AH34" s="299">
        <v>173755</v>
      </c>
      <c r="AI34" s="300">
        <v>173755</v>
      </c>
      <c r="AJ34" s="295">
        <v>0</v>
      </c>
      <c r="AK34" s="296">
        <v>0</v>
      </c>
      <c r="AL34" s="297">
        <v>0</v>
      </c>
      <c r="AM34" s="301"/>
      <c r="AN34" s="296">
        <v>0</v>
      </c>
      <c r="AO34" s="296">
        <v>0</v>
      </c>
      <c r="AP34" s="296">
        <v>0</v>
      </c>
      <c r="AQ34" s="296">
        <v>0</v>
      </c>
      <c r="AR34" s="296">
        <v>0</v>
      </c>
      <c r="AS34" s="299">
        <v>0</v>
      </c>
      <c r="AT34" s="300">
        <v>0</v>
      </c>
      <c r="AU34" s="295">
        <v>0</v>
      </c>
      <c r="AV34" s="296">
        <v>0</v>
      </c>
      <c r="AW34" s="297">
        <v>0</v>
      </c>
      <c r="AX34" s="301"/>
      <c r="AY34" s="296">
        <v>0</v>
      </c>
      <c r="AZ34" s="296">
        <v>0</v>
      </c>
      <c r="BA34" s="296">
        <v>0</v>
      </c>
      <c r="BB34" s="296">
        <v>0</v>
      </c>
      <c r="BC34" s="296">
        <v>9495</v>
      </c>
      <c r="BD34" s="299">
        <v>9495</v>
      </c>
      <c r="BE34" s="300">
        <v>9495</v>
      </c>
      <c r="BF34" s="295">
        <v>0</v>
      </c>
      <c r="BG34" s="296">
        <v>0</v>
      </c>
      <c r="BH34" s="297">
        <v>0</v>
      </c>
      <c r="BI34" s="301"/>
      <c r="BJ34" s="296">
        <v>0</v>
      </c>
      <c r="BK34" s="296">
        <v>0</v>
      </c>
      <c r="BL34" s="296">
        <v>0</v>
      </c>
      <c r="BM34" s="296">
        <v>0</v>
      </c>
      <c r="BN34" s="296">
        <v>0</v>
      </c>
      <c r="BO34" s="299">
        <v>0</v>
      </c>
      <c r="BP34" s="300">
        <v>0</v>
      </c>
      <c r="BQ34" s="295">
        <v>0</v>
      </c>
      <c r="BR34" s="296">
        <v>0</v>
      </c>
      <c r="BS34" s="297">
        <v>0</v>
      </c>
      <c r="BT34" s="298">
        <v>0</v>
      </c>
      <c r="BU34" s="296">
        <v>580</v>
      </c>
      <c r="BV34" s="296">
        <v>16225</v>
      </c>
      <c r="BW34" s="296">
        <v>46885</v>
      </c>
      <c r="BX34" s="296">
        <v>0</v>
      </c>
      <c r="BY34" s="296">
        <v>3880</v>
      </c>
      <c r="BZ34" s="299">
        <v>67570</v>
      </c>
      <c r="CA34" s="300">
        <v>67570</v>
      </c>
      <c r="CB34" s="295">
        <v>0</v>
      </c>
      <c r="CC34" s="296">
        <v>0</v>
      </c>
      <c r="CD34" s="297">
        <v>0</v>
      </c>
      <c r="CE34" s="298">
        <v>0</v>
      </c>
      <c r="CF34" s="296">
        <v>0</v>
      </c>
      <c r="CG34" s="296">
        <v>725</v>
      </c>
      <c r="CH34" s="296">
        <v>0</v>
      </c>
      <c r="CI34" s="296">
        <v>0</v>
      </c>
      <c r="CJ34" s="296">
        <v>0</v>
      </c>
      <c r="CK34" s="299">
        <v>725</v>
      </c>
      <c r="CL34" s="300">
        <v>725</v>
      </c>
      <c r="CM34" s="295">
        <v>0</v>
      </c>
      <c r="CN34" s="296">
        <v>0</v>
      </c>
      <c r="CO34" s="297">
        <v>0</v>
      </c>
      <c r="CP34" s="298">
        <v>0</v>
      </c>
      <c r="CQ34" s="296">
        <v>0</v>
      </c>
      <c r="CR34" s="296">
        <v>0</v>
      </c>
      <c r="CS34" s="296">
        <v>0</v>
      </c>
      <c r="CT34" s="296">
        <v>0</v>
      </c>
      <c r="CU34" s="296">
        <v>0</v>
      </c>
      <c r="CV34" s="299">
        <v>0</v>
      </c>
      <c r="CW34" s="300">
        <v>0</v>
      </c>
      <c r="CX34" s="295">
        <v>0</v>
      </c>
      <c r="CY34" s="296">
        <v>0</v>
      </c>
      <c r="CZ34" s="297">
        <v>0</v>
      </c>
      <c r="DA34" s="301"/>
      <c r="DB34" s="296">
        <v>0</v>
      </c>
      <c r="DC34" s="296">
        <v>0</v>
      </c>
      <c r="DD34" s="296">
        <v>0</v>
      </c>
      <c r="DE34" s="296">
        <v>0</v>
      </c>
      <c r="DF34" s="296">
        <v>0</v>
      </c>
      <c r="DG34" s="299">
        <v>0</v>
      </c>
      <c r="DH34" s="300">
        <v>0</v>
      </c>
      <c r="DI34" s="295">
        <v>0</v>
      </c>
      <c r="DJ34" s="296">
        <v>0</v>
      </c>
      <c r="DK34" s="297">
        <v>0</v>
      </c>
      <c r="DL34" s="298">
        <v>0</v>
      </c>
      <c r="DM34" s="296">
        <v>2674</v>
      </c>
      <c r="DN34" s="296">
        <v>19572</v>
      </c>
      <c r="DO34" s="296">
        <v>356264</v>
      </c>
      <c r="DP34" s="296">
        <v>238974</v>
      </c>
      <c r="DQ34" s="296">
        <v>211873</v>
      </c>
      <c r="DR34" s="299">
        <v>829357</v>
      </c>
      <c r="DS34" s="302">
        <v>829357</v>
      </c>
      <c r="DT34" s="295">
        <v>0</v>
      </c>
      <c r="DU34" s="296">
        <v>0</v>
      </c>
      <c r="DV34" s="297">
        <v>0</v>
      </c>
      <c r="DW34" s="301"/>
      <c r="DX34" s="296">
        <v>0</v>
      </c>
      <c r="DY34" s="296">
        <v>0</v>
      </c>
      <c r="DZ34" s="296">
        <v>308811</v>
      </c>
      <c r="EA34" s="296">
        <v>238106</v>
      </c>
      <c r="EB34" s="296">
        <v>170339</v>
      </c>
      <c r="EC34" s="299">
        <v>717256</v>
      </c>
      <c r="ED34" s="300">
        <v>717256</v>
      </c>
      <c r="EE34" s="295">
        <v>0</v>
      </c>
      <c r="EF34" s="296">
        <v>0</v>
      </c>
      <c r="EG34" s="297">
        <v>0</v>
      </c>
      <c r="EH34" s="301"/>
      <c r="EI34" s="296">
        <v>217</v>
      </c>
      <c r="EJ34" s="296">
        <v>1271</v>
      </c>
      <c r="EK34" s="296">
        <v>837</v>
      </c>
      <c r="EL34" s="296">
        <v>868</v>
      </c>
      <c r="EM34" s="296">
        <v>0</v>
      </c>
      <c r="EN34" s="299">
        <v>3193</v>
      </c>
      <c r="EO34" s="300">
        <v>3193</v>
      </c>
      <c r="EP34" s="295">
        <v>0</v>
      </c>
      <c r="EQ34" s="296">
        <v>0</v>
      </c>
      <c r="ER34" s="297">
        <v>0</v>
      </c>
      <c r="ES34" s="301"/>
      <c r="ET34" s="296">
        <v>0</v>
      </c>
      <c r="EU34" s="296">
        <v>0</v>
      </c>
      <c r="EV34" s="296">
        <v>0</v>
      </c>
      <c r="EW34" s="296">
        <v>0</v>
      </c>
      <c r="EX34" s="296">
        <v>0</v>
      </c>
      <c r="EY34" s="299">
        <v>0</v>
      </c>
      <c r="EZ34" s="300">
        <v>0</v>
      </c>
      <c r="FA34" s="295">
        <v>0</v>
      </c>
      <c r="FB34" s="296">
        <v>0</v>
      </c>
      <c r="FC34" s="297">
        <v>0</v>
      </c>
      <c r="FD34" s="301"/>
      <c r="FE34" s="296">
        <v>0</v>
      </c>
      <c r="FF34" s="296">
        <v>0</v>
      </c>
      <c r="FG34" s="296">
        <v>0</v>
      </c>
      <c r="FH34" s="296">
        <v>0</v>
      </c>
      <c r="FI34" s="296">
        <v>36518</v>
      </c>
      <c r="FJ34" s="299">
        <v>36518</v>
      </c>
      <c r="FK34" s="300">
        <v>36518</v>
      </c>
      <c r="FL34" s="295">
        <v>0</v>
      </c>
      <c r="FM34" s="296">
        <v>0</v>
      </c>
      <c r="FN34" s="297">
        <v>0</v>
      </c>
      <c r="FO34" s="301"/>
      <c r="FP34" s="296">
        <v>0</v>
      </c>
      <c r="FQ34" s="296">
        <v>0</v>
      </c>
      <c r="FR34" s="296">
        <v>0</v>
      </c>
      <c r="FS34" s="296">
        <v>0</v>
      </c>
      <c r="FT34" s="296">
        <v>0</v>
      </c>
      <c r="FU34" s="299">
        <v>0</v>
      </c>
      <c r="FV34" s="300">
        <v>0</v>
      </c>
      <c r="FW34" s="295">
        <v>0</v>
      </c>
      <c r="FX34" s="296">
        <v>0</v>
      </c>
      <c r="FY34" s="297">
        <v>0</v>
      </c>
      <c r="FZ34" s="298">
        <v>0</v>
      </c>
      <c r="GA34" s="296">
        <v>2457</v>
      </c>
      <c r="GB34" s="296">
        <v>15795</v>
      </c>
      <c r="GC34" s="296">
        <v>46616</v>
      </c>
      <c r="GD34" s="296">
        <v>0</v>
      </c>
      <c r="GE34" s="296">
        <v>5016</v>
      </c>
      <c r="GF34" s="299">
        <v>69884</v>
      </c>
      <c r="GG34" s="300">
        <v>69884</v>
      </c>
      <c r="GH34" s="295">
        <v>0</v>
      </c>
      <c r="GI34" s="296">
        <v>0</v>
      </c>
      <c r="GJ34" s="297">
        <v>0</v>
      </c>
      <c r="GK34" s="298">
        <v>0</v>
      </c>
      <c r="GL34" s="296">
        <v>0</v>
      </c>
      <c r="GM34" s="296">
        <v>2506</v>
      </c>
      <c r="GN34" s="296">
        <v>0</v>
      </c>
      <c r="GO34" s="296">
        <v>0</v>
      </c>
      <c r="GP34" s="296">
        <v>0</v>
      </c>
      <c r="GQ34" s="299">
        <v>2506</v>
      </c>
      <c r="GR34" s="300">
        <v>2506</v>
      </c>
      <c r="GS34" s="295">
        <v>0</v>
      </c>
      <c r="GT34" s="296">
        <v>0</v>
      </c>
      <c r="GU34" s="297">
        <v>0</v>
      </c>
      <c r="GV34" s="298">
        <v>0</v>
      </c>
      <c r="GW34" s="296">
        <v>0</v>
      </c>
      <c r="GX34" s="296">
        <v>0</v>
      </c>
      <c r="GY34" s="296">
        <v>0</v>
      </c>
      <c r="GZ34" s="296">
        <v>0</v>
      </c>
      <c r="HA34" s="296">
        <v>0</v>
      </c>
      <c r="HB34" s="299">
        <v>0</v>
      </c>
      <c r="HC34" s="300">
        <v>0</v>
      </c>
      <c r="HD34" s="295">
        <v>0</v>
      </c>
      <c r="HE34" s="296">
        <v>0</v>
      </c>
      <c r="HF34" s="297">
        <v>0</v>
      </c>
      <c r="HG34" s="301"/>
      <c r="HH34" s="296">
        <v>0</v>
      </c>
      <c r="HI34" s="296">
        <v>0</v>
      </c>
      <c r="HJ34" s="296">
        <v>0</v>
      </c>
      <c r="HK34" s="296">
        <v>0</v>
      </c>
      <c r="HL34" s="296">
        <v>0</v>
      </c>
      <c r="HM34" s="299">
        <v>0</v>
      </c>
      <c r="HN34" s="300">
        <v>0</v>
      </c>
      <c r="HO34" s="295">
        <v>0</v>
      </c>
      <c r="HP34" s="296">
        <v>0</v>
      </c>
      <c r="HQ34" s="297">
        <v>0</v>
      </c>
      <c r="HR34" s="298">
        <v>0</v>
      </c>
      <c r="HS34" s="296">
        <v>27899</v>
      </c>
      <c r="HT34" s="296">
        <v>134482</v>
      </c>
      <c r="HU34" s="296">
        <v>650544</v>
      </c>
      <c r="HV34" s="296">
        <v>373454</v>
      </c>
      <c r="HW34" s="296">
        <v>390348</v>
      </c>
      <c r="HX34" s="299">
        <v>1576727</v>
      </c>
      <c r="HY34" s="300">
        <v>1576727</v>
      </c>
    </row>
    <row r="35" spans="2:233" ht="16.5" customHeight="1" x14ac:dyDescent="0.2">
      <c r="B35" s="293" t="s">
        <v>32</v>
      </c>
      <c r="C35" s="295">
        <v>0</v>
      </c>
      <c r="D35" s="296">
        <v>0</v>
      </c>
      <c r="E35" s="297">
        <v>0</v>
      </c>
      <c r="F35" s="298">
        <v>0</v>
      </c>
      <c r="G35" s="296">
        <v>2635</v>
      </c>
      <c r="H35" s="296">
        <v>115266</v>
      </c>
      <c r="I35" s="296">
        <v>436920</v>
      </c>
      <c r="J35" s="296">
        <v>376816</v>
      </c>
      <c r="K35" s="296">
        <v>134655</v>
      </c>
      <c r="L35" s="299">
        <v>1066292</v>
      </c>
      <c r="M35" s="300">
        <v>1066292</v>
      </c>
      <c r="N35" s="295">
        <v>0</v>
      </c>
      <c r="O35" s="296">
        <v>0</v>
      </c>
      <c r="P35" s="297">
        <v>0</v>
      </c>
      <c r="Q35" s="301"/>
      <c r="R35" s="296">
        <v>0</v>
      </c>
      <c r="S35" s="296">
        <v>32060</v>
      </c>
      <c r="T35" s="296">
        <v>138880</v>
      </c>
      <c r="U35" s="296">
        <v>195856</v>
      </c>
      <c r="V35" s="296">
        <v>27280</v>
      </c>
      <c r="W35" s="299">
        <v>394076</v>
      </c>
      <c r="X35" s="300">
        <v>394076</v>
      </c>
      <c r="Y35" s="295">
        <v>0</v>
      </c>
      <c r="Z35" s="296">
        <v>0</v>
      </c>
      <c r="AA35" s="297">
        <v>0</v>
      </c>
      <c r="AB35" s="301"/>
      <c r="AC35" s="296">
        <v>2635</v>
      </c>
      <c r="AD35" s="296">
        <v>74490</v>
      </c>
      <c r="AE35" s="296">
        <v>43245</v>
      </c>
      <c r="AF35" s="296">
        <v>144085</v>
      </c>
      <c r="AG35" s="296">
        <v>82440</v>
      </c>
      <c r="AH35" s="299">
        <v>346895</v>
      </c>
      <c r="AI35" s="300">
        <v>346895</v>
      </c>
      <c r="AJ35" s="295">
        <v>0</v>
      </c>
      <c r="AK35" s="296">
        <v>0</v>
      </c>
      <c r="AL35" s="297">
        <v>0</v>
      </c>
      <c r="AM35" s="301"/>
      <c r="AN35" s="296">
        <v>0</v>
      </c>
      <c r="AO35" s="296">
        <v>0</v>
      </c>
      <c r="AP35" s="296">
        <v>0</v>
      </c>
      <c r="AQ35" s="296">
        <v>0</v>
      </c>
      <c r="AR35" s="296">
        <v>0</v>
      </c>
      <c r="AS35" s="299">
        <v>0</v>
      </c>
      <c r="AT35" s="300">
        <v>0</v>
      </c>
      <c r="AU35" s="295">
        <v>0</v>
      </c>
      <c r="AV35" s="296">
        <v>0</v>
      </c>
      <c r="AW35" s="297">
        <v>0</v>
      </c>
      <c r="AX35" s="301"/>
      <c r="AY35" s="296">
        <v>0</v>
      </c>
      <c r="AZ35" s="296">
        <v>0</v>
      </c>
      <c r="BA35" s="296">
        <v>0</v>
      </c>
      <c r="BB35" s="296">
        <v>0</v>
      </c>
      <c r="BC35" s="296">
        <v>0</v>
      </c>
      <c r="BD35" s="299">
        <v>0</v>
      </c>
      <c r="BE35" s="300">
        <v>0</v>
      </c>
      <c r="BF35" s="295">
        <v>0</v>
      </c>
      <c r="BG35" s="296">
        <v>0</v>
      </c>
      <c r="BH35" s="297">
        <v>0</v>
      </c>
      <c r="BI35" s="301"/>
      <c r="BJ35" s="296">
        <v>0</v>
      </c>
      <c r="BK35" s="296">
        <v>0</v>
      </c>
      <c r="BL35" s="296">
        <v>247505</v>
      </c>
      <c r="BM35" s="296">
        <v>32550</v>
      </c>
      <c r="BN35" s="296">
        <v>24645</v>
      </c>
      <c r="BO35" s="299">
        <v>304700</v>
      </c>
      <c r="BP35" s="300">
        <v>304700</v>
      </c>
      <c r="BQ35" s="295">
        <v>0</v>
      </c>
      <c r="BR35" s="296">
        <v>0</v>
      </c>
      <c r="BS35" s="297">
        <v>0</v>
      </c>
      <c r="BT35" s="298">
        <v>0</v>
      </c>
      <c r="BU35" s="296">
        <v>0</v>
      </c>
      <c r="BV35" s="296">
        <v>8716</v>
      </c>
      <c r="BW35" s="296">
        <v>6275</v>
      </c>
      <c r="BX35" s="296">
        <v>4060</v>
      </c>
      <c r="BY35" s="296">
        <v>290</v>
      </c>
      <c r="BZ35" s="299">
        <v>19341</v>
      </c>
      <c r="CA35" s="300">
        <v>19341</v>
      </c>
      <c r="CB35" s="295">
        <v>0</v>
      </c>
      <c r="CC35" s="296">
        <v>0</v>
      </c>
      <c r="CD35" s="297">
        <v>0</v>
      </c>
      <c r="CE35" s="298">
        <v>0</v>
      </c>
      <c r="CF35" s="296">
        <v>0</v>
      </c>
      <c r="CG35" s="296">
        <v>0</v>
      </c>
      <c r="CH35" s="296">
        <v>1015</v>
      </c>
      <c r="CI35" s="296">
        <v>265</v>
      </c>
      <c r="CJ35" s="296">
        <v>0</v>
      </c>
      <c r="CK35" s="299">
        <v>1280</v>
      </c>
      <c r="CL35" s="300">
        <v>1280</v>
      </c>
      <c r="CM35" s="295">
        <v>0</v>
      </c>
      <c r="CN35" s="296">
        <v>0</v>
      </c>
      <c r="CO35" s="297">
        <v>0</v>
      </c>
      <c r="CP35" s="298">
        <v>0</v>
      </c>
      <c r="CQ35" s="296">
        <v>0</v>
      </c>
      <c r="CR35" s="296">
        <v>0</v>
      </c>
      <c r="CS35" s="296">
        <v>0</v>
      </c>
      <c r="CT35" s="296">
        <v>0</v>
      </c>
      <c r="CU35" s="296">
        <v>0</v>
      </c>
      <c r="CV35" s="299">
        <v>0</v>
      </c>
      <c r="CW35" s="300">
        <v>0</v>
      </c>
      <c r="CX35" s="295">
        <v>0</v>
      </c>
      <c r="CY35" s="296">
        <v>0</v>
      </c>
      <c r="CZ35" s="297">
        <v>0</v>
      </c>
      <c r="DA35" s="301"/>
      <c r="DB35" s="296">
        <v>0</v>
      </c>
      <c r="DC35" s="296">
        <v>0</v>
      </c>
      <c r="DD35" s="296">
        <v>0</v>
      </c>
      <c r="DE35" s="296">
        <v>0</v>
      </c>
      <c r="DF35" s="296">
        <v>0</v>
      </c>
      <c r="DG35" s="299">
        <v>0</v>
      </c>
      <c r="DH35" s="300">
        <v>0</v>
      </c>
      <c r="DI35" s="295">
        <v>0</v>
      </c>
      <c r="DJ35" s="296">
        <v>0</v>
      </c>
      <c r="DK35" s="297">
        <v>0</v>
      </c>
      <c r="DL35" s="298">
        <v>0</v>
      </c>
      <c r="DM35" s="296">
        <v>217</v>
      </c>
      <c r="DN35" s="296">
        <v>45195</v>
      </c>
      <c r="DO35" s="296">
        <v>373411</v>
      </c>
      <c r="DP35" s="296">
        <v>319485</v>
      </c>
      <c r="DQ35" s="296">
        <v>84253</v>
      </c>
      <c r="DR35" s="299">
        <v>822561</v>
      </c>
      <c r="DS35" s="302">
        <v>822561</v>
      </c>
      <c r="DT35" s="295">
        <v>0</v>
      </c>
      <c r="DU35" s="296">
        <v>0</v>
      </c>
      <c r="DV35" s="297">
        <v>0</v>
      </c>
      <c r="DW35" s="301"/>
      <c r="DX35" s="296">
        <v>0</v>
      </c>
      <c r="DY35" s="296">
        <v>26505</v>
      </c>
      <c r="DZ35" s="296">
        <v>158813</v>
      </c>
      <c r="EA35" s="296">
        <v>247070</v>
      </c>
      <c r="EB35" s="296">
        <v>43152</v>
      </c>
      <c r="EC35" s="299">
        <v>475540</v>
      </c>
      <c r="ED35" s="300">
        <v>475540</v>
      </c>
      <c r="EE35" s="295">
        <v>0</v>
      </c>
      <c r="EF35" s="296">
        <v>0</v>
      </c>
      <c r="EG35" s="297">
        <v>0</v>
      </c>
      <c r="EH35" s="301"/>
      <c r="EI35" s="296">
        <v>217</v>
      </c>
      <c r="EJ35" s="296">
        <v>12385</v>
      </c>
      <c r="EK35" s="296">
        <v>22847</v>
      </c>
      <c r="EL35" s="296">
        <v>12565</v>
      </c>
      <c r="EM35" s="296">
        <v>27144</v>
      </c>
      <c r="EN35" s="299">
        <v>75158</v>
      </c>
      <c r="EO35" s="300">
        <v>75158</v>
      </c>
      <c r="EP35" s="295">
        <v>0</v>
      </c>
      <c r="EQ35" s="296">
        <v>0</v>
      </c>
      <c r="ER35" s="297">
        <v>0</v>
      </c>
      <c r="ES35" s="301"/>
      <c r="ET35" s="296">
        <v>0</v>
      </c>
      <c r="EU35" s="296">
        <v>0</v>
      </c>
      <c r="EV35" s="296">
        <v>0</v>
      </c>
      <c r="EW35" s="296">
        <v>0</v>
      </c>
      <c r="EX35" s="296">
        <v>0</v>
      </c>
      <c r="EY35" s="299">
        <v>0</v>
      </c>
      <c r="EZ35" s="300">
        <v>0</v>
      </c>
      <c r="FA35" s="295">
        <v>0</v>
      </c>
      <c r="FB35" s="296">
        <v>0</v>
      </c>
      <c r="FC35" s="297">
        <v>0</v>
      </c>
      <c r="FD35" s="301"/>
      <c r="FE35" s="296">
        <v>0</v>
      </c>
      <c r="FF35" s="296">
        <v>0</v>
      </c>
      <c r="FG35" s="296">
        <v>0</v>
      </c>
      <c r="FH35" s="296">
        <v>0</v>
      </c>
      <c r="FI35" s="296">
        <v>0</v>
      </c>
      <c r="FJ35" s="299">
        <v>0</v>
      </c>
      <c r="FK35" s="300">
        <v>0</v>
      </c>
      <c r="FL35" s="295">
        <v>0</v>
      </c>
      <c r="FM35" s="296">
        <v>0</v>
      </c>
      <c r="FN35" s="297">
        <v>0</v>
      </c>
      <c r="FO35" s="301"/>
      <c r="FP35" s="296">
        <v>0</v>
      </c>
      <c r="FQ35" s="296">
        <v>0</v>
      </c>
      <c r="FR35" s="296">
        <v>176289</v>
      </c>
      <c r="FS35" s="296">
        <v>43524</v>
      </c>
      <c r="FT35" s="296">
        <v>11583</v>
      </c>
      <c r="FU35" s="299">
        <v>231396</v>
      </c>
      <c r="FV35" s="300">
        <v>231396</v>
      </c>
      <c r="FW35" s="295">
        <v>0</v>
      </c>
      <c r="FX35" s="296">
        <v>0</v>
      </c>
      <c r="FY35" s="297">
        <v>0</v>
      </c>
      <c r="FZ35" s="298">
        <v>0</v>
      </c>
      <c r="GA35" s="296">
        <v>0</v>
      </c>
      <c r="GB35" s="296">
        <v>6305</v>
      </c>
      <c r="GC35" s="296">
        <v>12240</v>
      </c>
      <c r="GD35" s="296">
        <v>15252</v>
      </c>
      <c r="GE35" s="296">
        <v>2374</v>
      </c>
      <c r="GF35" s="299">
        <v>36171</v>
      </c>
      <c r="GG35" s="300">
        <v>36171</v>
      </c>
      <c r="GH35" s="295">
        <v>0</v>
      </c>
      <c r="GI35" s="296">
        <v>0</v>
      </c>
      <c r="GJ35" s="297">
        <v>0</v>
      </c>
      <c r="GK35" s="298">
        <v>0</v>
      </c>
      <c r="GL35" s="296">
        <v>0</v>
      </c>
      <c r="GM35" s="296">
        <v>0</v>
      </c>
      <c r="GN35" s="296">
        <v>3222</v>
      </c>
      <c r="GO35" s="296">
        <v>1074</v>
      </c>
      <c r="GP35" s="296">
        <v>0</v>
      </c>
      <c r="GQ35" s="299">
        <v>4296</v>
      </c>
      <c r="GR35" s="300">
        <v>4296</v>
      </c>
      <c r="GS35" s="295">
        <v>0</v>
      </c>
      <c r="GT35" s="296">
        <v>0</v>
      </c>
      <c r="GU35" s="297">
        <v>0</v>
      </c>
      <c r="GV35" s="298">
        <v>0</v>
      </c>
      <c r="GW35" s="296">
        <v>0</v>
      </c>
      <c r="GX35" s="296">
        <v>0</v>
      </c>
      <c r="GY35" s="296">
        <v>0</v>
      </c>
      <c r="GZ35" s="296">
        <v>0</v>
      </c>
      <c r="HA35" s="296">
        <v>0</v>
      </c>
      <c r="HB35" s="299">
        <v>0</v>
      </c>
      <c r="HC35" s="300">
        <v>0</v>
      </c>
      <c r="HD35" s="295">
        <v>0</v>
      </c>
      <c r="HE35" s="296">
        <v>0</v>
      </c>
      <c r="HF35" s="297">
        <v>0</v>
      </c>
      <c r="HG35" s="301"/>
      <c r="HH35" s="296">
        <v>0</v>
      </c>
      <c r="HI35" s="296">
        <v>0</v>
      </c>
      <c r="HJ35" s="296">
        <v>0</v>
      </c>
      <c r="HK35" s="296">
        <v>0</v>
      </c>
      <c r="HL35" s="296">
        <v>0</v>
      </c>
      <c r="HM35" s="299">
        <v>0</v>
      </c>
      <c r="HN35" s="300">
        <v>0</v>
      </c>
      <c r="HO35" s="295">
        <v>0</v>
      </c>
      <c r="HP35" s="296">
        <v>0</v>
      </c>
      <c r="HQ35" s="297">
        <v>0</v>
      </c>
      <c r="HR35" s="298">
        <v>0</v>
      </c>
      <c r="HS35" s="296">
        <v>2852</v>
      </c>
      <c r="HT35" s="296">
        <v>160461</v>
      </c>
      <c r="HU35" s="296">
        <v>810331</v>
      </c>
      <c r="HV35" s="296">
        <v>696301</v>
      </c>
      <c r="HW35" s="296">
        <v>218908</v>
      </c>
      <c r="HX35" s="299">
        <v>1888853</v>
      </c>
      <c r="HY35" s="300">
        <v>1888853</v>
      </c>
    </row>
    <row r="36" spans="2:233" ht="16.5" customHeight="1" x14ac:dyDescent="0.2">
      <c r="B36" s="293" t="s">
        <v>33</v>
      </c>
      <c r="C36" s="295">
        <v>0</v>
      </c>
      <c r="D36" s="296">
        <v>0</v>
      </c>
      <c r="E36" s="297">
        <v>0</v>
      </c>
      <c r="F36" s="298">
        <v>0</v>
      </c>
      <c r="G36" s="296">
        <v>68325</v>
      </c>
      <c r="H36" s="296">
        <v>99365</v>
      </c>
      <c r="I36" s="296">
        <v>527545</v>
      </c>
      <c r="J36" s="296">
        <v>605895</v>
      </c>
      <c r="K36" s="296">
        <v>405020</v>
      </c>
      <c r="L36" s="299">
        <v>1706150</v>
      </c>
      <c r="M36" s="300">
        <v>1706150</v>
      </c>
      <c r="N36" s="295">
        <v>0</v>
      </c>
      <c r="O36" s="296">
        <v>0</v>
      </c>
      <c r="P36" s="297">
        <v>0</v>
      </c>
      <c r="Q36" s="301"/>
      <c r="R36" s="296">
        <v>0</v>
      </c>
      <c r="S36" s="296">
        <v>27280</v>
      </c>
      <c r="T36" s="296">
        <v>292505</v>
      </c>
      <c r="U36" s="296">
        <v>375605</v>
      </c>
      <c r="V36" s="296">
        <v>305505</v>
      </c>
      <c r="W36" s="299">
        <v>1000895</v>
      </c>
      <c r="X36" s="300">
        <v>1000895</v>
      </c>
      <c r="Y36" s="295">
        <v>0</v>
      </c>
      <c r="Z36" s="296">
        <v>0</v>
      </c>
      <c r="AA36" s="297">
        <v>0</v>
      </c>
      <c r="AB36" s="301"/>
      <c r="AC36" s="296">
        <v>43245</v>
      </c>
      <c r="AD36" s="296">
        <v>27280</v>
      </c>
      <c r="AE36" s="296">
        <v>141825</v>
      </c>
      <c r="AF36" s="296">
        <v>143995</v>
      </c>
      <c r="AG36" s="296">
        <v>2635</v>
      </c>
      <c r="AH36" s="299">
        <v>358980</v>
      </c>
      <c r="AI36" s="300">
        <v>358980</v>
      </c>
      <c r="AJ36" s="295">
        <v>0</v>
      </c>
      <c r="AK36" s="296">
        <v>0</v>
      </c>
      <c r="AL36" s="297">
        <v>0</v>
      </c>
      <c r="AM36" s="301"/>
      <c r="AN36" s="296">
        <v>0</v>
      </c>
      <c r="AO36" s="296">
        <v>0</v>
      </c>
      <c r="AP36" s="296">
        <v>0</v>
      </c>
      <c r="AQ36" s="296">
        <v>0</v>
      </c>
      <c r="AR36" s="296">
        <v>0</v>
      </c>
      <c r="AS36" s="299">
        <v>0</v>
      </c>
      <c r="AT36" s="300">
        <v>0</v>
      </c>
      <c r="AU36" s="295">
        <v>0</v>
      </c>
      <c r="AV36" s="296">
        <v>0</v>
      </c>
      <c r="AW36" s="297">
        <v>0</v>
      </c>
      <c r="AX36" s="301"/>
      <c r="AY36" s="296">
        <v>24645</v>
      </c>
      <c r="AZ36" s="296">
        <v>38130</v>
      </c>
      <c r="BA36" s="296">
        <v>67150</v>
      </c>
      <c r="BB36" s="296">
        <v>70990</v>
      </c>
      <c r="BC36" s="296">
        <v>81320</v>
      </c>
      <c r="BD36" s="299">
        <v>282235</v>
      </c>
      <c r="BE36" s="300">
        <v>282235</v>
      </c>
      <c r="BF36" s="295">
        <v>0</v>
      </c>
      <c r="BG36" s="296">
        <v>0</v>
      </c>
      <c r="BH36" s="297">
        <v>0</v>
      </c>
      <c r="BI36" s="301"/>
      <c r="BJ36" s="296">
        <v>0</v>
      </c>
      <c r="BK36" s="296">
        <v>0</v>
      </c>
      <c r="BL36" s="296">
        <v>0</v>
      </c>
      <c r="BM36" s="296">
        <v>0</v>
      </c>
      <c r="BN36" s="296">
        <v>0</v>
      </c>
      <c r="BO36" s="299">
        <v>0</v>
      </c>
      <c r="BP36" s="300">
        <v>0</v>
      </c>
      <c r="BQ36" s="295">
        <v>0</v>
      </c>
      <c r="BR36" s="296">
        <v>0</v>
      </c>
      <c r="BS36" s="297">
        <v>0</v>
      </c>
      <c r="BT36" s="298">
        <v>0</v>
      </c>
      <c r="BU36" s="296">
        <v>435</v>
      </c>
      <c r="BV36" s="296">
        <v>0</v>
      </c>
      <c r="BW36" s="296">
        <v>22780</v>
      </c>
      <c r="BX36" s="296">
        <v>15305</v>
      </c>
      <c r="BY36" s="296">
        <v>15560</v>
      </c>
      <c r="BZ36" s="299">
        <v>54080</v>
      </c>
      <c r="CA36" s="300">
        <v>54080</v>
      </c>
      <c r="CB36" s="295">
        <v>0</v>
      </c>
      <c r="CC36" s="296">
        <v>0</v>
      </c>
      <c r="CD36" s="297">
        <v>0</v>
      </c>
      <c r="CE36" s="298">
        <v>0</v>
      </c>
      <c r="CF36" s="296">
        <v>0</v>
      </c>
      <c r="CG36" s="296">
        <v>6675</v>
      </c>
      <c r="CH36" s="296">
        <v>2560</v>
      </c>
      <c r="CI36" s="296">
        <v>0</v>
      </c>
      <c r="CJ36" s="296">
        <v>0</v>
      </c>
      <c r="CK36" s="299">
        <v>9235</v>
      </c>
      <c r="CL36" s="300">
        <v>9235</v>
      </c>
      <c r="CM36" s="295">
        <v>0</v>
      </c>
      <c r="CN36" s="296">
        <v>0</v>
      </c>
      <c r="CO36" s="297">
        <v>0</v>
      </c>
      <c r="CP36" s="298">
        <v>0</v>
      </c>
      <c r="CQ36" s="296">
        <v>0</v>
      </c>
      <c r="CR36" s="296">
        <v>0</v>
      </c>
      <c r="CS36" s="296">
        <v>0</v>
      </c>
      <c r="CT36" s="296">
        <v>0</v>
      </c>
      <c r="CU36" s="296">
        <v>0</v>
      </c>
      <c r="CV36" s="299">
        <v>0</v>
      </c>
      <c r="CW36" s="300">
        <v>0</v>
      </c>
      <c r="CX36" s="295">
        <v>0</v>
      </c>
      <c r="CY36" s="296">
        <v>0</v>
      </c>
      <c r="CZ36" s="297">
        <v>0</v>
      </c>
      <c r="DA36" s="301"/>
      <c r="DB36" s="296">
        <v>0</v>
      </c>
      <c r="DC36" s="296">
        <v>0</v>
      </c>
      <c r="DD36" s="296">
        <v>725</v>
      </c>
      <c r="DE36" s="296">
        <v>0</v>
      </c>
      <c r="DF36" s="296">
        <v>0</v>
      </c>
      <c r="DG36" s="299">
        <v>725</v>
      </c>
      <c r="DH36" s="300">
        <v>725</v>
      </c>
      <c r="DI36" s="295">
        <v>0</v>
      </c>
      <c r="DJ36" s="296">
        <v>0</v>
      </c>
      <c r="DK36" s="297">
        <v>0</v>
      </c>
      <c r="DL36" s="298">
        <v>0</v>
      </c>
      <c r="DM36" s="296">
        <v>3057</v>
      </c>
      <c r="DN36" s="296">
        <v>49054</v>
      </c>
      <c r="DO36" s="296">
        <v>383799</v>
      </c>
      <c r="DP36" s="296">
        <v>470265</v>
      </c>
      <c r="DQ36" s="296">
        <v>243231</v>
      </c>
      <c r="DR36" s="299">
        <v>1149406</v>
      </c>
      <c r="DS36" s="302">
        <v>1149406</v>
      </c>
      <c r="DT36" s="295">
        <v>0</v>
      </c>
      <c r="DU36" s="296">
        <v>0</v>
      </c>
      <c r="DV36" s="297">
        <v>0</v>
      </c>
      <c r="DW36" s="301"/>
      <c r="DX36" s="296">
        <v>0</v>
      </c>
      <c r="DY36" s="296">
        <v>36611</v>
      </c>
      <c r="DZ36" s="296">
        <v>304014</v>
      </c>
      <c r="EA36" s="296">
        <v>418841</v>
      </c>
      <c r="EB36" s="296">
        <v>220976</v>
      </c>
      <c r="EC36" s="299">
        <v>980442</v>
      </c>
      <c r="ED36" s="300">
        <v>980442</v>
      </c>
      <c r="EE36" s="295">
        <v>0</v>
      </c>
      <c r="EF36" s="296">
        <v>0</v>
      </c>
      <c r="EG36" s="297">
        <v>0</v>
      </c>
      <c r="EH36" s="301"/>
      <c r="EI36" s="296">
        <v>1085</v>
      </c>
      <c r="EJ36" s="296">
        <v>434</v>
      </c>
      <c r="EK36" s="296">
        <v>35278</v>
      </c>
      <c r="EL36" s="296">
        <v>1953</v>
      </c>
      <c r="EM36" s="296">
        <v>217</v>
      </c>
      <c r="EN36" s="299">
        <v>38967</v>
      </c>
      <c r="EO36" s="300">
        <v>38967</v>
      </c>
      <c r="EP36" s="295">
        <v>0</v>
      </c>
      <c r="EQ36" s="296">
        <v>0</v>
      </c>
      <c r="ER36" s="297">
        <v>0</v>
      </c>
      <c r="ES36" s="301"/>
      <c r="ET36" s="296">
        <v>0</v>
      </c>
      <c r="EU36" s="296">
        <v>0</v>
      </c>
      <c r="EV36" s="296">
        <v>0</v>
      </c>
      <c r="EW36" s="296">
        <v>0</v>
      </c>
      <c r="EX36" s="296">
        <v>0</v>
      </c>
      <c r="EY36" s="299">
        <v>0</v>
      </c>
      <c r="EZ36" s="300">
        <v>0</v>
      </c>
      <c r="FA36" s="295">
        <v>0</v>
      </c>
      <c r="FB36" s="296">
        <v>0</v>
      </c>
      <c r="FC36" s="297">
        <v>0</v>
      </c>
      <c r="FD36" s="301"/>
      <c r="FE36" s="296">
        <v>217</v>
      </c>
      <c r="FF36" s="296">
        <v>11904</v>
      </c>
      <c r="FG36" s="296">
        <v>21169</v>
      </c>
      <c r="FH36" s="296">
        <v>23374</v>
      </c>
      <c r="FI36" s="296">
        <v>12338</v>
      </c>
      <c r="FJ36" s="299">
        <v>69002</v>
      </c>
      <c r="FK36" s="300">
        <v>69002</v>
      </c>
      <c r="FL36" s="295">
        <v>0</v>
      </c>
      <c r="FM36" s="296">
        <v>0</v>
      </c>
      <c r="FN36" s="297">
        <v>0</v>
      </c>
      <c r="FO36" s="301"/>
      <c r="FP36" s="296">
        <v>0</v>
      </c>
      <c r="FQ36" s="296">
        <v>0</v>
      </c>
      <c r="FR36" s="296">
        <v>0</v>
      </c>
      <c r="FS36" s="296">
        <v>0</v>
      </c>
      <c r="FT36" s="296">
        <v>0</v>
      </c>
      <c r="FU36" s="299">
        <v>0</v>
      </c>
      <c r="FV36" s="300">
        <v>0</v>
      </c>
      <c r="FW36" s="295">
        <v>0</v>
      </c>
      <c r="FX36" s="296">
        <v>0</v>
      </c>
      <c r="FY36" s="297">
        <v>0</v>
      </c>
      <c r="FZ36" s="298">
        <v>0</v>
      </c>
      <c r="GA36" s="296">
        <v>1755</v>
      </c>
      <c r="GB36" s="296">
        <v>0</v>
      </c>
      <c r="GC36" s="296">
        <v>23268</v>
      </c>
      <c r="GD36" s="296">
        <v>26097</v>
      </c>
      <c r="GE36" s="296">
        <v>9700</v>
      </c>
      <c r="GF36" s="299">
        <v>60820</v>
      </c>
      <c r="GG36" s="300">
        <v>60820</v>
      </c>
      <c r="GH36" s="295">
        <v>0</v>
      </c>
      <c r="GI36" s="296">
        <v>0</v>
      </c>
      <c r="GJ36" s="297">
        <v>0</v>
      </c>
      <c r="GK36" s="298">
        <v>0</v>
      </c>
      <c r="GL36" s="296">
        <v>0</v>
      </c>
      <c r="GM36" s="296">
        <v>105</v>
      </c>
      <c r="GN36" s="296">
        <v>28</v>
      </c>
      <c r="GO36" s="296">
        <v>0</v>
      </c>
      <c r="GP36" s="296">
        <v>0</v>
      </c>
      <c r="GQ36" s="299">
        <v>133</v>
      </c>
      <c r="GR36" s="300">
        <v>133</v>
      </c>
      <c r="GS36" s="295">
        <v>0</v>
      </c>
      <c r="GT36" s="296">
        <v>0</v>
      </c>
      <c r="GU36" s="297">
        <v>0</v>
      </c>
      <c r="GV36" s="298">
        <v>0</v>
      </c>
      <c r="GW36" s="296">
        <v>0</v>
      </c>
      <c r="GX36" s="296">
        <v>0</v>
      </c>
      <c r="GY36" s="296">
        <v>0</v>
      </c>
      <c r="GZ36" s="296">
        <v>0</v>
      </c>
      <c r="HA36" s="296">
        <v>0</v>
      </c>
      <c r="HB36" s="299">
        <v>0</v>
      </c>
      <c r="HC36" s="300">
        <v>0</v>
      </c>
      <c r="HD36" s="295">
        <v>0</v>
      </c>
      <c r="HE36" s="296">
        <v>0</v>
      </c>
      <c r="HF36" s="297">
        <v>0</v>
      </c>
      <c r="HG36" s="301"/>
      <c r="HH36" s="296">
        <v>0</v>
      </c>
      <c r="HI36" s="296">
        <v>0</v>
      </c>
      <c r="HJ36" s="296">
        <v>42</v>
      </c>
      <c r="HK36" s="296">
        <v>0</v>
      </c>
      <c r="HL36" s="296">
        <v>0</v>
      </c>
      <c r="HM36" s="299">
        <v>42</v>
      </c>
      <c r="HN36" s="300">
        <v>42</v>
      </c>
      <c r="HO36" s="295">
        <v>0</v>
      </c>
      <c r="HP36" s="296">
        <v>0</v>
      </c>
      <c r="HQ36" s="297">
        <v>0</v>
      </c>
      <c r="HR36" s="298">
        <v>0</v>
      </c>
      <c r="HS36" s="296">
        <v>71382</v>
      </c>
      <c r="HT36" s="296">
        <v>148419</v>
      </c>
      <c r="HU36" s="296">
        <v>911344</v>
      </c>
      <c r="HV36" s="296">
        <v>1076160</v>
      </c>
      <c r="HW36" s="296">
        <v>648251</v>
      </c>
      <c r="HX36" s="299">
        <v>2855556</v>
      </c>
      <c r="HY36" s="300">
        <v>2855556</v>
      </c>
    </row>
    <row r="37" spans="2:233" ht="16.5" customHeight="1" x14ac:dyDescent="0.2">
      <c r="B37" s="293" t="s">
        <v>34</v>
      </c>
      <c r="C37" s="295">
        <v>0</v>
      </c>
      <c r="D37" s="296">
        <v>0</v>
      </c>
      <c r="E37" s="297">
        <v>0</v>
      </c>
      <c r="F37" s="298">
        <v>0</v>
      </c>
      <c r="G37" s="296">
        <v>69541</v>
      </c>
      <c r="H37" s="296">
        <v>104090</v>
      </c>
      <c r="I37" s="296">
        <v>158240</v>
      </c>
      <c r="J37" s="296">
        <v>305280</v>
      </c>
      <c r="K37" s="296">
        <v>159650</v>
      </c>
      <c r="L37" s="299">
        <v>796801</v>
      </c>
      <c r="M37" s="300">
        <v>796801</v>
      </c>
      <c r="N37" s="295">
        <v>0</v>
      </c>
      <c r="O37" s="296">
        <v>0</v>
      </c>
      <c r="P37" s="297">
        <v>0</v>
      </c>
      <c r="Q37" s="301"/>
      <c r="R37" s="296">
        <v>0</v>
      </c>
      <c r="S37" s="296">
        <v>0</v>
      </c>
      <c r="T37" s="296">
        <v>37975</v>
      </c>
      <c r="U37" s="296">
        <v>208630</v>
      </c>
      <c r="V37" s="296">
        <v>132370</v>
      </c>
      <c r="W37" s="299">
        <v>378975</v>
      </c>
      <c r="X37" s="300">
        <v>378975</v>
      </c>
      <c r="Y37" s="295">
        <v>0</v>
      </c>
      <c r="Z37" s="296">
        <v>0</v>
      </c>
      <c r="AA37" s="297">
        <v>0</v>
      </c>
      <c r="AB37" s="301"/>
      <c r="AC37" s="296">
        <v>51130</v>
      </c>
      <c r="AD37" s="296">
        <v>68595</v>
      </c>
      <c r="AE37" s="296">
        <v>118525</v>
      </c>
      <c r="AF37" s="296">
        <v>65410</v>
      </c>
      <c r="AG37" s="296">
        <v>27280</v>
      </c>
      <c r="AH37" s="299">
        <v>330940</v>
      </c>
      <c r="AI37" s="300">
        <v>330940</v>
      </c>
      <c r="AJ37" s="295">
        <v>0</v>
      </c>
      <c r="AK37" s="296">
        <v>0</v>
      </c>
      <c r="AL37" s="297">
        <v>0</v>
      </c>
      <c r="AM37" s="301"/>
      <c r="AN37" s="296">
        <v>0</v>
      </c>
      <c r="AO37" s="296">
        <v>0</v>
      </c>
      <c r="AP37" s="296">
        <v>0</v>
      </c>
      <c r="AQ37" s="296">
        <v>0</v>
      </c>
      <c r="AR37" s="296">
        <v>0</v>
      </c>
      <c r="AS37" s="299">
        <v>0</v>
      </c>
      <c r="AT37" s="300">
        <v>0</v>
      </c>
      <c r="AU37" s="295">
        <v>0</v>
      </c>
      <c r="AV37" s="296">
        <v>0</v>
      </c>
      <c r="AW37" s="297">
        <v>0</v>
      </c>
      <c r="AX37" s="301"/>
      <c r="AY37" s="296">
        <v>0</v>
      </c>
      <c r="AZ37" s="296">
        <v>35495</v>
      </c>
      <c r="BA37" s="296">
        <v>0</v>
      </c>
      <c r="BB37" s="296">
        <v>0</v>
      </c>
      <c r="BC37" s="296">
        <v>0</v>
      </c>
      <c r="BD37" s="299">
        <v>35495</v>
      </c>
      <c r="BE37" s="300">
        <v>35495</v>
      </c>
      <c r="BF37" s="295">
        <v>0</v>
      </c>
      <c r="BG37" s="296">
        <v>0</v>
      </c>
      <c r="BH37" s="297">
        <v>0</v>
      </c>
      <c r="BI37" s="301"/>
      <c r="BJ37" s="296">
        <v>0</v>
      </c>
      <c r="BK37" s="296">
        <v>0</v>
      </c>
      <c r="BL37" s="296">
        <v>0</v>
      </c>
      <c r="BM37" s="296">
        <v>0</v>
      </c>
      <c r="BN37" s="296">
        <v>0</v>
      </c>
      <c r="BO37" s="299">
        <v>0</v>
      </c>
      <c r="BP37" s="300">
        <v>0</v>
      </c>
      <c r="BQ37" s="295">
        <v>0</v>
      </c>
      <c r="BR37" s="296">
        <v>0</v>
      </c>
      <c r="BS37" s="297">
        <v>0</v>
      </c>
      <c r="BT37" s="298">
        <v>0</v>
      </c>
      <c r="BU37" s="296">
        <v>18411</v>
      </c>
      <c r="BV37" s="296">
        <v>0</v>
      </c>
      <c r="BW37" s="296">
        <v>1740</v>
      </c>
      <c r="BX37" s="296">
        <v>24020</v>
      </c>
      <c r="BY37" s="296">
        <v>0</v>
      </c>
      <c r="BZ37" s="299">
        <v>44171</v>
      </c>
      <c r="CA37" s="300">
        <v>44171</v>
      </c>
      <c r="CB37" s="295">
        <v>0</v>
      </c>
      <c r="CC37" s="296">
        <v>0</v>
      </c>
      <c r="CD37" s="297">
        <v>0</v>
      </c>
      <c r="CE37" s="298">
        <v>0</v>
      </c>
      <c r="CF37" s="296">
        <v>0</v>
      </c>
      <c r="CG37" s="296">
        <v>0</v>
      </c>
      <c r="CH37" s="296">
        <v>0</v>
      </c>
      <c r="CI37" s="296">
        <v>7220</v>
      </c>
      <c r="CJ37" s="296">
        <v>0</v>
      </c>
      <c r="CK37" s="299">
        <v>7220</v>
      </c>
      <c r="CL37" s="300">
        <v>7220</v>
      </c>
      <c r="CM37" s="295">
        <v>0</v>
      </c>
      <c r="CN37" s="296">
        <v>0</v>
      </c>
      <c r="CO37" s="297">
        <v>0</v>
      </c>
      <c r="CP37" s="298">
        <v>0</v>
      </c>
      <c r="CQ37" s="296">
        <v>0</v>
      </c>
      <c r="CR37" s="296">
        <v>0</v>
      </c>
      <c r="CS37" s="296">
        <v>0</v>
      </c>
      <c r="CT37" s="296">
        <v>0</v>
      </c>
      <c r="CU37" s="296">
        <v>0</v>
      </c>
      <c r="CV37" s="299">
        <v>0</v>
      </c>
      <c r="CW37" s="300">
        <v>0</v>
      </c>
      <c r="CX37" s="295">
        <v>0</v>
      </c>
      <c r="CY37" s="296">
        <v>0</v>
      </c>
      <c r="CZ37" s="297">
        <v>0</v>
      </c>
      <c r="DA37" s="301"/>
      <c r="DB37" s="296">
        <v>0</v>
      </c>
      <c r="DC37" s="296">
        <v>0</v>
      </c>
      <c r="DD37" s="296">
        <v>0</v>
      </c>
      <c r="DE37" s="296">
        <v>0</v>
      </c>
      <c r="DF37" s="296">
        <v>0</v>
      </c>
      <c r="DG37" s="299">
        <v>0</v>
      </c>
      <c r="DH37" s="300">
        <v>0</v>
      </c>
      <c r="DI37" s="295">
        <v>0</v>
      </c>
      <c r="DJ37" s="296">
        <v>0</v>
      </c>
      <c r="DK37" s="297">
        <v>0</v>
      </c>
      <c r="DL37" s="298">
        <v>0</v>
      </c>
      <c r="DM37" s="296">
        <v>36200</v>
      </c>
      <c r="DN37" s="296">
        <v>12632</v>
      </c>
      <c r="DO37" s="296">
        <v>95028</v>
      </c>
      <c r="DP37" s="296">
        <v>309817</v>
      </c>
      <c r="DQ37" s="296">
        <v>168609</v>
      </c>
      <c r="DR37" s="299">
        <v>622286</v>
      </c>
      <c r="DS37" s="302">
        <v>622286</v>
      </c>
      <c r="DT37" s="295">
        <v>0</v>
      </c>
      <c r="DU37" s="296">
        <v>0</v>
      </c>
      <c r="DV37" s="297">
        <v>0</v>
      </c>
      <c r="DW37" s="301"/>
      <c r="DX37" s="296">
        <v>0</v>
      </c>
      <c r="DY37" s="296">
        <v>0</v>
      </c>
      <c r="DZ37" s="296">
        <v>79918</v>
      </c>
      <c r="EA37" s="296">
        <v>282866</v>
      </c>
      <c r="EB37" s="296">
        <v>168175</v>
      </c>
      <c r="EC37" s="299">
        <v>530959</v>
      </c>
      <c r="ED37" s="300">
        <v>530959</v>
      </c>
      <c r="EE37" s="295">
        <v>0</v>
      </c>
      <c r="EF37" s="296">
        <v>0</v>
      </c>
      <c r="EG37" s="297">
        <v>0</v>
      </c>
      <c r="EH37" s="301"/>
      <c r="EI37" s="296">
        <v>620</v>
      </c>
      <c r="EJ37" s="296">
        <v>945</v>
      </c>
      <c r="EK37" s="296">
        <v>1190</v>
      </c>
      <c r="EL37" s="296">
        <v>12338</v>
      </c>
      <c r="EM37" s="296">
        <v>434</v>
      </c>
      <c r="EN37" s="299">
        <v>15527</v>
      </c>
      <c r="EO37" s="300">
        <v>15527</v>
      </c>
      <c r="EP37" s="295">
        <v>0</v>
      </c>
      <c r="EQ37" s="296">
        <v>0</v>
      </c>
      <c r="ER37" s="297">
        <v>0</v>
      </c>
      <c r="ES37" s="301"/>
      <c r="ET37" s="296">
        <v>0</v>
      </c>
      <c r="EU37" s="296">
        <v>0</v>
      </c>
      <c r="EV37" s="296">
        <v>0</v>
      </c>
      <c r="EW37" s="296">
        <v>0</v>
      </c>
      <c r="EX37" s="296">
        <v>0</v>
      </c>
      <c r="EY37" s="299">
        <v>0</v>
      </c>
      <c r="EZ37" s="300">
        <v>0</v>
      </c>
      <c r="FA37" s="295">
        <v>0</v>
      </c>
      <c r="FB37" s="296">
        <v>0</v>
      </c>
      <c r="FC37" s="297">
        <v>0</v>
      </c>
      <c r="FD37" s="301"/>
      <c r="FE37" s="296">
        <v>0</v>
      </c>
      <c r="FF37" s="296">
        <v>11687</v>
      </c>
      <c r="FG37" s="296">
        <v>0</v>
      </c>
      <c r="FH37" s="296">
        <v>0</v>
      </c>
      <c r="FI37" s="296">
        <v>0</v>
      </c>
      <c r="FJ37" s="299">
        <v>11687</v>
      </c>
      <c r="FK37" s="300">
        <v>11687</v>
      </c>
      <c r="FL37" s="295">
        <v>0</v>
      </c>
      <c r="FM37" s="296">
        <v>0</v>
      </c>
      <c r="FN37" s="297">
        <v>0</v>
      </c>
      <c r="FO37" s="301"/>
      <c r="FP37" s="296">
        <v>0</v>
      </c>
      <c r="FQ37" s="296">
        <v>0</v>
      </c>
      <c r="FR37" s="296">
        <v>0</v>
      </c>
      <c r="FS37" s="296">
        <v>0</v>
      </c>
      <c r="FT37" s="296">
        <v>0</v>
      </c>
      <c r="FU37" s="299">
        <v>0</v>
      </c>
      <c r="FV37" s="300">
        <v>0</v>
      </c>
      <c r="FW37" s="295">
        <v>0</v>
      </c>
      <c r="FX37" s="296">
        <v>0</v>
      </c>
      <c r="FY37" s="297">
        <v>0</v>
      </c>
      <c r="FZ37" s="298">
        <v>0</v>
      </c>
      <c r="GA37" s="296">
        <v>35580</v>
      </c>
      <c r="GB37" s="296">
        <v>0</v>
      </c>
      <c r="GC37" s="296">
        <v>13920</v>
      </c>
      <c r="GD37" s="296">
        <v>14550</v>
      </c>
      <c r="GE37" s="296">
        <v>0</v>
      </c>
      <c r="GF37" s="299">
        <v>64050</v>
      </c>
      <c r="GG37" s="300">
        <v>64050</v>
      </c>
      <c r="GH37" s="295">
        <v>0</v>
      </c>
      <c r="GI37" s="296">
        <v>0</v>
      </c>
      <c r="GJ37" s="297">
        <v>0</v>
      </c>
      <c r="GK37" s="298">
        <v>0</v>
      </c>
      <c r="GL37" s="296">
        <v>0</v>
      </c>
      <c r="GM37" s="296">
        <v>0</v>
      </c>
      <c r="GN37" s="296">
        <v>0</v>
      </c>
      <c r="GO37" s="296">
        <v>63</v>
      </c>
      <c r="GP37" s="296">
        <v>0</v>
      </c>
      <c r="GQ37" s="299">
        <v>63</v>
      </c>
      <c r="GR37" s="300">
        <v>63</v>
      </c>
      <c r="GS37" s="295">
        <v>0</v>
      </c>
      <c r="GT37" s="296">
        <v>0</v>
      </c>
      <c r="GU37" s="297">
        <v>0</v>
      </c>
      <c r="GV37" s="298">
        <v>0</v>
      </c>
      <c r="GW37" s="296">
        <v>0</v>
      </c>
      <c r="GX37" s="296">
        <v>0</v>
      </c>
      <c r="GY37" s="296">
        <v>0</v>
      </c>
      <c r="GZ37" s="296">
        <v>0</v>
      </c>
      <c r="HA37" s="296">
        <v>0</v>
      </c>
      <c r="HB37" s="299">
        <v>0</v>
      </c>
      <c r="HC37" s="300">
        <v>0</v>
      </c>
      <c r="HD37" s="295">
        <v>0</v>
      </c>
      <c r="HE37" s="296">
        <v>0</v>
      </c>
      <c r="HF37" s="297">
        <v>0</v>
      </c>
      <c r="HG37" s="301"/>
      <c r="HH37" s="296">
        <v>0</v>
      </c>
      <c r="HI37" s="296">
        <v>0</v>
      </c>
      <c r="HJ37" s="296">
        <v>0</v>
      </c>
      <c r="HK37" s="296">
        <v>0</v>
      </c>
      <c r="HL37" s="296">
        <v>0</v>
      </c>
      <c r="HM37" s="299">
        <v>0</v>
      </c>
      <c r="HN37" s="300">
        <v>0</v>
      </c>
      <c r="HO37" s="295">
        <v>0</v>
      </c>
      <c r="HP37" s="296">
        <v>0</v>
      </c>
      <c r="HQ37" s="297">
        <v>0</v>
      </c>
      <c r="HR37" s="298">
        <v>0</v>
      </c>
      <c r="HS37" s="296">
        <v>105741</v>
      </c>
      <c r="HT37" s="296">
        <v>116722</v>
      </c>
      <c r="HU37" s="296">
        <v>253268</v>
      </c>
      <c r="HV37" s="296">
        <v>615097</v>
      </c>
      <c r="HW37" s="296">
        <v>328259</v>
      </c>
      <c r="HX37" s="299">
        <v>1419087</v>
      </c>
      <c r="HY37" s="300">
        <v>1419087</v>
      </c>
    </row>
    <row r="38" spans="2:233" ht="16.5" customHeight="1" x14ac:dyDescent="0.2">
      <c r="B38" s="293" t="s">
        <v>35</v>
      </c>
      <c r="C38" s="295">
        <v>0</v>
      </c>
      <c r="D38" s="296">
        <v>0</v>
      </c>
      <c r="E38" s="297">
        <v>0</v>
      </c>
      <c r="F38" s="298">
        <v>0</v>
      </c>
      <c r="G38" s="296">
        <v>354535</v>
      </c>
      <c r="H38" s="296">
        <v>451780</v>
      </c>
      <c r="I38" s="296">
        <v>635832</v>
      </c>
      <c r="J38" s="296">
        <v>889720</v>
      </c>
      <c r="K38" s="296">
        <v>434165</v>
      </c>
      <c r="L38" s="299">
        <v>2766032</v>
      </c>
      <c r="M38" s="300">
        <v>2766032</v>
      </c>
      <c r="N38" s="295">
        <v>0</v>
      </c>
      <c r="O38" s="296">
        <v>0</v>
      </c>
      <c r="P38" s="297">
        <v>0</v>
      </c>
      <c r="Q38" s="301"/>
      <c r="R38" s="296">
        <v>61845</v>
      </c>
      <c r="S38" s="296">
        <v>34410</v>
      </c>
      <c r="T38" s="296">
        <v>299145</v>
      </c>
      <c r="U38" s="296">
        <v>486075</v>
      </c>
      <c r="V38" s="296">
        <v>321315</v>
      </c>
      <c r="W38" s="299">
        <v>1202790</v>
      </c>
      <c r="X38" s="300">
        <v>1202790</v>
      </c>
      <c r="Y38" s="295">
        <v>0</v>
      </c>
      <c r="Z38" s="296">
        <v>0</v>
      </c>
      <c r="AA38" s="297">
        <v>0</v>
      </c>
      <c r="AB38" s="301"/>
      <c r="AC38" s="296">
        <v>203980</v>
      </c>
      <c r="AD38" s="296">
        <v>405790</v>
      </c>
      <c r="AE38" s="296">
        <v>181690</v>
      </c>
      <c r="AF38" s="296">
        <v>217265</v>
      </c>
      <c r="AG38" s="296">
        <v>0</v>
      </c>
      <c r="AH38" s="299">
        <v>1008725</v>
      </c>
      <c r="AI38" s="300">
        <v>1008725</v>
      </c>
      <c r="AJ38" s="295">
        <v>0</v>
      </c>
      <c r="AK38" s="296">
        <v>0</v>
      </c>
      <c r="AL38" s="297">
        <v>0</v>
      </c>
      <c r="AM38" s="301"/>
      <c r="AN38" s="296">
        <v>0</v>
      </c>
      <c r="AO38" s="296">
        <v>0</v>
      </c>
      <c r="AP38" s="296">
        <v>0</v>
      </c>
      <c r="AQ38" s="296">
        <v>0</v>
      </c>
      <c r="AR38" s="296">
        <v>0</v>
      </c>
      <c r="AS38" s="299">
        <v>0</v>
      </c>
      <c r="AT38" s="300">
        <v>0</v>
      </c>
      <c r="AU38" s="295">
        <v>0</v>
      </c>
      <c r="AV38" s="296">
        <v>0</v>
      </c>
      <c r="AW38" s="297">
        <v>0</v>
      </c>
      <c r="AX38" s="301"/>
      <c r="AY38" s="296">
        <v>73470</v>
      </c>
      <c r="AZ38" s="296">
        <v>0</v>
      </c>
      <c r="BA38" s="296">
        <v>73625</v>
      </c>
      <c r="BB38" s="296">
        <v>121970</v>
      </c>
      <c r="BC38" s="296">
        <v>112010</v>
      </c>
      <c r="BD38" s="299">
        <v>381075</v>
      </c>
      <c r="BE38" s="300">
        <v>381075</v>
      </c>
      <c r="BF38" s="295">
        <v>0</v>
      </c>
      <c r="BG38" s="296">
        <v>0</v>
      </c>
      <c r="BH38" s="297">
        <v>0</v>
      </c>
      <c r="BI38" s="301"/>
      <c r="BJ38" s="296">
        <v>0</v>
      </c>
      <c r="BK38" s="296">
        <v>0</v>
      </c>
      <c r="BL38" s="296">
        <v>0</v>
      </c>
      <c r="BM38" s="296">
        <v>0</v>
      </c>
      <c r="BN38" s="296">
        <v>0</v>
      </c>
      <c r="BO38" s="299">
        <v>0</v>
      </c>
      <c r="BP38" s="300">
        <v>0</v>
      </c>
      <c r="BQ38" s="295">
        <v>0</v>
      </c>
      <c r="BR38" s="296">
        <v>0</v>
      </c>
      <c r="BS38" s="297">
        <v>0</v>
      </c>
      <c r="BT38" s="298">
        <v>0</v>
      </c>
      <c r="BU38" s="296">
        <v>15240</v>
      </c>
      <c r="BV38" s="296">
        <v>11580</v>
      </c>
      <c r="BW38" s="296">
        <v>80122</v>
      </c>
      <c r="BX38" s="296">
        <v>64410</v>
      </c>
      <c r="BY38" s="296">
        <v>840</v>
      </c>
      <c r="BZ38" s="299">
        <v>172192</v>
      </c>
      <c r="CA38" s="300">
        <v>172192</v>
      </c>
      <c r="CB38" s="295">
        <v>0</v>
      </c>
      <c r="CC38" s="296">
        <v>0</v>
      </c>
      <c r="CD38" s="297">
        <v>0</v>
      </c>
      <c r="CE38" s="298">
        <v>0</v>
      </c>
      <c r="CF38" s="296">
        <v>0</v>
      </c>
      <c r="CG38" s="296">
        <v>0</v>
      </c>
      <c r="CH38" s="296">
        <v>1250</v>
      </c>
      <c r="CI38" s="296">
        <v>0</v>
      </c>
      <c r="CJ38" s="296">
        <v>0</v>
      </c>
      <c r="CK38" s="299">
        <v>1250</v>
      </c>
      <c r="CL38" s="300">
        <v>1250</v>
      </c>
      <c r="CM38" s="295">
        <v>0</v>
      </c>
      <c r="CN38" s="296">
        <v>0</v>
      </c>
      <c r="CO38" s="297">
        <v>0</v>
      </c>
      <c r="CP38" s="298">
        <v>0</v>
      </c>
      <c r="CQ38" s="296">
        <v>0</v>
      </c>
      <c r="CR38" s="296">
        <v>0</v>
      </c>
      <c r="CS38" s="296">
        <v>0</v>
      </c>
      <c r="CT38" s="296">
        <v>0</v>
      </c>
      <c r="CU38" s="296">
        <v>0</v>
      </c>
      <c r="CV38" s="299">
        <v>0</v>
      </c>
      <c r="CW38" s="300">
        <v>0</v>
      </c>
      <c r="CX38" s="295">
        <v>0</v>
      </c>
      <c r="CY38" s="296">
        <v>0</v>
      </c>
      <c r="CZ38" s="297">
        <v>0</v>
      </c>
      <c r="DA38" s="301"/>
      <c r="DB38" s="296">
        <v>0</v>
      </c>
      <c r="DC38" s="296">
        <v>0</v>
      </c>
      <c r="DD38" s="296">
        <v>0</v>
      </c>
      <c r="DE38" s="296">
        <v>0</v>
      </c>
      <c r="DF38" s="296">
        <v>0</v>
      </c>
      <c r="DG38" s="299">
        <v>0</v>
      </c>
      <c r="DH38" s="300">
        <v>0</v>
      </c>
      <c r="DI38" s="295">
        <v>0</v>
      </c>
      <c r="DJ38" s="296">
        <v>0</v>
      </c>
      <c r="DK38" s="297">
        <v>0</v>
      </c>
      <c r="DL38" s="298">
        <v>0</v>
      </c>
      <c r="DM38" s="296">
        <v>101432</v>
      </c>
      <c r="DN38" s="296">
        <v>131921</v>
      </c>
      <c r="DO38" s="296">
        <v>478512</v>
      </c>
      <c r="DP38" s="296">
        <v>580965</v>
      </c>
      <c r="DQ38" s="296">
        <v>346695</v>
      </c>
      <c r="DR38" s="299">
        <v>1639525</v>
      </c>
      <c r="DS38" s="302">
        <v>1639525</v>
      </c>
      <c r="DT38" s="295">
        <v>0</v>
      </c>
      <c r="DU38" s="296">
        <v>0</v>
      </c>
      <c r="DV38" s="297">
        <v>0</v>
      </c>
      <c r="DW38" s="301"/>
      <c r="DX38" s="296">
        <v>63116</v>
      </c>
      <c r="DY38" s="296">
        <v>30070</v>
      </c>
      <c r="DZ38" s="296">
        <v>371151</v>
      </c>
      <c r="EA38" s="296">
        <v>448242</v>
      </c>
      <c r="EB38" s="296">
        <v>308828</v>
      </c>
      <c r="EC38" s="299">
        <v>1221407</v>
      </c>
      <c r="ED38" s="300">
        <v>1221407</v>
      </c>
      <c r="EE38" s="295">
        <v>0</v>
      </c>
      <c r="EF38" s="296">
        <v>0</v>
      </c>
      <c r="EG38" s="297">
        <v>0</v>
      </c>
      <c r="EH38" s="301"/>
      <c r="EI38" s="296">
        <v>12183</v>
      </c>
      <c r="EJ38" s="296">
        <v>74028</v>
      </c>
      <c r="EK38" s="296">
        <v>1512</v>
      </c>
      <c r="EL38" s="296">
        <v>1659</v>
      </c>
      <c r="EM38" s="296">
        <v>0</v>
      </c>
      <c r="EN38" s="299">
        <v>89382</v>
      </c>
      <c r="EO38" s="300">
        <v>89382</v>
      </c>
      <c r="EP38" s="295">
        <v>0</v>
      </c>
      <c r="EQ38" s="296">
        <v>0</v>
      </c>
      <c r="ER38" s="297">
        <v>0</v>
      </c>
      <c r="ES38" s="301"/>
      <c r="ET38" s="296">
        <v>0</v>
      </c>
      <c r="EU38" s="296">
        <v>0</v>
      </c>
      <c r="EV38" s="296">
        <v>0</v>
      </c>
      <c r="EW38" s="296">
        <v>0</v>
      </c>
      <c r="EX38" s="296">
        <v>0</v>
      </c>
      <c r="EY38" s="299">
        <v>0</v>
      </c>
      <c r="EZ38" s="300">
        <v>0</v>
      </c>
      <c r="FA38" s="295">
        <v>0</v>
      </c>
      <c r="FB38" s="296">
        <v>0</v>
      </c>
      <c r="FC38" s="297">
        <v>0</v>
      </c>
      <c r="FD38" s="301"/>
      <c r="FE38" s="296">
        <v>12338</v>
      </c>
      <c r="FF38" s="296">
        <v>0</v>
      </c>
      <c r="FG38" s="296">
        <v>23591</v>
      </c>
      <c r="FH38" s="296">
        <v>32262</v>
      </c>
      <c r="FI38" s="296">
        <v>35495</v>
      </c>
      <c r="FJ38" s="299">
        <v>103686</v>
      </c>
      <c r="FK38" s="300">
        <v>103686</v>
      </c>
      <c r="FL38" s="295">
        <v>0</v>
      </c>
      <c r="FM38" s="296">
        <v>0</v>
      </c>
      <c r="FN38" s="297">
        <v>0</v>
      </c>
      <c r="FO38" s="301"/>
      <c r="FP38" s="296">
        <v>0</v>
      </c>
      <c r="FQ38" s="296">
        <v>0</v>
      </c>
      <c r="FR38" s="296">
        <v>0</v>
      </c>
      <c r="FS38" s="296">
        <v>0</v>
      </c>
      <c r="FT38" s="296">
        <v>0</v>
      </c>
      <c r="FU38" s="299">
        <v>0</v>
      </c>
      <c r="FV38" s="300">
        <v>0</v>
      </c>
      <c r="FW38" s="295">
        <v>0</v>
      </c>
      <c r="FX38" s="296">
        <v>0</v>
      </c>
      <c r="FY38" s="297">
        <v>0</v>
      </c>
      <c r="FZ38" s="298">
        <v>0</v>
      </c>
      <c r="GA38" s="296">
        <v>13795</v>
      </c>
      <c r="GB38" s="296">
        <v>27823</v>
      </c>
      <c r="GC38" s="296">
        <v>82230</v>
      </c>
      <c r="GD38" s="296">
        <v>98802</v>
      </c>
      <c r="GE38" s="296">
        <v>2372</v>
      </c>
      <c r="GF38" s="299">
        <v>225022</v>
      </c>
      <c r="GG38" s="300">
        <v>225022</v>
      </c>
      <c r="GH38" s="295">
        <v>0</v>
      </c>
      <c r="GI38" s="296">
        <v>0</v>
      </c>
      <c r="GJ38" s="297">
        <v>0</v>
      </c>
      <c r="GK38" s="298">
        <v>0</v>
      </c>
      <c r="GL38" s="296">
        <v>0</v>
      </c>
      <c r="GM38" s="296">
        <v>0</v>
      </c>
      <c r="GN38" s="296">
        <v>28</v>
      </c>
      <c r="GO38" s="296">
        <v>0</v>
      </c>
      <c r="GP38" s="296">
        <v>0</v>
      </c>
      <c r="GQ38" s="299">
        <v>28</v>
      </c>
      <c r="GR38" s="300">
        <v>28</v>
      </c>
      <c r="GS38" s="295">
        <v>0</v>
      </c>
      <c r="GT38" s="296">
        <v>0</v>
      </c>
      <c r="GU38" s="297">
        <v>0</v>
      </c>
      <c r="GV38" s="298">
        <v>0</v>
      </c>
      <c r="GW38" s="296">
        <v>0</v>
      </c>
      <c r="GX38" s="296">
        <v>0</v>
      </c>
      <c r="GY38" s="296">
        <v>0</v>
      </c>
      <c r="GZ38" s="296">
        <v>0</v>
      </c>
      <c r="HA38" s="296">
        <v>0</v>
      </c>
      <c r="HB38" s="299">
        <v>0</v>
      </c>
      <c r="HC38" s="300">
        <v>0</v>
      </c>
      <c r="HD38" s="295">
        <v>0</v>
      </c>
      <c r="HE38" s="296">
        <v>0</v>
      </c>
      <c r="HF38" s="297">
        <v>0</v>
      </c>
      <c r="HG38" s="301"/>
      <c r="HH38" s="296">
        <v>0</v>
      </c>
      <c r="HI38" s="296">
        <v>0</v>
      </c>
      <c r="HJ38" s="296">
        <v>0</v>
      </c>
      <c r="HK38" s="296">
        <v>0</v>
      </c>
      <c r="HL38" s="296">
        <v>0</v>
      </c>
      <c r="HM38" s="299">
        <v>0</v>
      </c>
      <c r="HN38" s="300">
        <v>0</v>
      </c>
      <c r="HO38" s="295">
        <v>0</v>
      </c>
      <c r="HP38" s="296">
        <v>0</v>
      </c>
      <c r="HQ38" s="297">
        <v>0</v>
      </c>
      <c r="HR38" s="298">
        <v>0</v>
      </c>
      <c r="HS38" s="296">
        <v>455967</v>
      </c>
      <c r="HT38" s="296">
        <v>583701</v>
      </c>
      <c r="HU38" s="296">
        <v>1114344</v>
      </c>
      <c r="HV38" s="296">
        <v>1470685</v>
      </c>
      <c r="HW38" s="296">
        <v>780860</v>
      </c>
      <c r="HX38" s="299">
        <v>4405557</v>
      </c>
      <c r="HY38" s="300">
        <v>4405557</v>
      </c>
    </row>
    <row r="39" spans="2:233" ht="16.5" customHeight="1" x14ac:dyDescent="0.2">
      <c r="B39" s="293" t="s">
        <v>36</v>
      </c>
      <c r="C39" s="295">
        <v>0</v>
      </c>
      <c r="D39" s="296">
        <v>0</v>
      </c>
      <c r="E39" s="297">
        <v>0</v>
      </c>
      <c r="F39" s="298">
        <v>0</v>
      </c>
      <c r="G39" s="296">
        <v>225800</v>
      </c>
      <c r="H39" s="296">
        <v>378875</v>
      </c>
      <c r="I39" s="296">
        <v>883665</v>
      </c>
      <c r="J39" s="296">
        <v>834942</v>
      </c>
      <c r="K39" s="296">
        <v>676534</v>
      </c>
      <c r="L39" s="299">
        <v>2999816</v>
      </c>
      <c r="M39" s="300">
        <v>2999816</v>
      </c>
      <c r="N39" s="295">
        <v>0</v>
      </c>
      <c r="O39" s="296">
        <v>0</v>
      </c>
      <c r="P39" s="297">
        <v>0</v>
      </c>
      <c r="Q39" s="301"/>
      <c r="R39" s="296">
        <v>0</v>
      </c>
      <c r="S39" s="296">
        <v>32705</v>
      </c>
      <c r="T39" s="296">
        <v>610080</v>
      </c>
      <c r="U39" s="296">
        <v>617420</v>
      </c>
      <c r="V39" s="296">
        <v>533875</v>
      </c>
      <c r="W39" s="299">
        <v>1794080</v>
      </c>
      <c r="X39" s="300">
        <v>1794080</v>
      </c>
      <c r="Y39" s="295">
        <v>0</v>
      </c>
      <c r="Z39" s="296">
        <v>0</v>
      </c>
      <c r="AA39" s="297">
        <v>0</v>
      </c>
      <c r="AB39" s="301"/>
      <c r="AC39" s="296">
        <v>217620</v>
      </c>
      <c r="AD39" s="296">
        <v>300395</v>
      </c>
      <c r="AE39" s="296">
        <v>264450</v>
      </c>
      <c r="AF39" s="296">
        <v>176117</v>
      </c>
      <c r="AG39" s="296">
        <v>112724</v>
      </c>
      <c r="AH39" s="299">
        <v>1071306</v>
      </c>
      <c r="AI39" s="300">
        <v>1071306</v>
      </c>
      <c r="AJ39" s="295">
        <v>0</v>
      </c>
      <c r="AK39" s="296">
        <v>0</v>
      </c>
      <c r="AL39" s="297">
        <v>0</v>
      </c>
      <c r="AM39" s="301"/>
      <c r="AN39" s="296">
        <v>0</v>
      </c>
      <c r="AO39" s="296">
        <v>0</v>
      </c>
      <c r="AP39" s="296">
        <v>0</v>
      </c>
      <c r="AQ39" s="296">
        <v>0</v>
      </c>
      <c r="AR39" s="296">
        <v>0</v>
      </c>
      <c r="AS39" s="299">
        <v>0</v>
      </c>
      <c r="AT39" s="300">
        <v>0</v>
      </c>
      <c r="AU39" s="295">
        <v>0</v>
      </c>
      <c r="AV39" s="296">
        <v>0</v>
      </c>
      <c r="AW39" s="297">
        <v>0</v>
      </c>
      <c r="AX39" s="301"/>
      <c r="AY39" s="296">
        <v>0</v>
      </c>
      <c r="AZ39" s="296">
        <v>0</v>
      </c>
      <c r="BA39" s="296">
        <v>0</v>
      </c>
      <c r="BB39" s="296">
        <v>29915</v>
      </c>
      <c r="BC39" s="296">
        <v>0</v>
      </c>
      <c r="BD39" s="299">
        <v>29915</v>
      </c>
      <c r="BE39" s="300">
        <v>29915</v>
      </c>
      <c r="BF39" s="295">
        <v>0</v>
      </c>
      <c r="BG39" s="296">
        <v>0</v>
      </c>
      <c r="BH39" s="297">
        <v>0</v>
      </c>
      <c r="BI39" s="301"/>
      <c r="BJ39" s="296">
        <v>0</v>
      </c>
      <c r="BK39" s="296">
        <v>0</v>
      </c>
      <c r="BL39" s="296">
        <v>0</v>
      </c>
      <c r="BM39" s="296">
        <v>0</v>
      </c>
      <c r="BN39" s="296">
        <v>0</v>
      </c>
      <c r="BO39" s="299">
        <v>0</v>
      </c>
      <c r="BP39" s="300">
        <v>0</v>
      </c>
      <c r="BQ39" s="295">
        <v>0</v>
      </c>
      <c r="BR39" s="296">
        <v>0</v>
      </c>
      <c r="BS39" s="297">
        <v>0</v>
      </c>
      <c r="BT39" s="298">
        <v>0</v>
      </c>
      <c r="BU39" s="296">
        <v>8180</v>
      </c>
      <c r="BV39" s="296">
        <v>45775</v>
      </c>
      <c r="BW39" s="296">
        <v>9135</v>
      </c>
      <c r="BX39" s="296">
        <v>11490</v>
      </c>
      <c r="BY39" s="296">
        <v>29935</v>
      </c>
      <c r="BZ39" s="299">
        <v>104515</v>
      </c>
      <c r="CA39" s="300">
        <v>104515</v>
      </c>
      <c r="CB39" s="295">
        <v>0</v>
      </c>
      <c r="CC39" s="296">
        <v>0</v>
      </c>
      <c r="CD39" s="297">
        <v>0</v>
      </c>
      <c r="CE39" s="298">
        <v>0</v>
      </c>
      <c r="CF39" s="296">
        <v>0</v>
      </c>
      <c r="CG39" s="296">
        <v>0</v>
      </c>
      <c r="CH39" s="296">
        <v>0</v>
      </c>
      <c r="CI39" s="296">
        <v>0</v>
      </c>
      <c r="CJ39" s="296">
        <v>0</v>
      </c>
      <c r="CK39" s="299">
        <v>0</v>
      </c>
      <c r="CL39" s="300">
        <v>0</v>
      </c>
      <c r="CM39" s="295">
        <v>0</v>
      </c>
      <c r="CN39" s="296">
        <v>0</v>
      </c>
      <c r="CO39" s="297">
        <v>0</v>
      </c>
      <c r="CP39" s="298">
        <v>0</v>
      </c>
      <c r="CQ39" s="296">
        <v>0</v>
      </c>
      <c r="CR39" s="296">
        <v>0</v>
      </c>
      <c r="CS39" s="296">
        <v>0</v>
      </c>
      <c r="CT39" s="296">
        <v>0</v>
      </c>
      <c r="CU39" s="296">
        <v>0</v>
      </c>
      <c r="CV39" s="299">
        <v>0</v>
      </c>
      <c r="CW39" s="300">
        <v>0</v>
      </c>
      <c r="CX39" s="295">
        <v>0</v>
      </c>
      <c r="CY39" s="296">
        <v>0</v>
      </c>
      <c r="CZ39" s="297">
        <v>0</v>
      </c>
      <c r="DA39" s="301"/>
      <c r="DB39" s="296">
        <v>0</v>
      </c>
      <c r="DC39" s="296">
        <v>0</v>
      </c>
      <c r="DD39" s="296">
        <v>0</v>
      </c>
      <c r="DE39" s="296">
        <v>0</v>
      </c>
      <c r="DF39" s="296">
        <v>0</v>
      </c>
      <c r="DG39" s="299">
        <v>0</v>
      </c>
      <c r="DH39" s="300">
        <v>0</v>
      </c>
      <c r="DI39" s="295">
        <v>0</v>
      </c>
      <c r="DJ39" s="296">
        <v>0</v>
      </c>
      <c r="DK39" s="297">
        <v>0</v>
      </c>
      <c r="DL39" s="298">
        <v>0</v>
      </c>
      <c r="DM39" s="296">
        <v>20321</v>
      </c>
      <c r="DN39" s="296">
        <v>121844</v>
      </c>
      <c r="DO39" s="296">
        <v>650381</v>
      </c>
      <c r="DP39" s="296">
        <v>874319</v>
      </c>
      <c r="DQ39" s="296">
        <v>787692</v>
      </c>
      <c r="DR39" s="299">
        <v>2454557</v>
      </c>
      <c r="DS39" s="302">
        <v>2454557</v>
      </c>
      <c r="DT39" s="295">
        <v>0</v>
      </c>
      <c r="DU39" s="296">
        <v>0</v>
      </c>
      <c r="DV39" s="297">
        <v>0</v>
      </c>
      <c r="DW39" s="301"/>
      <c r="DX39" s="296">
        <v>0</v>
      </c>
      <c r="DY39" s="296">
        <v>15035</v>
      </c>
      <c r="DZ39" s="296">
        <v>605027</v>
      </c>
      <c r="EA39" s="296">
        <v>794184</v>
      </c>
      <c r="EB39" s="296">
        <v>758265</v>
      </c>
      <c r="EC39" s="299">
        <v>2172511</v>
      </c>
      <c r="ED39" s="300">
        <v>2172511</v>
      </c>
      <c r="EE39" s="295">
        <v>0</v>
      </c>
      <c r="EF39" s="296">
        <v>0</v>
      </c>
      <c r="EG39" s="297">
        <v>0</v>
      </c>
      <c r="EH39" s="301"/>
      <c r="EI39" s="296">
        <v>14501</v>
      </c>
      <c r="EJ39" s="296">
        <v>48457</v>
      </c>
      <c r="EK39" s="296">
        <v>4655</v>
      </c>
      <c r="EL39" s="296">
        <v>24607</v>
      </c>
      <c r="EM39" s="296">
        <v>1470</v>
      </c>
      <c r="EN39" s="299">
        <v>93690</v>
      </c>
      <c r="EO39" s="300">
        <v>93690</v>
      </c>
      <c r="EP39" s="295">
        <v>0</v>
      </c>
      <c r="EQ39" s="296">
        <v>0</v>
      </c>
      <c r="ER39" s="297">
        <v>0</v>
      </c>
      <c r="ES39" s="301"/>
      <c r="ET39" s="296">
        <v>0</v>
      </c>
      <c r="EU39" s="296">
        <v>0</v>
      </c>
      <c r="EV39" s="296">
        <v>0</v>
      </c>
      <c r="EW39" s="296">
        <v>0</v>
      </c>
      <c r="EX39" s="296">
        <v>0</v>
      </c>
      <c r="EY39" s="299">
        <v>0</v>
      </c>
      <c r="EZ39" s="300">
        <v>0</v>
      </c>
      <c r="FA39" s="295">
        <v>0</v>
      </c>
      <c r="FB39" s="296">
        <v>0</v>
      </c>
      <c r="FC39" s="297">
        <v>0</v>
      </c>
      <c r="FD39" s="301"/>
      <c r="FE39" s="296">
        <v>0</v>
      </c>
      <c r="FF39" s="296">
        <v>0</v>
      </c>
      <c r="FG39" s="296">
        <v>0</v>
      </c>
      <c r="FH39" s="296">
        <v>651</v>
      </c>
      <c r="FI39" s="296">
        <v>0</v>
      </c>
      <c r="FJ39" s="299">
        <v>651</v>
      </c>
      <c r="FK39" s="300">
        <v>651</v>
      </c>
      <c r="FL39" s="295">
        <v>0</v>
      </c>
      <c r="FM39" s="296">
        <v>0</v>
      </c>
      <c r="FN39" s="297">
        <v>0</v>
      </c>
      <c r="FO39" s="301"/>
      <c r="FP39" s="296">
        <v>0</v>
      </c>
      <c r="FQ39" s="296">
        <v>0</v>
      </c>
      <c r="FR39" s="296">
        <v>0</v>
      </c>
      <c r="FS39" s="296">
        <v>0</v>
      </c>
      <c r="FT39" s="296">
        <v>0</v>
      </c>
      <c r="FU39" s="299">
        <v>0</v>
      </c>
      <c r="FV39" s="300">
        <v>0</v>
      </c>
      <c r="FW39" s="295">
        <v>0</v>
      </c>
      <c r="FX39" s="296">
        <v>0</v>
      </c>
      <c r="FY39" s="297">
        <v>0</v>
      </c>
      <c r="FZ39" s="298">
        <v>0</v>
      </c>
      <c r="GA39" s="296">
        <v>5820</v>
      </c>
      <c r="GB39" s="296">
        <v>58352</v>
      </c>
      <c r="GC39" s="296">
        <v>40699</v>
      </c>
      <c r="GD39" s="296">
        <v>54877</v>
      </c>
      <c r="GE39" s="296">
        <v>27957</v>
      </c>
      <c r="GF39" s="299">
        <v>187705</v>
      </c>
      <c r="GG39" s="300">
        <v>187705</v>
      </c>
      <c r="GH39" s="295">
        <v>0</v>
      </c>
      <c r="GI39" s="296">
        <v>0</v>
      </c>
      <c r="GJ39" s="297">
        <v>0</v>
      </c>
      <c r="GK39" s="298">
        <v>0</v>
      </c>
      <c r="GL39" s="296">
        <v>0</v>
      </c>
      <c r="GM39" s="296">
        <v>0</v>
      </c>
      <c r="GN39" s="296">
        <v>0</v>
      </c>
      <c r="GO39" s="296">
        <v>0</v>
      </c>
      <c r="GP39" s="296">
        <v>0</v>
      </c>
      <c r="GQ39" s="299">
        <v>0</v>
      </c>
      <c r="GR39" s="300">
        <v>0</v>
      </c>
      <c r="GS39" s="295">
        <v>0</v>
      </c>
      <c r="GT39" s="296">
        <v>0</v>
      </c>
      <c r="GU39" s="297">
        <v>0</v>
      </c>
      <c r="GV39" s="298">
        <v>0</v>
      </c>
      <c r="GW39" s="296">
        <v>0</v>
      </c>
      <c r="GX39" s="296">
        <v>0</v>
      </c>
      <c r="GY39" s="296">
        <v>0</v>
      </c>
      <c r="GZ39" s="296">
        <v>0</v>
      </c>
      <c r="HA39" s="296">
        <v>0</v>
      </c>
      <c r="HB39" s="299">
        <v>0</v>
      </c>
      <c r="HC39" s="300">
        <v>0</v>
      </c>
      <c r="HD39" s="295">
        <v>0</v>
      </c>
      <c r="HE39" s="296">
        <v>0</v>
      </c>
      <c r="HF39" s="297">
        <v>0</v>
      </c>
      <c r="HG39" s="301"/>
      <c r="HH39" s="296">
        <v>0</v>
      </c>
      <c r="HI39" s="296">
        <v>0</v>
      </c>
      <c r="HJ39" s="296">
        <v>0</v>
      </c>
      <c r="HK39" s="296">
        <v>0</v>
      </c>
      <c r="HL39" s="296">
        <v>0</v>
      </c>
      <c r="HM39" s="299">
        <v>0</v>
      </c>
      <c r="HN39" s="300">
        <v>0</v>
      </c>
      <c r="HO39" s="295">
        <v>0</v>
      </c>
      <c r="HP39" s="296">
        <v>0</v>
      </c>
      <c r="HQ39" s="297">
        <v>0</v>
      </c>
      <c r="HR39" s="298">
        <v>0</v>
      </c>
      <c r="HS39" s="296">
        <v>246121</v>
      </c>
      <c r="HT39" s="296">
        <v>500719</v>
      </c>
      <c r="HU39" s="296">
        <v>1534046</v>
      </c>
      <c r="HV39" s="296">
        <v>1709261</v>
      </c>
      <c r="HW39" s="296">
        <v>1464226</v>
      </c>
      <c r="HX39" s="299">
        <v>5454373</v>
      </c>
      <c r="HY39" s="300">
        <v>5454373</v>
      </c>
    </row>
    <row r="40" spans="2:233" ht="16.5" customHeight="1" thickBot="1" x14ac:dyDescent="0.25">
      <c r="B40" s="294" t="s">
        <v>37</v>
      </c>
      <c r="C40" s="303">
        <v>0</v>
      </c>
      <c r="D40" s="304">
        <v>0</v>
      </c>
      <c r="E40" s="305">
        <v>0</v>
      </c>
      <c r="F40" s="306">
        <v>0</v>
      </c>
      <c r="G40" s="304">
        <v>1690</v>
      </c>
      <c r="H40" s="304">
        <v>2890</v>
      </c>
      <c r="I40" s="304">
        <v>45180</v>
      </c>
      <c r="J40" s="304">
        <v>37975</v>
      </c>
      <c r="K40" s="304">
        <v>35340</v>
      </c>
      <c r="L40" s="307">
        <v>123075</v>
      </c>
      <c r="M40" s="308">
        <v>123075</v>
      </c>
      <c r="N40" s="303">
        <v>0</v>
      </c>
      <c r="O40" s="304">
        <v>0</v>
      </c>
      <c r="P40" s="305">
        <v>0</v>
      </c>
      <c r="Q40" s="309"/>
      <c r="R40" s="304">
        <v>0</v>
      </c>
      <c r="S40" s="304">
        <v>0</v>
      </c>
      <c r="T40" s="304">
        <v>40610</v>
      </c>
      <c r="U40" s="304">
        <v>35340</v>
      </c>
      <c r="V40" s="304">
        <v>35340</v>
      </c>
      <c r="W40" s="307">
        <v>111290</v>
      </c>
      <c r="X40" s="308">
        <v>111290</v>
      </c>
      <c r="Y40" s="303">
        <v>0</v>
      </c>
      <c r="Z40" s="304">
        <v>0</v>
      </c>
      <c r="AA40" s="305">
        <v>0</v>
      </c>
      <c r="AB40" s="309"/>
      <c r="AC40" s="304">
        <v>0</v>
      </c>
      <c r="AD40" s="304">
        <v>2635</v>
      </c>
      <c r="AE40" s="304">
        <v>2635</v>
      </c>
      <c r="AF40" s="304">
        <v>2635</v>
      </c>
      <c r="AG40" s="304">
        <v>0</v>
      </c>
      <c r="AH40" s="307">
        <v>7905</v>
      </c>
      <c r="AI40" s="308">
        <v>7905</v>
      </c>
      <c r="AJ40" s="303">
        <v>0</v>
      </c>
      <c r="AK40" s="304">
        <v>0</v>
      </c>
      <c r="AL40" s="305">
        <v>0</v>
      </c>
      <c r="AM40" s="309"/>
      <c r="AN40" s="304">
        <v>0</v>
      </c>
      <c r="AO40" s="304">
        <v>0</v>
      </c>
      <c r="AP40" s="304">
        <v>0</v>
      </c>
      <c r="AQ40" s="304">
        <v>0</v>
      </c>
      <c r="AR40" s="304">
        <v>0</v>
      </c>
      <c r="AS40" s="307">
        <v>0</v>
      </c>
      <c r="AT40" s="308">
        <v>0</v>
      </c>
      <c r="AU40" s="303">
        <v>0</v>
      </c>
      <c r="AV40" s="304">
        <v>0</v>
      </c>
      <c r="AW40" s="305">
        <v>0</v>
      </c>
      <c r="AX40" s="309"/>
      <c r="AY40" s="304">
        <v>0</v>
      </c>
      <c r="AZ40" s="304">
        <v>0</v>
      </c>
      <c r="BA40" s="304">
        <v>0</v>
      </c>
      <c r="BB40" s="304">
        <v>0</v>
      </c>
      <c r="BC40" s="304">
        <v>0</v>
      </c>
      <c r="BD40" s="307">
        <v>0</v>
      </c>
      <c r="BE40" s="308">
        <v>0</v>
      </c>
      <c r="BF40" s="303">
        <v>0</v>
      </c>
      <c r="BG40" s="304">
        <v>0</v>
      </c>
      <c r="BH40" s="305">
        <v>0</v>
      </c>
      <c r="BI40" s="309"/>
      <c r="BJ40" s="304">
        <v>0</v>
      </c>
      <c r="BK40" s="304">
        <v>0</v>
      </c>
      <c r="BL40" s="304">
        <v>0</v>
      </c>
      <c r="BM40" s="304">
        <v>0</v>
      </c>
      <c r="BN40" s="304">
        <v>0</v>
      </c>
      <c r="BO40" s="307">
        <v>0</v>
      </c>
      <c r="BP40" s="308">
        <v>0</v>
      </c>
      <c r="BQ40" s="303">
        <v>0</v>
      </c>
      <c r="BR40" s="304">
        <v>0</v>
      </c>
      <c r="BS40" s="305">
        <v>0</v>
      </c>
      <c r="BT40" s="306">
        <v>0</v>
      </c>
      <c r="BU40" s="304">
        <v>0</v>
      </c>
      <c r="BV40" s="304">
        <v>255</v>
      </c>
      <c r="BW40" s="304">
        <v>1935</v>
      </c>
      <c r="BX40" s="304">
        <v>0</v>
      </c>
      <c r="BY40" s="304">
        <v>0</v>
      </c>
      <c r="BZ40" s="307">
        <v>2190</v>
      </c>
      <c r="CA40" s="308">
        <v>2190</v>
      </c>
      <c r="CB40" s="303">
        <v>0</v>
      </c>
      <c r="CC40" s="304">
        <v>0</v>
      </c>
      <c r="CD40" s="305">
        <v>0</v>
      </c>
      <c r="CE40" s="306">
        <v>0</v>
      </c>
      <c r="CF40" s="304">
        <v>1690</v>
      </c>
      <c r="CG40" s="304">
        <v>0</v>
      </c>
      <c r="CH40" s="304">
        <v>0</v>
      </c>
      <c r="CI40" s="304">
        <v>0</v>
      </c>
      <c r="CJ40" s="304">
        <v>0</v>
      </c>
      <c r="CK40" s="307">
        <v>1690</v>
      </c>
      <c r="CL40" s="308">
        <v>1690</v>
      </c>
      <c r="CM40" s="303">
        <v>0</v>
      </c>
      <c r="CN40" s="304">
        <v>0</v>
      </c>
      <c r="CO40" s="305">
        <v>0</v>
      </c>
      <c r="CP40" s="306">
        <v>0</v>
      </c>
      <c r="CQ40" s="304">
        <v>0</v>
      </c>
      <c r="CR40" s="304">
        <v>0</v>
      </c>
      <c r="CS40" s="304">
        <v>0</v>
      </c>
      <c r="CT40" s="304">
        <v>0</v>
      </c>
      <c r="CU40" s="304">
        <v>0</v>
      </c>
      <c r="CV40" s="307">
        <v>0</v>
      </c>
      <c r="CW40" s="308">
        <v>0</v>
      </c>
      <c r="CX40" s="303">
        <v>0</v>
      </c>
      <c r="CY40" s="304">
        <v>0</v>
      </c>
      <c r="CZ40" s="305">
        <v>0</v>
      </c>
      <c r="DA40" s="309"/>
      <c r="DB40" s="304">
        <v>0</v>
      </c>
      <c r="DC40" s="304">
        <v>0</v>
      </c>
      <c r="DD40" s="304">
        <v>0</v>
      </c>
      <c r="DE40" s="304">
        <v>0</v>
      </c>
      <c r="DF40" s="304">
        <v>0</v>
      </c>
      <c r="DG40" s="307">
        <v>0</v>
      </c>
      <c r="DH40" s="308">
        <v>0</v>
      </c>
      <c r="DI40" s="303">
        <v>0</v>
      </c>
      <c r="DJ40" s="304">
        <v>0</v>
      </c>
      <c r="DK40" s="305">
        <v>0</v>
      </c>
      <c r="DL40" s="306">
        <v>0</v>
      </c>
      <c r="DM40" s="304">
        <v>14</v>
      </c>
      <c r="DN40" s="304">
        <v>1270</v>
      </c>
      <c r="DO40" s="304">
        <v>75864</v>
      </c>
      <c r="DP40" s="304">
        <v>52018</v>
      </c>
      <c r="DQ40" s="304">
        <v>30070</v>
      </c>
      <c r="DR40" s="307">
        <v>159236</v>
      </c>
      <c r="DS40" s="310">
        <v>159236</v>
      </c>
      <c r="DT40" s="303">
        <v>0</v>
      </c>
      <c r="DU40" s="304">
        <v>0</v>
      </c>
      <c r="DV40" s="305">
        <v>0</v>
      </c>
      <c r="DW40" s="309"/>
      <c r="DX40" s="304">
        <v>0</v>
      </c>
      <c r="DY40" s="304">
        <v>0</v>
      </c>
      <c r="DZ40" s="304">
        <v>73222</v>
      </c>
      <c r="EA40" s="304">
        <v>51801</v>
      </c>
      <c r="EB40" s="304">
        <v>30070</v>
      </c>
      <c r="EC40" s="307">
        <v>155093</v>
      </c>
      <c r="ED40" s="308">
        <v>155093</v>
      </c>
      <c r="EE40" s="303">
        <v>0</v>
      </c>
      <c r="EF40" s="304">
        <v>0</v>
      </c>
      <c r="EG40" s="305">
        <v>0</v>
      </c>
      <c r="EH40" s="309"/>
      <c r="EI40" s="304">
        <v>0</v>
      </c>
      <c r="EJ40" s="304">
        <v>217</v>
      </c>
      <c r="EK40" s="304">
        <v>217</v>
      </c>
      <c r="EL40" s="304">
        <v>217</v>
      </c>
      <c r="EM40" s="304">
        <v>0</v>
      </c>
      <c r="EN40" s="307">
        <v>651</v>
      </c>
      <c r="EO40" s="308">
        <v>651</v>
      </c>
      <c r="EP40" s="303">
        <v>0</v>
      </c>
      <c r="EQ40" s="304">
        <v>0</v>
      </c>
      <c r="ER40" s="305">
        <v>0</v>
      </c>
      <c r="ES40" s="309"/>
      <c r="ET40" s="304">
        <v>0</v>
      </c>
      <c r="EU40" s="304">
        <v>0</v>
      </c>
      <c r="EV40" s="304">
        <v>0</v>
      </c>
      <c r="EW40" s="304">
        <v>0</v>
      </c>
      <c r="EX40" s="304">
        <v>0</v>
      </c>
      <c r="EY40" s="307">
        <v>0</v>
      </c>
      <c r="EZ40" s="308">
        <v>0</v>
      </c>
      <c r="FA40" s="303">
        <v>0</v>
      </c>
      <c r="FB40" s="304">
        <v>0</v>
      </c>
      <c r="FC40" s="305">
        <v>0</v>
      </c>
      <c r="FD40" s="309"/>
      <c r="FE40" s="304">
        <v>0</v>
      </c>
      <c r="FF40" s="304">
        <v>0</v>
      </c>
      <c r="FG40" s="304">
        <v>0</v>
      </c>
      <c r="FH40" s="304">
        <v>0</v>
      </c>
      <c r="FI40" s="304">
        <v>0</v>
      </c>
      <c r="FJ40" s="307">
        <v>0</v>
      </c>
      <c r="FK40" s="308">
        <v>0</v>
      </c>
      <c r="FL40" s="303">
        <v>0</v>
      </c>
      <c r="FM40" s="304">
        <v>0</v>
      </c>
      <c r="FN40" s="305">
        <v>0</v>
      </c>
      <c r="FO40" s="309"/>
      <c r="FP40" s="304">
        <v>0</v>
      </c>
      <c r="FQ40" s="304">
        <v>0</v>
      </c>
      <c r="FR40" s="304">
        <v>0</v>
      </c>
      <c r="FS40" s="304">
        <v>0</v>
      </c>
      <c r="FT40" s="304">
        <v>0</v>
      </c>
      <c r="FU40" s="307">
        <v>0</v>
      </c>
      <c r="FV40" s="308">
        <v>0</v>
      </c>
      <c r="FW40" s="303">
        <v>0</v>
      </c>
      <c r="FX40" s="304">
        <v>0</v>
      </c>
      <c r="FY40" s="305">
        <v>0</v>
      </c>
      <c r="FZ40" s="306">
        <v>0</v>
      </c>
      <c r="GA40" s="304">
        <v>0</v>
      </c>
      <c r="GB40" s="304">
        <v>1053</v>
      </c>
      <c r="GC40" s="304">
        <v>2425</v>
      </c>
      <c r="GD40" s="304">
        <v>0</v>
      </c>
      <c r="GE40" s="304">
        <v>0</v>
      </c>
      <c r="GF40" s="307">
        <v>3478</v>
      </c>
      <c r="GG40" s="308">
        <v>3478</v>
      </c>
      <c r="GH40" s="303">
        <v>0</v>
      </c>
      <c r="GI40" s="304">
        <v>0</v>
      </c>
      <c r="GJ40" s="305">
        <v>0</v>
      </c>
      <c r="GK40" s="306">
        <v>0</v>
      </c>
      <c r="GL40" s="304">
        <v>14</v>
      </c>
      <c r="GM40" s="304">
        <v>0</v>
      </c>
      <c r="GN40" s="304">
        <v>0</v>
      </c>
      <c r="GO40" s="304">
        <v>0</v>
      </c>
      <c r="GP40" s="304">
        <v>0</v>
      </c>
      <c r="GQ40" s="307">
        <v>14</v>
      </c>
      <c r="GR40" s="308">
        <v>14</v>
      </c>
      <c r="GS40" s="303">
        <v>0</v>
      </c>
      <c r="GT40" s="304">
        <v>0</v>
      </c>
      <c r="GU40" s="305">
        <v>0</v>
      </c>
      <c r="GV40" s="306">
        <v>0</v>
      </c>
      <c r="GW40" s="304">
        <v>0</v>
      </c>
      <c r="GX40" s="304">
        <v>0</v>
      </c>
      <c r="GY40" s="304">
        <v>0</v>
      </c>
      <c r="GZ40" s="304">
        <v>0</v>
      </c>
      <c r="HA40" s="304">
        <v>0</v>
      </c>
      <c r="HB40" s="307">
        <v>0</v>
      </c>
      <c r="HC40" s="308">
        <v>0</v>
      </c>
      <c r="HD40" s="303">
        <v>0</v>
      </c>
      <c r="HE40" s="304">
        <v>0</v>
      </c>
      <c r="HF40" s="305">
        <v>0</v>
      </c>
      <c r="HG40" s="309"/>
      <c r="HH40" s="304">
        <v>0</v>
      </c>
      <c r="HI40" s="304">
        <v>0</v>
      </c>
      <c r="HJ40" s="304">
        <v>0</v>
      </c>
      <c r="HK40" s="304">
        <v>0</v>
      </c>
      <c r="HL40" s="304">
        <v>0</v>
      </c>
      <c r="HM40" s="307">
        <v>0</v>
      </c>
      <c r="HN40" s="308">
        <v>0</v>
      </c>
      <c r="HO40" s="303">
        <v>0</v>
      </c>
      <c r="HP40" s="304">
        <v>0</v>
      </c>
      <c r="HQ40" s="305">
        <v>0</v>
      </c>
      <c r="HR40" s="306">
        <v>0</v>
      </c>
      <c r="HS40" s="304">
        <v>1704</v>
      </c>
      <c r="HT40" s="304">
        <v>4160</v>
      </c>
      <c r="HU40" s="304">
        <v>121044</v>
      </c>
      <c r="HV40" s="304">
        <v>89993</v>
      </c>
      <c r="HW40" s="304">
        <v>65410</v>
      </c>
      <c r="HX40" s="307">
        <v>282311</v>
      </c>
      <c r="HY40" s="308">
        <v>282311</v>
      </c>
    </row>
    <row r="41" spans="2:233" x14ac:dyDescent="0.2">
      <c r="B41" s="1" t="s">
        <v>84</v>
      </c>
    </row>
  </sheetData>
  <mergeCells count="88">
    <mergeCell ref="HD4:HN4"/>
    <mergeCell ref="DI3:HN3"/>
    <mergeCell ref="EP4:EZ4"/>
    <mergeCell ref="FL4:FV4"/>
    <mergeCell ref="HO3:HY4"/>
    <mergeCell ref="EE4:EO4"/>
    <mergeCell ref="FW4:GG4"/>
    <mergeCell ref="GH4:GR4"/>
    <mergeCell ref="GS4:HC4"/>
    <mergeCell ref="CX4:DH4"/>
    <mergeCell ref="C3:DH3"/>
    <mergeCell ref="FA4:FK4"/>
    <mergeCell ref="DI4:DS4"/>
    <mergeCell ref="DT4:ED4"/>
    <mergeCell ref="C4:M4"/>
    <mergeCell ref="N4:X4"/>
    <mergeCell ref="Y4:AI4"/>
    <mergeCell ref="AJ4:AT4"/>
    <mergeCell ref="BF4:BP4"/>
    <mergeCell ref="AU4:BE4"/>
    <mergeCell ref="C5:E5"/>
    <mergeCell ref="F5:L5"/>
    <mergeCell ref="M5:M6"/>
    <mergeCell ref="N5:P5"/>
    <mergeCell ref="Q5:W5"/>
    <mergeCell ref="G1:H1"/>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4" max="1048575" man="1"/>
    <brk id="57" max="1048575" man="1"/>
    <brk id="79" max="1048575" man="1"/>
    <brk id="112" max="1048575" man="1"/>
    <brk id="134" max="1048575" man="1"/>
    <brk id="167" max="1048575" man="1"/>
    <brk id="189" max="1048575" man="1"/>
    <brk id="22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4</v>
      </c>
      <c r="G1" s="524"/>
      <c r="H1" s="248">
        <f>第１表!G2</f>
        <v>7</v>
      </c>
      <c r="I1" s="523">
        <f>H1</f>
        <v>7</v>
      </c>
      <c r="J1" s="523"/>
    </row>
    <row r="2" spans="2:299" ht="24" customHeight="1" thickBot="1" x14ac:dyDescent="0.25">
      <c r="B2" s="20" t="s">
        <v>132</v>
      </c>
    </row>
    <row r="3" spans="2:299" ht="22.5" customHeight="1" thickBot="1" x14ac:dyDescent="0.25">
      <c r="B3" s="510" t="s">
        <v>38</v>
      </c>
      <c r="C3" s="505" t="s">
        <v>96</v>
      </c>
      <c r="D3" s="505"/>
      <c r="E3" s="505"/>
      <c r="F3" s="505"/>
      <c r="G3" s="505"/>
      <c r="H3" s="505"/>
      <c r="I3" s="505"/>
      <c r="J3" s="505"/>
      <c r="K3" s="505"/>
      <c r="L3" s="505"/>
      <c r="M3" s="505"/>
      <c r="N3" s="505"/>
      <c r="O3" s="505"/>
      <c r="P3" s="505"/>
      <c r="Q3" s="505"/>
      <c r="R3" s="505"/>
      <c r="S3" s="505"/>
      <c r="T3" s="505"/>
      <c r="U3" s="505"/>
      <c r="V3" s="505"/>
      <c r="W3" s="505"/>
      <c r="X3" s="505"/>
      <c r="Y3" s="505"/>
      <c r="Z3" s="505"/>
      <c r="AA3" s="505"/>
      <c r="AB3" s="505"/>
      <c r="AC3" s="505"/>
      <c r="AD3" s="505"/>
      <c r="AE3" s="505"/>
      <c r="AF3" s="505"/>
      <c r="AG3" s="505"/>
      <c r="AH3" s="505"/>
      <c r="AI3" s="505"/>
      <c r="AJ3" s="505"/>
      <c r="AK3" s="505"/>
      <c r="AL3" s="505"/>
      <c r="AM3" s="505"/>
      <c r="AN3" s="505"/>
      <c r="AO3" s="505"/>
      <c r="AP3" s="505"/>
      <c r="AQ3" s="505"/>
      <c r="AR3" s="505"/>
      <c r="AS3" s="505"/>
      <c r="AT3" s="505"/>
      <c r="AU3" s="505"/>
      <c r="AV3" s="505"/>
      <c r="AW3" s="505"/>
      <c r="AX3" s="505"/>
      <c r="AY3" s="505"/>
      <c r="AZ3" s="505"/>
      <c r="BA3" s="505"/>
      <c r="BB3" s="505"/>
      <c r="BC3" s="505"/>
      <c r="BD3" s="505"/>
      <c r="BE3" s="505"/>
      <c r="BF3" s="505"/>
      <c r="BG3" s="505"/>
      <c r="BH3" s="505"/>
      <c r="BI3" s="505"/>
      <c r="BJ3" s="505"/>
      <c r="BK3" s="505"/>
      <c r="BL3" s="505"/>
      <c r="BM3" s="505"/>
      <c r="BN3" s="505"/>
      <c r="BO3" s="505"/>
      <c r="BP3" s="505"/>
      <c r="BQ3" s="505"/>
      <c r="BR3" s="505"/>
      <c r="BS3" s="505"/>
      <c r="BT3" s="505"/>
      <c r="BU3" s="505"/>
      <c r="BV3" s="505"/>
      <c r="BW3" s="505"/>
      <c r="BX3" s="505"/>
      <c r="BY3" s="505"/>
      <c r="BZ3" s="505"/>
      <c r="CA3" s="505"/>
      <c r="CB3" s="505"/>
      <c r="CC3" s="505"/>
      <c r="CD3" s="505"/>
      <c r="CE3" s="505"/>
      <c r="CF3" s="505"/>
      <c r="CG3" s="505"/>
      <c r="CH3" s="505"/>
      <c r="CI3" s="505"/>
      <c r="CJ3" s="505"/>
      <c r="CK3" s="505"/>
      <c r="CL3" s="505"/>
      <c r="CM3" s="505"/>
      <c r="CN3" s="505"/>
      <c r="CO3" s="505"/>
      <c r="CP3" s="505"/>
      <c r="CQ3" s="505"/>
      <c r="CR3" s="505"/>
      <c r="CS3" s="505"/>
      <c r="CT3" s="505"/>
      <c r="CU3" s="505"/>
      <c r="CV3" s="505"/>
      <c r="CW3" s="506"/>
      <c r="CX3" s="505" t="s">
        <v>103</v>
      </c>
      <c r="CY3" s="505"/>
      <c r="CZ3" s="505"/>
      <c r="DA3" s="505"/>
      <c r="DB3" s="505"/>
      <c r="DC3" s="505"/>
      <c r="DD3" s="505"/>
      <c r="DE3" s="505"/>
      <c r="DF3" s="505"/>
      <c r="DG3" s="505"/>
      <c r="DH3" s="505"/>
      <c r="DI3" s="505"/>
      <c r="DJ3" s="505"/>
      <c r="DK3" s="505"/>
      <c r="DL3" s="505"/>
      <c r="DM3" s="505"/>
      <c r="DN3" s="505"/>
      <c r="DO3" s="505"/>
      <c r="DP3" s="505"/>
      <c r="DQ3" s="505"/>
      <c r="DR3" s="505"/>
      <c r="DS3" s="505"/>
      <c r="DT3" s="505"/>
      <c r="DU3" s="505"/>
      <c r="DV3" s="505"/>
      <c r="DW3" s="505"/>
      <c r="DX3" s="505"/>
      <c r="DY3" s="505"/>
      <c r="DZ3" s="505"/>
      <c r="EA3" s="505"/>
      <c r="EB3" s="505"/>
      <c r="EC3" s="505"/>
      <c r="ED3" s="505"/>
      <c r="EE3" s="505"/>
      <c r="EF3" s="505"/>
      <c r="EG3" s="505"/>
      <c r="EH3" s="505"/>
      <c r="EI3" s="505"/>
      <c r="EJ3" s="505"/>
      <c r="EK3" s="505"/>
      <c r="EL3" s="505"/>
      <c r="EM3" s="505"/>
      <c r="EN3" s="505"/>
      <c r="EO3" s="505"/>
      <c r="EP3" s="505"/>
      <c r="EQ3" s="505"/>
      <c r="ER3" s="505"/>
      <c r="ES3" s="505"/>
      <c r="ET3" s="505"/>
      <c r="EU3" s="505"/>
      <c r="EV3" s="505"/>
      <c r="EW3" s="505"/>
      <c r="EX3" s="505"/>
      <c r="EY3" s="505"/>
      <c r="EZ3" s="505"/>
      <c r="FA3" s="505"/>
      <c r="FB3" s="505"/>
      <c r="FC3" s="505"/>
      <c r="FD3" s="505"/>
      <c r="FE3" s="505"/>
      <c r="FF3" s="505"/>
      <c r="FG3" s="505"/>
      <c r="FH3" s="505"/>
      <c r="FI3" s="505"/>
      <c r="FJ3" s="505"/>
      <c r="FK3" s="505"/>
      <c r="FL3" s="505"/>
      <c r="FM3" s="505"/>
      <c r="FN3" s="505"/>
      <c r="FO3" s="505"/>
      <c r="FP3" s="505"/>
      <c r="FQ3" s="505"/>
      <c r="FR3" s="505"/>
      <c r="FS3" s="505"/>
      <c r="FT3" s="505"/>
      <c r="FU3" s="505"/>
      <c r="FV3" s="505"/>
      <c r="FW3" s="505"/>
      <c r="FX3" s="505"/>
      <c r="FY3" s="505"/>
      <c r="FZ3" s="505"/>
      <c r="GA3" s="505"/>
      <c r="GB3" s="505"/>
      <c r="GC3" s="505"/>
      <c r="GD3" s="505"/>
      <c r="GE3" s="505"/>
      <c r="GF3" s="505"/>
      <c r="GG3" s="505"/>
      <c r="GH3" s="505"/>
      <c r="GI3" s="505"/>
      <c r="GJ3" s="505"/>
      <c r="GK3" s="505"/>
      <c r="GL3" s="505"/>
      <c r="GM3" s="505"/>
      <c r="GN3" s="505"/>
      <c r="GO3" s="505"/>
      <c r="GP3" s="505"/>
      <c r="GQ3" s="505"/>
      <c r="GR3" s="506"/>
      <c r="GS3" s="505" t="s">
        <v>104</v>
      </c>
      <c r="GT3" s="505"/>
      <c r="GU3" s="505"/>
      <c r="GV3" s="505"/>
      <c r="GW3" s="505"/>
      <c r="GX3" s="505"/>
      <c r="GY3" s="505"/>
      <c r="GZ3" s="505"/>
      <c r="HA3" s="505"/>
      <c r="HB3" s="505"/>
      <c r="HC3" s="505"/>
      <c r="HD3" s="505"/>
      <c r="HE3" s="505"/>
      <c r="HF3" s="505"/>
      <c r="HG3" s="505"/>
      <c r="HH3" s="505"/>
      <c r="HI3" s="505"/>
      <c r="HJ3" s="505"/>
      <c r="HK3" s="505"/>
      <c r="HL3" s="505"/>
      <c r="HM3" s="505"/>
      <c r="HN3" s="505"/>
      <c r="HO3" s="505"/>
      <c r="HP3" s="505"/>
      <c r="HQ3" s="505"/>
      <c r="HR3" s="505"/>
      <c r="HS3" s="505"/>
      <c r="HT3" s="505"/>
      <c r="HU3" s="505"/>
      <c r="HV3" s="505"/>
      <c r="HW3" s="505"/>
      <c r="HX3" s="505"/>
      <c r="HY3" s="505"/>
      <c r="HZ3" s="505"/>
      <c r="IA3" s="505"/>
      <c r="IB3" s="505"/>
      <c r="IC3" s="505"/>
      <c r="ID3" s="505"/>
      <c r="IE3" s="505"/>
      <c r="IF3" s="505"/>
      <c r="IG3" s="505"/>
      <c r="IH3" s="505"/>
      <c r="II3" s="505"/>
      <c r="IJ3" s="505"/>
      <c r="IK3" s="505"/>
      <c r="IL3" s="505"/>
      <c r="IM3" s="505"/>
      <c r="IN3" s="505"/>
      <c r="IO3" s="505"/>
      <c r="IP3" s="505"/>
      <c r="IQ3" s="505"/>
      <c r="IR3" s="505"/>
      <c r="IS3" s="505"/>
      <c r="IT3" s="505"/>
      <c r="IU3" s="505"/>
      <c r="IV3" s="505"/>
      <c r="IW3" s="505"/>
      <c r="IX3" s="505"/>
      <c r="IY3" s="505"/>
      <c r="IZ3" s="505"/>
      <c r="JA3" s="505"/>
      <c r="JB3" s="505"/>
      <c r="JC3" s="505"/>
      <c r="JD3" s="505"/>
      <c r="JE3" s="505"/>
      <c r="JF3" s="505"/>
      <c r="JG3" s="505"/>
      <c r="JH3" s="505"/>
      <c r="JI3" s="505"/>
      <c r="JJ3" s="505"/>
      <c r="JK3" s="505"/>
      <c r="JL3" s="505"/>
      <c r="JM3" s="505"/>
      <c r="JN3" s="505"/>
      <c r="JO3" s="505"/>
      <c r="JP3" s="505"/>
      <c r="JQ3" s="505"/>
      <c r="JR3" s="505"/>
      <c r="JS3" s="505"/>
      <c r="JT3" s="505"/>
      <c r="JU3" s="505"/>
      <c r="JV3" s="505"/>
      <c r="JW3" s="505"/>
      <c r="JX3" s="505"/>
      <c r="JY3" s="505"/>
      <c r="JZ3" s="505"/>
      <c r="KA3" s="505"/>
      <c r="KB3" s="505"/>
      <c r="KC3" s="505"/>
      <c r="KD3" s="505"/>
      <c r="KE3" s="505"/>
      <c r="KF3" s="505"/>
      <c r="KG3" s="505"/>
      <c r="KH3" s="505"/>
      <c r="KI3" s="505"/>
      <c r="KJ3" s="505"/>
      <c r="KK3" s="505"/>
      <c r="KL3" s="505"/>
      <c r="KM3" s="506"/>
    </row>
    <row r="4" spans="2:299" ht="27.75" customHeight="1" thickBot="1" x14ac:dyDescent="0.25">
      <c r="B4" s="522"/>
      <c r="C4" s="507" t="s">
        <v>39</v>
      </c>
      <c r="D4" s="508"/>
      <c r="E4" s="508"/>
      <c r="F4" s="508"/>
      <c r="G4" s="508"/>
      <c r="H4" s="508"/>
      <c r="I4" s="508"/>
      <c r="J4" s="508"/>
      <c r="K4" s="508"/>
      <c r="L4" s="508"/>
      <c r="M4" s="508"/>
      <c r="N4" s="508"/>
      <c r="O4" s="508"/>
      <c r="P4" s="508"/>
      <c r="Q4" s="508"/>
      <c r="R4" s="508"/>
      <c r="S4" s="508"/>
      <c r="T4" s="508"/>
      <c r="U4" s="508"/>
      <c r="V4" s="508"/>
      <c r="W4" s="508"/>
      <c r="X4" s="508"/>
      <c r="Y4" s="508"/>
      <c r="Z4" s="508"/>
      <c r="AA4" s="508"/>
      <c r="AB4" s="508"/>
      <c r="AC4" s="508"/>
      <c r="AD4" s="508"/>
      <c r="AE4" s="508"/>
      <c r="AF4" s="508"/>
      <c r="AG4" s="508"/>
      <c r="AH4" s="508"/>
      <c r="AI4" s="508"/>
      <c r="AJ4" s="508"/>
      <c r="AK4" s="508"/>
      <c r="AL4" s="508"/>
      <c r="AM4" s="508"/>
      <c r="AN4" s="508"/>
      <c r="AO4" s="508"/>
      <c r="AP4" s="508"/>
      <c r="AQ4" s="508"/>
      <c r="AR4" s="508"/>
      <c r="AS4" s="508"/>
      <c r="AT4" s="508"/>
      <c r="AU4" s="508"/>
      <c r="AV4" s="508"/>
      <c r="AW4" s="508"/>
      <c r="AX4" s="508"/>
      <c r="AY4" s="508"/>
      <c r="AZ4" s="508"/>
      <c r="BA4" s="508"/>
      <c r="BB4" s="508"/>
      <c r="BC4" s="508"/>
      <c r="BD4" s="508"/>
      <c r="BE4" s="508"/>
      <c r="BF4" s="508"/>
      <c r="BG4" s="508"/>
      <c r="BH4" s="508"/>
      <c r="BI4" s="508"/>
      <c r="BJ4" s="508"/>
      <c r="BK4" s="508"/>
      <c r="BL4" s="508"/>
      <c r="BM4" s="508"/>
      <c r="BN4" s="508"/>
      <c r="BO4" s="508"/>
      <c r="BP4" s="508"/>
      <c r="BQ4" s="508"/>
      <c r="BR4" s="508"/>
      <c r="BS4" s="508"/>
      <c r="BT4" s="508"/>
      <c r="BU4" s="508"/>
      <c r="BV4" s="508"/>
      <c r="BW4" s="508"/>
      <c r="BX4" s="508"/>
      <c r="BY4" s="508"/>
      <c r="BZ4" s="508"/>
      <c r="CA4" s="509"/>
      <c r="CB4" s="510" t="s">
        <v>40</v>
      </c>
      <c r="CC4" s="511"/>
      <c r="CD4" s="511"/>
      <c r="CE4" s="511"/>
      <c r="CF4" s="511"/>
      <c r="CG4" s="511"/>
      <c r="CH4" s="511"/>
      <c r="CI4" s="511"/>
      <c r="CJ4" s="511"/>
      <c r="CK4" s="511"/>
      <c r="CL4" s="512"/>
      <c r="CM4" s="510" t="s">
        <v>41</v>
      </c>
      <c r="CN4" s="511"/>
      <c r="CO4" s="511"/>
      <c r="CP4" s="511"/>
      <c r="CQ4" s="511"/>
      <c r="CR4" s="511"/>
      <c r="CS4" s="511"/>
      <c r="CT4" s="511"/>
      <c r="CU4" s="511"/>
      <c r="CV4" s="511"/>
      <c r="CW4" s="512"/>
      <c r="CX4" s="507" t="s">
        <v>39</v>
      </c>
      <c r="CY4" s="508"/>
      <c r="CZ4" s="508"/>
      <c r="DA4" s="508"/>
      <c r="DB4" s="508"/>
      <c r="DC4" s="508"/>
      <c r="DD4" s="508"/>
      <c r="DE4" s="508"/>
      <c r="DF4" s="508"/>
      <c r="DG4" s="508"/>
      <c r="DH4" s="508"/>
      <c r="DI4" s="508"/>
      <c r="DJ4" s="508"/>
      <c r="DK4" s="508"/>
      <c r="DL4" s="508"/>
      <c r="DM4" s="508"/>
      <c r="DN4" s="508"/>
      <c r="DO4" s="508"/>
      <c r="DP4" s="508"/>
      <c r="DQ4" s="508"/>
      <c r="DR4" s="508"/>
      <c r="DS4" s="508"/>
      <c r="DT4" s="508"/>
      <c r="DU4" s="508"/>
      <c r="DV4" s="508"/>
      <c r="DW4" s="508"/>
      <c r="DX4" s="508"/>
      <c r="DY4" s="508"/>
      <c r="DZ4" s="508"/>
      <c r="EA4" s="508"/>
      <c r="EB4" s="508"/>
      <c r="EC4" s="508"/>
      <c r="ED4" s="508"/>
      <c r="EE4" s="508"/>
      <c r="EF4" s="508"/>
      <c r="EG4" s="508"/>
      <c r="EH4" s="508"/>
      <c r="EI4" s="508"/>
      <c r="EJ4" s="508"/>
      <c r="EK4" s="508"/>
      <c r="EL4" s="508"/>
      <c r="EM4" s="508"/>
      <c r="EN4" s="508"/>
      <c r="EO4" s="508"/>
      <c r="EP4" s="508"/>
      <c r="EQ4" s="508"/>
      <c r="ER4" s="508"/>
      <c r="ES4" s="508"/>
      <c r="ET4" s="508"/>
      <c r="EU4" s="508"/>
      <c r="EV4" s="508"/>
      <c r="EW4" s="508"/>
      <c r="EX4" s="508"/>
      <c r="EY4" s="508"/>
      <c r="EZ4" s="508"/>
      <c r="FA4" s="508"/>
      <c r="FB4" s="508"/>
      <c r="FC4" s="508"/>
      <c r="FD4" s="508"/>
      <c r="FE4" s="508"/>
      <c r="FF4" s="508"/>
      <c r="FG4" s="508"/>
      <c r="FH4" s="508"/>
      <c r="FI4" s="508"/>
      <c r="FJ4" s="508"/>
      <c r="FK4" s="508"/>
      <c r="FL4" s="508"/>
      <c r="FM4" s="508"/>
      <c r="FN4" s="508"/>
      <c r="FO4" s="508"/>
      <c r="FP4" s="508"/>
      <c r="FQ4" s="508"/>
      <c r="FR4" s="508"/>
      <c r="FS4" s="508"/>
      <c r="FT4" s="508"/>
      <c r="FU4" s="508"/>
      <c r="FV4" s="509"/>
      <c r="FW4" s="510" t="s">
        <v>40</v>
      </c>
      <c r="FX4" s="511"/>
      <c r="FY4" s="511"/>
      <c r="FZ4" s="511"/>
      <c r="GA4" s="511"/>
      <c r="GB4" s="511"/>
      <c r="GC4" s="511"/>
      <c r="GD4" s="511"/>
      <c r="GE4" s="511"/>
      <c r="GF4" s="511"/>
      <c r="GG4" s="512"/>
      <c r="GH4" s="510" t="s">
        <v>41</v>
      </c>
      <c r="GI4" s="511"/>
      <c r="GJ4" s="511"/>
      <c r="GK4" s="511"/>
      <c r="GL4" s="511"/>
      <c r="GM4" s="511"/>
      <c r="GN4" s="511"/>
      <c r="GO4" s="511"/>
      <c r="GP4" s="511"/>
      <c r="GQ4" s="511"/>
      <c r="GR4" s="512"/>
      <c r="GS4" s="507" t="s">
        <v>39</v>
      </c>
      <c r="GT4" s="508"/>
      <c r="GU4" s="508"/>
      <c r="GV4" s="508"/>
      <c r="GW4" s="508"/>
      <c r="GX4" s="508"/>
      <c r="GY4" s="508"/>
      <c r="GZ4" s="508"/>
      <c r="HA4" s="508"/>
      <c r="HB4" s="508"/>
      <c r="HC4" s="508"/>
      <c r="HD4" s="508"/>
      <c r="HE4" s="508"/>
      <c r="HF4" s="508"/>
      <c r="HG4" s="508"/>
      <c r="HH4" s="508"/>
      <c r="HI4" s="508"/>
      <c r="HJ4" s="508"/>
      <c r="HK4" s="508"/>
      <c r="HL4" s="508"/>
      <c r="HM4" s="508"/>
      <c r="HN4" s="508"/>
      <c r="HO4" s="508"/>
      <c r="HP4" s="508"/>
      <c r="HQ4" s="508"/>
      <c r="HR4" s="508"/>
      <c r="HS4" s="508"/>
      <c r="HT4" s="508"/>
      <c r="HU4" s="508"/>
      <c r="HV4" s="508"/>
      <c r="HW4" s="508"/>
      <c r="HX4" s="508"/>
      <c r="HY4" s="508"/>
      <c r="HZ4" s="508"/>
      <c r="IA4" s="508"/>
      <c r="IB4" s="508"/>
      <c r="IC4" s="508"/>
      <c r="ID4" s="508"/>
      <c r="IE4" s="508"/>
      <c r="IF4" s="508"/>
      <c r="IG4" s="508"/>
      <c r="IH4" s="508"/>
      <c r="II4" s="508"/>
      <c r="IJ4" s="508"/>
      <c r="IK4" s="508"/>
      <c r="IL4" s="508"/>
      <c r="IM4" s="508"/>
      <c r="IN4" s="508"/>
      <c r="IO4" s="508"/>
      <c r="IP4" s="508"/>
      <c r="IQ4" s="508"/>
      <c r="IR4" s="508"/>
      <c r="IS4" s="508"/>
      <c r="IT4" s="508"/>
      <c r="IU4" s="508"/>
      <c r="IV4" s="508"/>
      <c r="IW4" s="508"/>
      <c r="IX4" s="508"/>
      <c r="IY4" s="508"/>
      <c r="IZ4" s="508"/>
      <c r="JA4" s="508"/>
      <c r="JB4" s="508"/>
      <c r="JC4" s="508"/>
      <c r="JD4" s="508"/>
      <c r="JE4" s="508"/>
      <c r="JF4" s="508"/>
      <c r="JG4" s="508"/>
      <c r="JH4" s="508"/>
      <c r="JI4" s="508"/>
      <c r="JJ4" s="508"/>
      <c r="JK4" s="508"/>
      <c r="JL4" s="508"/>
      <c r="JM4" s="508"/>
      <c r="JN4" s="508"/>
      <c r="JO4" s="508"/>
      <c r="JP4" s="508"/>
      <c r="JQ4" s="509"/>
      <c r="JR4" s="510" t="s">
        <v>40</v>
      </c>
      <c r="JS4" s="511"/>
      <c r="JT4" s="511"/>
      <c r="JU4" s="511"/>
      <c r="JV4" s="511"/>
      <c r="JW4" s="511"/>
      <c r="JX4" s="511"/>
      <c r="JY4" s="511"/>
      <c r="JZ4" s="511"/>
      <c r="KA4" s="511"/>
      <c r="KB4" s="512"/>
      <c r="KC4" s="510" t="s">
        <v>41</v>
      </c>
      <c r="KD4" s="511"/>
      <c r="KE4" s="511"/>
      <c r="KF4" s="511"/>
      <c r="KG4" s="511"/>
      <c r="KH4" s="511"/>
      <c r="KI4" s="511"/>
      <c r="KJ4" s="511"/>
      <c r="KK4" s="511"/>
      <c r="KL4" s="511"/>
      <c r="KM4" s="512"/>
    </row>
    <row r="5" spans="2:299" ht="27.75" customHeight="1" thickBot="1" x14ac:dyDescent="0.25">
      <c r="B5" s="516"/>
      <c r="C5" s="516"/>
      <c r="D5" s="517"/>
      <c r="E5" s="517"/>
      <c r="F5" s="517"/>
      <c r="G5" s="517"/>
      <c r="H5" s="517"/>
      <c r="I5" s="517"/>
      <c r="J5" s="517"/>
      <c r="K5" s="517"/>
      <c r="L5" s="517"/>
      <c r="M5" s="518"/>
      <c r="N5" s="519" t="s">
        <v>97</v>
      </c>
      <c r="O5" s="520"/>
      <c r="P5" s="520"/>
      <c r="Q5" s="520"/>
      <c r="R5" s="520"/>
      <c r="S5" s="520"/>
      <c r="T5" s="520"/>
      <c r="U5" s="520"/>
      <c r="V5" s="520"/>
      <c r="W5" s="520"/>
      <c r="X5" s="521"/>
      <c r="Y5" s="519" t="s">
        <v>98</v>
      </c>
      <c r="Z5" s="520"/>
      <c r="AA5" s="520"/>
      <c r="AB5" s="520"/>
      <c r="AC5" s="520"/>
      <c r="AD5" s="520"/>
      <c r="AE5" s="520"/>
      <c r="AF5" s="520"/>
      <c r="AG5" s="520"/>
      <c r="AH5" s="520"/>
      <c r="AI5" s="521"/>
      <c r="AJ5" s="519" t="s">
        <v>99</v>
      </c>
      <c r="AK5" s="520"/>
      <c r="AL5" s="520"/>
      <c r="AM5" s="520"/>
      <c r="AN5" s="520"/>
      <c r="AO5" s="520"/>
      <c r="AP5" s="520"/>
      <c r="AQ5" s="520"/>
      <c r="AR5" s="520"/>
      <c r="AS5" s="520"/>
      <c r="AT5" s="521"/>
      <c r="AU5" s="519" t="s">
        <v>100</v>
      </c>
      <c r="AV5" s="520"/>
      <c r="AW5" s="520"/>
      <c r="AX5" s="520"/>
      <c r="AY5" s="520"/>
      <c r="AZ5" s="520"/>
      <c r="BA5" s="520"/>
      <c r="BB5" s="520"/>
      <c r="BC5" s="520"/>
      <c r="BD5" s="520"/>
      <c r="BE5" s="521"/>
      <c r="BF5" s="519" t="s">
        <v>101</v>
      </c>
      <c r="BG5" s="520"/>
      <c r="BH5" s="520"/>
      <c r="BI5" s="520"/>
      <c r="BJ5" s="520"/>
      <c r="BK5" s="520"/>
      <c r="BL5" s="520"/>
      <c r="BM5" s="520"/>
      <c r="BN5" s="520"/>
      <c r="BO5" s="520"/>
      <c r="BP5" s="521"/>
      <c r="BQ5" s="519" t="s">
        <v>102</v>
      </c>
      <c r="BR5" s="520"/>
      <c r="BS5" s="520"/>
      <c r="BT5" s="520"/>
      <c r="BU5" s="520"/>
      <c r="BV5" s="520"/>
      <c r="BW5" s="520"/>
      <c r="BX5" s="520"/>
      <c r="BY5" s="520"/>
      <c r="BZ5" s="520"/>
      <c r="CA5" s="521"/>
      <c r="CB5" s="513"/>
      <c r="CC5" s="514"/>
      <c r="CD5" s="514"/>
      <c r="CE5" s="514"/>
      <c r="CF5" s="514"/>
      <c r="CG5" s="514"/>
      <c r="CH5" s="514"/>
      <c r="CI5" s="514"/>
      <c r="CJ5" s="514"/>
      <c r="CK5" s="514"/>
      <c r="CL5" s="515"/>
      <c r="CM5" s="513"/>
      <c r="CN5" s="514"/>
      <c r="CO5" s="514"/>
      <c r="CP5" s="514"/>
      <c r="CQ5" s="514"/>
      <c r="CR5" s="514"/>
      <c r="CS5" s="514"/>
      <c r="CT5" s="514"/>
      <c r="CU5" s="514"/>
      <c r="CV5" s="514"/>
      <c r="CW5" s="515"/>
      <c r="CX5" s="516"/>
      <c r="CY5" s="517"/>
      <c r="CZ5" s="517"/>
      <c r="DA5" s="517"/>
      <c r="DB5" s="517"/>
      <c r="DC5" s="517"/>
      <c r="DD5" s="517"/>
      <c r="DE5" s="517"/>
      <c r="DF5" s="517"/>
      <c r="DG5" s="517"/>
      <c r="DH5" s="518"/>
      <c r="DI5" s="519" t="s">
        <v>97</v>
      </c>
      <c r="DJ5" s="520"/>
      <c r="DK5" s="520"/>
      <c r="DL5" s="520"/>
      <c r="DM5" s="520"/>
      <c r="DN5" s="520"/>
      <c r="DO5" s="520"/>
      <c r="DP5" s="520"/>
      <c r="DQ5" s="520"/>
      <c r="DR5" s="520"/>
      <c r="DS5" s="521"/>
      <c r="DT5" s="519" t="s">
        <v>98</v>
      </c>
      <c r="DU5" s="520"/>
      <c r="DV5" s="520"/>
      <c r="DW5" s="520"/>
      <c r="DX5" s="520"/>
      <c r="DY5" s="520"/>
      <c r="DZ5" s="520"/>
      <c r="EA5" s="520"/>
      <c r="EB5" s="520"/>
      <c r="EC5" s="520"/>
      <c r="ED5" s="521"/>
      <c r="EE5" s="519" t="s">
        <v>99</v>
      </c>
      <c r="EF5" s="520"/>
      <c r="EG5" s="520"/>
      <c r="EH5" s="520"/>
      <c r="EI5" s="520"/>
      <c r="EJ5" s="520"/>
      <c r="EK5" s="520"/>
      <c r="EL5" s="520"/>
      <c r="EM5" s="520"/>
      <c r="EN5" s="520"/>
      <c r="EO5" s="521"/>
      <c r="EP5" s="519" t="s">
        <v>100</v>
      </c>
      <c r="EQ5" s="520"/>
      <c r="ER5" s="520"/>
      <c r="ES5" s="520"/>
      <c r="ET5" s="520"/>
      <c r="EU5" s="520"/>
      <c r="EV5" s="520"/>
      <c r="EW5" s="520"/>
      <c r="EX5" s="520"/>
      <c r="EY5" s="520"/>
      <c r="EZ5" s="521"/>
      <c r="FA5" s="519" t="s">
        <v>101</v>
      </c>
      <c r="FB5" s="520"/>
      <c r="FC5" s="520"/>
      <c r="FD5" s="520"/>
      <c r="FE5" s="520"/>
      <c r="FF5" s="520"/>
      <c r="FG5" s="520"/>
      <c r="FH5" s="520"/>
      <c r="FI5" s="520"/>
      <c r="FJ5" s="520"/>
      <c r="FK5" s="521"/>
      <c r="FL5" s="519" t="s">
        <v>102</v>
      </c>
      <c r="FM5" s="520"/>
      <c r="FN5" s="520"/>
      <c r="FO5" s="520"/>
      <c r="FP5" s="520"/>
      <c r="FQ5" s="520"/>
      <c r="FR5" s="520"/>
      <c r="FS5" s="520"/>
      <c r="FT5" s="520"/>
      <c r="FU5" s="520"/>
      <c r="FV5" s="521"/>
      <c r="FW5" s="513"/>
      <c r="FX5" s="514"/>
      <c r="FY5" s="514"/>
      <c r="FZ5" s="514"/>
      <c r="GA5" s="514"/>
      <c r="GB5" s="514"/>
      <c r="GC5" s="514"/>
      <c r="GD5" s="514"/>
      <c r="GE5" s="514"/>
      <c r="GF5" s="514"/>
      <c r="GG5" s="515"/>
      <c r="GH5" s="513"/>
      <c r="GI5" s="514"/>
      <c r="GJ5" s="514"/>
      <c r="GK5" s="514"/>
      <c r="GL5" s="514"/>
      <c r="GM5" s="514"/>
      <c r="GN5" s="514"/>
      <c r="GO5" s="514"/>
      <c r="GP5" s="514"/>
      <c r="GQ5" s="514"/>
      <c r="GR5" s="515"/>
      <c r="GS5" s="516"/>
      <c r="GT5" s="517"/>
      <c r="GU5" s="517"/>
      <c r="GV5" s="517"/>
      <c r="GW5" s="517"/>
      <c r="GX5" s="517"/>
      <c r="GY5" s="517"/>
      <c r="GZ5" s="517"/>
      <c r="HA5" s="517"/>
      <c r="HB5" s="517"/>
      <c r="HC5" s="518"/>
      <c r="HD5" s="519" t="s">
        <v>97</v>
      </c>
      <c r="HE5" s="520"/>
      <c r="HF5" s="520"/>
      <c r="HG5" s="520"/>
      <c r="HH5" s="520"/>
      <c r="HI5" s="520"/>
      <c r="HJ5" s="520"/>
      <c r="HK5" s="520"/>
      <c r="HL5" s="520"/>
      <c r="HM5" s="520"/>
      <c r="HN5" s="521"/>
      <c r="HO5" s="519" t="s">
        <v>98</v>
      </c>
      <c r="HP5" s="520"/>
      <c r="HQ5" s="520"/>
      <c r="HR5" s="520"/>
      <c r="HS5" s="520"/>
      <c r="HT5" s="520"/>
      <c r="HU5" s="520"/>
      <c r="HV5" s="520"/>
      <c r="HW5" s="520"/>
      <c r="HX5" s="520"/>
      <c r="HY5" s="521"/>
      <c r="HZ5" s="519" t="s">
        <v>99</v>
      </c>
      <c r="IA5" s="520"/>
      <c r="IB5" s="520"/>
      <c r="IC5" s="520"/>
      <c r="ID5" s="520"/>
      <c r="IE5" s="520"/>
      <c r="IF5" s="520"/>
      <c r="IG5" s="520"/>
      <c r="IH5" s="520"/>
      <c r="II5" s="520"/>
      <c r="IJ5" s="521"/>
      <c r="IK5" s="519" t="s">
        <v>100</v>
      </c>
      <c r="IL5" s="520"/>
      <c r="IM5" s="520"/>
      <c r="IN5" s="520"/>
      <c r="IO5" s="520"/>
      <c r="IP5" s="520"/>
      <c r="IQ5" s="520"/>
      <c r="IR5" s="520"/>
      <c r="IS5" s="520"/>
      <c r="IT5" s="520"/>
      <c r="IU5" s="521"/>
      <c r="IV5" s="519" t="s">
        <v>101</v>
      </c>
      <c r="IW5" s="520"/>
      <c r="IX5" s="520"/>
      <c r="IY5" s="520"/>
      <c r="IZ5" s="520"/>
      <c r="JA5" s="520"/>
      <c r="JB5" s="520"/>
      <c r="JC5" s="520"/>
      <c r="JD5" s="520"/>
      <c r="JE5" s="520"/>
      <c r="JF5" s="521"/>
      <c r="JG5" s="519" t="s">
        <v>102</v>
      </c>
      <c r="JH5" s="520"/>
      <c r="JI5" s="520"/>
      <c r="JJ5" s="520"/>
      <c r="JK5" s="520"/>
      <c r="JL5" s="520"/>
      <c r="JM5" s="520"/>
      <c r="JN5" s="520"/>
      <c r="JO5" s="520"/>
      <c r="JP5" s="520"/>
      <c r="JQ5" s="521"/>
      <c r="JR5" s="513"/>
      <c r="JS5" s="514"/>
      <c r="JT5" s="514"/>
      <c r="JU5" s="514"/>
      <c r="JV5" s="514"/>
      <c r="JW5" s="514"/>
      <c r="JX5" s="514"/>
      <c r="JY5" s="514"/>
      <c r="JZ5" s="514"/>
      <c r="KA5" s="514"/>
      <c r="KB5" s="515"/>
      <c r="KC5" s="513"/>
      <c r="KD5" s="514"/>
      <c r="KE5" s="514"/>
      <c r="KF5" s="514"/>
      <c r="KG5" s="514"/>
      <c r="KH5" s="514"/>
      <c r="KI5" s="514"/>
      <c r="KJ5" s="514"/>
      <c r="KK5" s="514"/>
      <c r="KL5" s="514"/>
      <c r="KM5" s="515"/>
    </row>
    <row r="6" spans="2:299" ht="44.25" customHeight="1" thickBot="1" x14ac:dyDescent="0.25">
      <c r="B6" s="318" t="s">
        <v>42</v>
      </c>
      <c r="C6" s="51" t="s">
        <v>43</v>
      </c>
      <c r="D6" s="47" t="s">
        <v>44</v>
      </c>
      <c r="E6" s="48" t="s">
        <v>45</v>
      </c>
      <c r="F6" s="52" t="s">
        <v>46</v>
      </c>
      <c r="G6" s="47" t="s">
        <v>47</v>
      </c>
      <c r="H6" s="47" t="s">
        <v>48</v>
      </c>
      <c r="I6" s="47" t="s">
        <v>49</v>
      </c>
      <c r="J6" s="47" t="s">
        <v>50</v>
      </c>
      <c r="K6" s="47" t="s">
        <v>51</v>
      </c>
      <c r="L6" s="48" t="s">
        <v>45</v>
      </c>
      <c r="M6" s="53" t="s">
        <v>52</v>
      </c>
      <c r="N6" s="357" t="s">
        <v>43</v>
      </c>
      <c r="O6" s="358" t="s">
        <v>44</v>
      </c>
      <c r="P6" s="359" t="s">
        <v>45</v>
      </c>
      <c r="Q6" s="360" t="s">
        <v>46</v>
      </c>
      <c r="R6" s="358" t="s">
        <v>47</v>
      </c>
      <c r="S6" s="358" t="s">
        <v>48</v>
      </c>
      <c r="T6" s="358" t="s">
        <v>49</v>
      </c>
      <c r="U6" s="358" t="s">
        <v>50</v>
      </c>
      <c r="V6" s="358" t="s">
        <v>51</v>
      </c>
      <c r="W6" s="359" t="s">
        <v>45</v>
      </c>
      <c r="X6" s="356" t="s">
        <v>52</v>
      </c>
      <c r="Y6" s="357" t="s">
        <v>43</v>
      </c>
      <c r="Z6" s="358" t="s">
        <v>44</v>
      </c>
      <c r="AA6" s="359" t="s">
        <v>45</v>
      </c>
      <c r="AB6" s="360" t="s">
        <v>46</v>
      </c>
      <c r="AC6" s="358" t="s">
        <v>47</v>
      </c>
      <c r="AD6" s="358" t="s">
        <v>48</v>
      </c>
      <c r="AE6" s="358" t="s">
        <v>49</v>
      </c>
      <c r="AF6" s="358" t="s">
        <v>50</v>
      </c>
      <c r="AG6" s="358" t="s">
        <v>51</v>
      </c>
      <c r="AH6" s="359" t="s">
        <v>45</v>
      </c>
      <c r="AI6" s="361" t="s">
        <v>52</v>
      </c>
      <c r="AJ6" s="357" t="s">
        <v>43</v>
      </c>
      <c r="AK6" s="358" t="s">
        <v>44</v>
      </c>
      <c r="AL6" s="359" t="s">
        <v>45</v>
      </c>
      <c r="AM6" s="360" t="s">
        <v>46</v>
      </c>
      <c r="AN6" s="358" t="s">
        <v>47</v>
      </c>
      <c r="AO6" s="358" t="s">
        <v>48</v>
      </c>
      <c r="AP6" s="358" t="s">
        <v>49</v>
      </c>
      <c r="AQ6" s="358" t="s">
        <v>50</v>
      </c>
      <c r="AR6" s="358" t="s">
        <v>51</v>
      </c>
      <c r="AS6" s="359" t="s">
        <v>45</v>
      </c>
      <c r="AT6" s="361" t="s">
        <v>52</v>
      </c>
      <c r="AU6" s="357" t="s">
        <v>43</v>
      </c>
      <c r="AV6" s="358" t="s">
        <v>44</v>
      </c>
      <c r="AW6" s="359" t="s">
        <v>45</v>
      </c>
      <c r="AX6" s="360" t="s">
        <v>46</v>
      </c>
      <c r="AY6" s="358" t="s">
        <v>47</v>
      </c>
      <c r="AZ6" s="358" t="s">
        <v>48</v>
      </c>
      <c r="BA6" s="358" t="s">
        <v>49</v>
      </c>
      <c r="BB6" s="358" t="s">
        <v>50</v>
      </c>
      <c r="BC6" s="358" t="s">
        <v>51</v>
      </c>
      <c r="BD6" s="359" t="s">
        <v>45</v>
      </c>
      <c r="BE6" s="361" t="s">
        <v>52</v>
      </c>
      <c r="BF6" s="357" t="s">
        <v>43</v>
      </c>
      <c r="BG6" s="358" t="s">
        <v>44</v>
      </c>
      <c r="BH6" s="359" t="s">
        <v>45</v>
      </c>
      <c r="BI6" s="360" t="s">
        <v>46</v>
      </c>
      <c r="BJ6" s="358" t="s">
        <v>47</v>
      </c>
      <c r="BK6" s="358" t="s">
        <v>48</v>
      </c>
      <c r="BL6" s="358" t="s">
        <v>49</v>
      </c>
      <c r="BM6" s="358" t="s">
        <v>50</v>
      </c>
      <c r="BN6" s="358" t="s">
        <v>51</v>
      </c>
      <c r="BO6" s="359" t="s">
        <v>45</v>
      </c>
      <c r="BP6" s="361" t="s">
        <v>52</v>
      </c>
      <c r="BQ6" s="357" t="s">
        <v>43</v>
      </c>
      <c r="BR6" s="358" t="s">
        <v>44</v>
      </c>
      <c r="BS6" s="359" t="s">
        <v>45</v>
      </c>
      <c r="BT6" s="360" t="s">
        <v>46</v>
      </c>
      <c r="BU6" s="358" t="s">
        <v>47</v>
      </c>
      <c r="BV6" s="358" t="s">
        <v>48</v>
      </c>
      <c r="BW6" s="358" t="s">
        <v>49</v>
      </c>
      <c r="BX6" s="358" t="s">
        <v>50</v>
      </c>
      <c r="BY6" s="358" t="s">
        <v>51</v>
      </c>
      <c r="BZ6" s="359" t="s">
        <v>45</v>
      </c>
      <c r="CA6" s="361" t="s">
        <v>52</v>
      </c>
      <c r="CB6" s="357" t="s">
        <v>43</v>
      </c>
      <c r="CC6" s="358" t="s">
        <v>44</v>
      </c>
      <c r="CD6" s="359" t="s">
        <v>45</v>
      </c>
      <c r="CE6" s="360" t="s">
        <v>46</v>
      </c>
      <c r="CF6" s="358" t="s">
        <v>47</v>
      </c>
      <c r="CG6" s="358" t="s">
        <v>48</v>
      </c>
      <c r="CH6" s="358" t="s">
        <v>49</v>
      </c>
      <c r="CI6" s="358" t="s">
        <v>50</v>
      </c>
      <c r="CJ6" s="358" t="s">
        <v>51</v>
      </c>
      <c r="CK6" s="359" t="s">
        <v>45</v>
      </c>
      <c r="CL6" s="361" t="s">
        <v>52</v>
      </c>
      <c r="CM6" s="357" t="s">
        <v>43</v>
      </c>
      <c r="CN6" s="358" t="s">
        <v>44</v>
      </c>
      <c r="CO6" s="359" t="s">
        <v>45</v>
      </c>
      <c r="CP6" s="360" t="s">
        <v>46</v>
      </c>
      <c r="CQ6" s="358" t="s">
        <v>47</v>
      </c>
      <c r="CR6" s="358" t="s">
        <v>48</v>
      </c>
      <c r="CS6" s="358" t="s">
        <v>49</v>
      </c>
      <c r="CT6" s="358" t="s">
        <v>50</v>
      </c>
      <c r="CU6" s="358" t="s">
        <v>51</v>
      </c>
      <c r="CV6" s="359" t="s">
        <v>45</v>
      </c>
      <c r="CW6" s="361" t="s">
        <v>52</v>
      </c>
      <c r="CX6" s="51" t="s">
        <v>43</v>
      </c>
      <c r="CY6" s="47" t="s">
        <v>44</v>
      </c>
      <c r="CZ6" s="48" t="s">
        <v>45</v>
      </c>
      <c r="DA6" s="52" t="s">
        <v>46</v>
      </c>
      <c r="DB6" s="47" t="s">
        <v>47</v>
      </c>
      <c r="DC6" s="47" t="s">
        <v>48</v>
      </c>
      <c r="DD6" s="47" t="s">
        <v>49</v>
      </c>
      <c r="DE6" s="47" t="s">
        <v>50</v>
      </c>
      <c r="DF6" s="47" t="s">
        <v>51</v>
      </c>
      <c r="DG6" s="48" t="s">
        <v>45</v>
      </c>
      <c r="DH6" s="53" t="s">
        <v>52</v>
      </c>
      <c r="DI6" s="357" t="s">
        <v>43</v>
      </c>
      <c r="DJ6" s="358" t="s">
        <v>44</v>
      </c>
      <c r="DK6" s="359" t="s">
        <v>45</v>
      </c>
      <c r="DL6" s="360" t="s">
        <v>46</v>
      </c>
      <c r="DM6" s="358" t="s">
        <v>47</v>
      </c>
      <c r="DN6" s="358" t="s">
        <v>48</v>
      </c>
      <c r="DO6" s="358" t="s">
        <v>49</v>
      </c>
      <c r="DP6" s="358" t="s">
        <v>50</v>
      </c>
      <c r="DQ6" s="358" t="s">
        <v>51</v>
      </c>
      <c r="DR6" s="359" t="s">
        <v>45</v>
      </c>
      <c r="DS6" s="361" t="s">
        <v>52</v>
      </c>
      <c r="DT6" s="357" t="s">
        <v>43</v>
      </c>
      <c r="DU6" s="358" t="s">
        <v>44</v>
      </c>
      <c r="DV6" s="359" t="s">
        <v>45</v>
      </c>
      <c r="DW6" s="360" t="s">
        <v>46</v>
      </c>
      <c r="DX6" s="358" t="s">
        <v>47</v>
      </c>
      <c r="DY6" s="358" t="s">
        <v>48</v>
      </c>
      <c r="DZ6" s="358" t="s">
        <v>49</v>
      </c>
      <c r="EA6" s="358" t="s">
        <v>50</v>
      </c>
      <c r="EB6" s="358" t="s">
        <v>51</v>
      </c>
      <c r="EC6" s="359" t="s">
        <v>45</v>
      </c>
      <c r="ED6" s="361" t="s">
        <v>52</v>
      </c>
      <c r="EE6" s="357" t="s">
        <v>43</v>
      </c>
      <c r="EF6" s="358" t="s">
        <v>44</v>
      </c>
      <c r="EG6" s="359" t="s">
        <v>45</v>
      </c>
      <c r="EH6" s="360" t="s">
        <v>46</v>
      </c>
      <c r="EI6" s="358" t="s">
        <v>47</v>
      </c>
      <c r="EJ6" s="358" t="s">
        <v>48</v>
      </c>
      <c r="EK6" s="358" t="s">
        <v>49</v>
      </c>
      <c r="EL6" s="358" t="s">
        <v>50</v>
      </c>
      <c r="EM6" s="358" t="s">
        <v>51</v>
      </c>
      <c r="EN6" s="359" t="s">
        <v>45</v>
      </c>
      <c r="EO6" s="361" t="s">
        <v>52</v>
      </c>
      <c r="EP6" s="357" t="s">
        <v>43</v>
      </c>
      <c r="EQ6" s="358" t="s">
        <v>44</v>
      </c>
      <c r="ER6" s="359" t="s">
        <v>45</v>
      </c>
      <c r="ES6" s="360" t="s">
        <v>46</v>
      </c>
      <c r="ET6" s="358" t="s">
        <v>47</v>
      </c>
      <c r="EU6" s="358" t="s">
        <v>48</v>
      </c>
      <c r="EV6" s="358" t="s">
        <v>49</v>
      </c>
      <c r="EW6" s="358" t="s">
        <v>50</v>
      </c>
      <c r="EX6" s="358" t="s">
        <v>51</v>
      </c>
      <c r="EY6" s="359" t="s">
        <v>45</v>
      </c>
      <c r="EZ6" s="361" t="s">
        <v>52</v>
      </c>
      <c r="FA6" s="357" t="s">
        <v>43</v>
      </c>
      <c r="FB6" s="358" t="s">
        <v>44</v>
      </c>
      <c r="FC6" s="359" t="s">
        <v>45</v>
      </c>
      <c r="FD6" s="360" t="s">
        <v>46</v>
      </c>
      <c r="FE6" s="358" t="s">
        <v>47</v>
      </c>
      <c r="FF6" s="358" t="s">
        <v>48</v>
      </c>
      <c r="FG6" s="358" t="s">
        <v>49</v>
      </c>
      <c r="FH6" s="358" t="s">
        <v>50</v>
      </c>
      <c r="FI6" s="358" t="s">
        <v>51</v>
      </c>
      <c r="FJ6" s="359" t="s">
        <v>45</v>
      </c>
      <c r="FK6" s="361" t="s">
        <v>52</v>
      </c>
      <c r="FL6" s="357" t="s">
        <v>43</v>
      </c>
      <c r="FM6" s="358" t="s">
        <v>44</v>
      </c>
      <c r="FN6" s="359" t="s">
        <v>45</v>
      </c>
      <c r="FO6" s="360" t="s">
        <v>46</v>
      </c>
      <c r="FP6" s="358" t="s">
        <v>47</v>
      </c>
      <c r="FQ6" s="358" t="s">
        <v>48</v>
      </c>
      <c r="FR6" s="358" t="s">
        <v>49</v>
      </c>
      <c r="FS6" s="358" t="s">
        <v>50</v>
      </c>
      <c r="FT6" s="358" t="s">
        <v>51</v>
      </c>
      <c r="FU6" s="359" t="s">
        <v>45</v>
      </c>
      <c r="FV6" s="361" t="s">
        <v>52</v>
      </c>
      <c r="FW6" s="357" t="s">
        <v>43</v>
      </c>
      <c r="FX6" s="358" t="s">
        <v>44</v>
      </c>
      <c r="FY6" s="359" t="s">
        <v>45</v>
      </c>
      <c r="FZ6" s="360" t="s">
        <v>46</v>
      </c>
      <c r="GA6" s="358" t="s">
        <v>47</v>
      </c>
      <c r="GB6" s="358" t="s">
        <v>48</v>
      </c>
      <c r="GC6" s="358" t="s">
        <v>49</v>
      </c>
      <c r="GD6" s="358" t="s">
        <v>50</v>
      </c>
      <c r="GE6" s="358" t="s">
        <v>51</v>
      </c>
      <c r="GF6" s="359" t="s">
        <v>45</v>
      </c>
      <c r="GG6" s="361" t="s">
        <v>52</v>
      </c>
      <c r="GH6" s="357" t="s">
        <v>43</v>
      </c>
      <c r="GI6" s="358" t="s">
        <v>44</v>
      </c>
      <c r="GJ6" s="359" t="s">
        <v>45</v>
      </c>
      <c r="GK6" s="360" t="s">
        <v>46</v>
      </c>
      <c r="GL6" s="358" t="s">
        <v>47</v>
      </c>
      <c r="GM6" s="358" t="s">
        <v>48</v>
      </c>
      <c r="GN6" s="358" t="s">
        <v>49</v>
      </c>
      <c r="GO6" s="358" t="s">
        <v>50</v>
      </c>
      <c r="GP6" s="358" t="s">
        <v>51</v>
      </c>
      <c r="GQ6" s="359" t="s">
        <v>45</v>
      </c>
      <c r="GR6" s="361" t="s">
        <v>52</v>
      </c>
      <c r="GS6" s="51" t="s">
        <v>43</v>
      </c>
      <c r="GT6" s="47" t="s">
        <v>44</v>
      </c>
      <c r="GU6" s="48" t="s">
        <v>45</v>
      </c>
      <c r="GV6" s="52" t="s">
        <v>46</v>
      </c>
      <c r="GW6" s="47" t="s">
        <v>47</v>
      </c>
      <c r="GX6" s="47" t="s">
        <v>48</v>
      </c>
      <c r="GY6" s="47" t="s">
        <v>49</v>
      </c>
      <c r="GZ6" s="47" t="s">
        <v>50</v>
      </c>
      <c r="HA6" s="47" t="s">
        <v>51</v>
      </c>
      <c r="HB6" s="48" t="s">
        <v>45</v>
      </c>
      <c r="HC6" s="53" t="s">
        <v>52</v>
      </c>
      <c r="HD6" s="357" t="s">
        <v>43</v>
      </c>
      <c r="HE6" s="358" t="s">
        <v>44</v>
      </c>
      <c r="HF6" s="359" t="s">
        <v>45</v>
      </c>
      <c r="HG6" s="360" t="s">
        <v>46</v>
      </c>
      <c r="HH6" s="358" t="s">
        <v>47</v>
      </c>
      <c r="HI6" s="358" t="s">
        <v>48</v>
      </c>
      <c r="HJ6" s="358" t="s">
        <v>49</v>
      </c>
      <c r="HK6" s="358" t="s">
        <v>50</v>
      </c>
      <c r="HL6" s="358" t="s">
        <v>51</v>
      </c>
      <c r="HM6" s="359" t="s">
        <v>45</v>
      </c>
      <c r="HN6" s="361" t="s">
        <v>52</v>
      </c>
      <c r="HO6" s="357" t="s">
        <v>43</v>
      </c>
      <c r="HP6" s="358" t="s">
        <v>44</v>
      </c>
      <c r="HQ6" s="359" t="s">
        <v>45</v>
      </c>
      <c r="HR6" s="360" t="s">
        <v>46</v>
      </c>
      <c r="HS6" s="358" t="s">
        <v>47</v>
      </c>
      <c r="HT6" s="358" t="s">
        <v>48</v>
      </c>
      <c r="HU6" s="358" t="s">
        <v>49</v>
      </c>
      <c r="HV6" s="358" t="s">
        <v>50</v>
      </c>
      <c r="HW6" s="358" t="s">
        <v>51</v>
      </c>
      <c r="HX6" s="359" t="s">
        <v>45</v>
      </c>
      <c r="HY6" s="361" t="s">
        <v>52</v>
      </c>
      <c r="HZ6" s="357" t="s">
        <v>43</v>
      </c>
      <c r="IA6" s="358" t="s">
        <v>44</v>
      </c>
      <c r="IB6" s="359" t="s">
        <v>45</v>
      </c>
      <c r="IC6" s="360" t="s">
        <v>46</v>
      </c>
      <c r="ID6" s="358" t="s">
        <v>47</v>
      </c>
      <c r="IE6" s="358" t="s">
        <v>48</v>
      </c>
      <c r="IF6" s="358" t="s">
        <v>49</v>
      </c>
      <c r="IG6" s="358" t="s">
        <v>50</v>
      </c>
      <c r="IH6" s="358" t="s">
        <v>51</v>
      </c>
      <c r="II6" s="359" t="s">
        <v>45</v>
      </c>
      <c r="IJ6" s="361" t="s">
        <v>52</v>
      </c>
      <c r="IK6" s="357" t="s">
        <v>43</v>
      </c>
      <c r="IL6" s="358" t="s">
        <v>44</v>
      </c>
      <c r="IM6" s="359" t="s">
        <v>45</v>
      </c>
      <c r="IN6" s="360" t="s">
        <v>46</v>
      </c>
      <c r="IO6" s="358" t="s">
        <v>47</v>
      </c>
      <c r="IP6" s="358" t="s">
        <v>48</v>
      </c>
      <c r="IQ6" s="358" t="s">
        <v>49</v>
      </c>
      <c r="IR6" s="358" t="s">
        <v>50</v>
      </c>
      <c r="IS6" s="358" t="s">
        <v>51</v>
      </c>
      <c r="IT6" s="359" t="s">
        <v>45</v>
      </c>
      <c r="IU6" s="361" t="s">
        <v>52</v>
      </c>
      <c r="IV6" s="357" t="s">
        <v>43</v>
      </c>
      <c r="IW6" s="358" t="s">
        <v>44</v>
      </c>
      <c r="IX6" s="359" t="s">
        <v>45</v>
      </c>
      <c r="IY6" s="360" t="s">
        <v>46</v>
      </c>
      <c r="IZ6" s="358" t="s">
        <v>47</v>
      </c>
      <c r="JA6" s="358" t="s">
        <v>48</v>
      </c>
      <c r="JB6" s="358" t="s">
        <v>49</v>
      </c>
      <c r="JC6" s="358" t="s">
        <v>50</v>
      </c>
      <c r="JD6" s="358" t="s">
        <v>51</v>
      </c>
      <c r="JE6" s="359" t="s">
        <v>45</v>
      </c>
      <c r="JF6" s="361" t="s">
        <v>52</v>
      </c>
      <c r="JG6" s="357" t="s">
        <v>43</v>
      </c>
      <c r="JH6" s="358" t="s">
        <v>44</v>
      </c>
      <c r="JI6" s="359" t="s">
        <v>45</v>
      </c>
      <c r="JJ6" s="360" t="s">
        <v>46</v>
      </c>
      <c r="JK6" s="358" t="s">
        <v>47</v>
      </c>
      <c r="JL6" s="358" t="s">
        <v>48</v>
      </c>
      <c r="JM6" s="358" t="s">
        <v>49</v>
      </c>
      <c r="JN6" s="358" t="s">
        <v>50</v>
      </c>
      <c r="JO6" s="358" t="s">
        <v>51</v>
      </c>
      <c r="JP6" s="359" t="s">
        <v>45</v>
      </c>
      <c r="JQ6" s="361" t="s">
        <v>52</v>
      </c>
      <c r="JR6" s="357" t="s">
        <v>43</v>
      </c>
      <c r="JS6" s="358" t="s">
        <v>44</v>
      </c>
      <c r="JT6" s="359" t="s">
        <v>45</v>
      </c>
      <c r="JU6" s="360" t="s">
        <v>46</v>
      </c>
      <c r="JV6" s="358" t="s">
        <v>47</v>
      </c>
      <c r="JW6" s="358" t="s">
        <v>48</v>
      </c>
      <c r="JX6" s="358" t="s">
        <v>49</v>
      </c>
      <c r="JY6" s="358" t="s">
        <v>50</v>
      </c>
      <c r="JZ6" s="358" t="s">
        <v>51</v>
      </c>
      <c r="KA6" s="359" t="s">
        <v>45</v>
      </c>
      <c r="KB6" s="361" t="s">
        <v>52</v>
      </c>
      <c r="KC6" s="357" t="s">
        <v>43</v>
      </c>
      <c r="KD6" s="358" t="s">
        <v>44</v>
      </c>
      <c r="KE6" s="359" t="s">
        <v>45</v>
      </c>
      <c r="KF6" s="360" t="s">
        <v>46</v>
      </c>
      <c r="KG6" s="358" t="s">
        <v>47</v>
      </c>
      <c r="KH6" s="358" t="s">
        <v>48</v>
      </c>
      <c r="KI6" s="358" t="s">
        <v>49</v>
      </c>
      <c r="KJ6" s="358" t="s">
        <v>50</v>
      </c>
      <c r="KK6" s="358" t="s">
        <v>51</v>
      </c>
      <c r="KL6" s="359" t="s">
        <v>45</v>
      </c>
      <c r="KM6" s="361" t="s">
        <v>52</v>
      </c>
    </row>
    <row r="7" spans="2:299" ht="19.5" customHeight="1" x14ac:dyDescent="0.2">
      <c r="B7" s="125" t="s">
        <v>4</v>
      </c>
      <c r="C7" s="315">
        <v>4429</v>
      </c>
      <c r="D7" s="78">
        <v>4017</v>
      </c>
      <c r="E7" s="79">
        <v>8446</v>
      </c>
      <c r="F7" s="240"/>
      <c r="G7" s="78">
        <v>5957</v>
      </c>
      <c r="H7" s="78">
        <v>5249</v>
      </c>
      <c r="I7" s="78">
        <v>3625</v>
      </c>
      <c r="J7" s="78">
        <v>2938</v>
      </c>
      <c r="K7" s="78">
        <v>1654</v>
      </c>
      <c r="L7" s="80">
        <v>19423</v>
      </c>
      <c r="M7" s="81">
        <v>27869</v>
      </c>
      <c r="N7" s="66">
        <v>57</v>
      </c>
      <c r="O7" s="67">
        <v>70</v>
      </c>
      <c r="P7" s="68">
        <v>127</v>
      </c>
      <c r="Q7" s="240"/>
      <c r="R7" s="67">
        <v>69</v>
      </c>
      <c r="S7" s="67">
        <v>102</v>
      </c>
      <c r="T7" s="67">
        <v>49</v>
      </c>
      <c r="U7" s="67">
        <v>52</v>
      </c>
      <c r="V7" s="67">
        <v>39</v>
      </c>
      <c r="W7" s="68">
        <v>311</v>
      </c>
      <c r="X7" s="69">
        <v>438</v>
      </c>
      <c r="Y7" s="66">
        <v>169</v>
      </c>
      <c r="Z7" s="67">
        <v>190</v>
      </c>
      <c r="AA7" s="68">
        <v>359</v>
      </c>
      <c r="AB7" s="240"/>
      <c r="AC7" s="67">
        <v>239</v>
      </c>
      <c r="AD7" s="67">
        <v>251</v>
      </c>
      <c r="AE7" s="67">
        <v>175</v>
      </c>
      <c r="AF7" s="67">
        <v>160</v>
      </c>
      <c r="AG7" s="67">
        <v>114</v>
      </c>
      <c r="AH7" s="68">
        <v>939</v>
      </c>
      <c r="AI7" s="69">
        <v>1298</v>
      </c>
      <c r="AJ7" s="66">
        <v>375</v>
      </c>
      <c r="AK7" s="67">
        <v>351</v>
      </c>
      <c r="AL7" s="68">
        <v>726</v>
      </c>
      <c r="AM7" s="240"/>
      <c r="AN7" s="67">
        <v>480</v>
      </c>
      <c r="AO7" s="67">
        <v>414</v>
      </c>
      <c r="AP7" s="67">
        <v>288</v>
      </c>
      <c r="AQ7" s="67">
        <v>206</v>
      </c>
      <c r="AR7" s="67">
        <v>161</v>
      </c>
      <c r="AS7" s="68">
        <v>1549</v>
      </c>
      <c r="AT7" s="69">
        <v>2275</v>
      </c>
      <c r="AU7" s="66">
        <v>914</v>
      </c>
      <c r="AV7" s="67">
        <v>791</v>
      </c>
      <c r="AW7" s="68">
        <v>1705</v>
      </c>
      <c r="AX7" s="240"/>
      <c r="AY7" s="67">
        <v>1165</v>
      </c>
      <c r="AZ7" s="67">
        <v>963</v>
      </c>
      <c r="BA7" s="67">
        <v>570</v>
      </c>
      <c r="BB7" s="67">
        <v>453</v>
      </c>
      <c r="BC7" s="67">
        <v>323</v>
      </c>
      <c r="BD7" s="68">
        <v>3474</v>
      </c>
      <c r="BE7" s="69">
        <v>5179</v>
      </c>
      <c r="BF7" s="66">
        <v>1612</v>
      </c>
      <c r="BG7" s="67">
        <v>1340</v>
      </c>
      <c r="BH7" s="68">
        <v>2952</v>
      </c>
      <c r="BI7" s="240"/>
      <c r="BJ7" s="67">
        <v>2021</v>
      </c>
      <c r="BK7" s="67">
        <v>1623</v>
      </c>
      <c r="BL7" s="67">
        <v>1115</v>
      </c>
      <c r="BM7" s="67">
        <v>880</v>
      </c>
      <c r="BN7" s="67">
        <v>471</v>
      </c>
      <c r="BO7" s="68">
        <v>6110</v>
      </c>
      <c r="BP7" s="69">
        <v>9062</v>
      </c>
      <c r="BQ7" s="66">
        <v>1302</v>
      </c>
      <c r="BR7" s="67">
        <v>1275</v>
      </c>
      <c r="BS7" s="68">
        <v>2577</v>
      </c>
      <c r="BT7" s="240"/>
      <c r="BU7" s="67">
        <v>1983</v>
      </c>
      <c r="BV7" s="67">
        <v>1896</v>
      </c>
      <c r="BW7" s="67">
        <v>1428</v>
      </c>
      <c r="BX7" s="67">
        <v>1187</v>
      </c>
      <c r="BY7" s="67">
        <v>546</v>
      </c>
      <c r="BZ7" s="68">
        <v>7040</v>
      </c>
      <c r="CA7" s="69">
        <v>9617</v>
      </c>
      <c r="CB7" s="66">
        <v>0</v>
      </c>
      <c r="CC7" s="67">
        <v>0</v>
      </c>
      <c r="CD7" s="68">
        <v>0</v>
      </c>
      <c r="CE7" s="240"/>
      <c r="CF7" s="67">
        <v>0</v>
      </c>
      <c r="CG7" s="67">
        <v>0</v>
      </c>
      <c r="CH7" s="67">
        <v>0</v>
      </c>
      <c r="CI7" s="67">
        <v>0</v>
      </c>
      <c r="CJ7" s="67">
        <v>0</v>
      </c>
      <c r="CK7" s="68">
        <v>0</v>
      </c>
      <c r="CL7" s="69">
        <v>0</v>
      </c>
      <c r="CM7" s="66">
        <v>4429</v>
      </c>
      <c r="CN7" s="67">
        <v>4017</v>
      </c>
      <c r="CO7" s="68">
        <v>8446</v>
      </c>
      <c r="CP7" s="240"/>
      <c r="CQ7" s="67">
        <v>5957</v>
      </c>
      <c r="CR7" s="67">
        <v>5249</v>
      </c>
      <c r="CS7" s="67">
        <v>3625</v>
      </c>
      <c r="CT7" s="67">
        <v>2938</v>
      </c>
      <c r="CU7" s="67">
        <v>1654</v>
      </c>
      <c r="CV7" s="68">
        <v>19423</v>
      </c>
      <c r="CW7" s="69">
        <v>27869</v>
      </c>
      <c r="CX7" s="122">
        <v>627</v>
      </c>
      <c r="CY7" s="78">
        <v>644</v>
      </c>
      <c r="CZ7" s="79">
        <v>1271</v>
      </c>
      <c r="DA7" s="240"/>
      <c r="DB7" s="78">
        <v>802</v>
      </c>
      <c r="DC7" s="78">
        <v>759</v>
      </c>
      <c r="DD7" s="78">
        <v>553</v>
      </c>
      <c r="DE7" s="78">
        <v>537</v>
      </c>
      <c r="DF7" s="78">
        <v>362</v>
      </c>
      <c r="DG7" s="80">
        <v>3013</v>
      </c>
      <c r="DH7" s="81">
        <v>4284</v>
      </c>
      <c r="DI7" s="66">
        <v>15</v>
      </c>
      <c r="DJ7" s="67">
        <v>13</v>
      </c>
      <c r="DK7" s="68">
        <v>28</v>
      </c>
      <c r="DL7" s="240"/>
      <c r="DM7" s="67">
        <v>9</v>
      </c>
      <c r="DN7" s="67">
        <v>15</v>
      </c>
      <c r="DO7" s="67">
        <v>10</v>
      </c>
      <c r="DP7" s="67">
        <v>7</v>
      </c>
      <c r="DQ7" s="67">
        <v>5</v>
      </c>
      <c r="DR7" s="68">
        <v>46</v>
      </c>
      <c r="DS7" s="69">
        <v>74</v>
      </c>
      <c r="DT7" s="66">
        <v>40</v>
      </c>
      <c r="DU7" s="67">
        <v>51</v>
      </c>
      <c r="DV7" s="68">
        <v>91</v>
      </c>
      <c r="DW7" s="240"/>
      <c r="DX7" s="67">
        <v>32</v>
      </c>
      <c r="DY7" s="67">
        <v>35</v>
      </c>
      <c r="DZ7" s="67">
        <v>10</v>
      </c>
      <c r="EA7" s="67">
        <v>22</v>
      </c>
      <c r="EB7" s="67">
        <v>14</v>
      </c>
      <c r="EC7" s="68">
        <v>113</v>
      </c>
      <c r="ED7" s="69">
        <v>204</v>
      </c>
      <c r="EE7" s="66">
        <v>81</v>
      </c>
      <c r="EF7" s="67">
        <v>71</v>
      </c>
      <c r="EG7" s="68">
        <v>152</v>
      </c>
      <c r="EH7" s="240"/>
      <c r="EI7" s="67">
        <v>66</v>
      </c>
      <c r="EJ7" s="67">
        <v>59</v>
      </c>
      <c r="EK7" s="67">
        <v>40</v>
      </c>
      <c r="EL7" s="67">
        <v>26</v>
      </c>
      <c r="EM7" s="67">
        <v>19</v>
      </c>
      <c r="EN7" s="68">
        <v>210</v>
      </c>
      <c r="EO7" s="69">
        <v>362</v>
      </c>
      <c r="EP7" s="66">
        <v>181</v>
      </c>
      <c r="EQ7" s="67">
        <v>163</v>
      </c>
      <c r="ER7" s="68">
        <v>344</v>
      </c>
      <c r="ES7" s="240"/>
      <c r="ET7" s="67">
        <v>157</v>
      </c>
      <c r="EU7" s="67">
        <v>101</v>
      </c>
      <c r="EV7" s="67">
        <v>80</v>
      </c>
      <c r="EW7" s="67">
        <v>64</v>
      </c>
      <c r="EX7" s="67">
        <v>48</v>
      </c>
      <c r="EY7" s="68">
        <v>450</v>
      </c>
      <c r="EZ7" s="69">
        <v>794</v>
      </c>
      <c r="FA7" s="66">
        <v>172</v>
      </c>
      <c r="FB7" s="67">
        <v>191</v>
      </c>
      <c r="FC7" s="68">
        <v>363</v>
      </c>
      <c r="FD7" s="240"/>
      <c r="FE7" s="67">
        <v>248</v>
      </c>
      <c r="FF7" s="67">
        <v>218</v>
      </c>
      <c r="FG7" s="67">
        <v>128</v>
      </c>
      <c r="FH7" s="67">
        <v>132</v>
      </c>
      <c r="FI7" s="67">
        <v>86</v>
      </c>
      <c r="FJ7" s="68">
        <v>812</v>
      </c>
      <c r="FK7" s="69">
        <v>1175</v>
      </c>
      <c r="FL7" s="66">
        <v>138</v>
      </c>
      <c r="FM7" s="67">
        <v>155</v>
      </c>
      <c r="FN7" s="68">
        <v>293</v>
      </c>
      <c r="FO7" s="240"/>
      <c r="FP7" s="67">
        <v>290</v>
      </c>
      <c r="FQ7" s="67">
        <v>331</v>
      </c>
      <c r="FR7" s="67">
        <v>285</v>
      </c>
      <c r="FS7" s="67">
        <v>286</v>
      </c>
      <c r="FT7" s="67">
        <v>190</v>
      </c>
      <c r="FU7" s="68">
        <v>1382</v>
      </c>
      <c r="FV7" s="69">
        <v>1675</v>
      </c>
      <c r="FW7" s="66">
        <v>0</v>
      </c>
      <c r="FX7" s="67">
        <v>0</v>
      </c>
      <c r="FY7" s="68">
        <v>0</v>
      </c>
      <c r="FZ7" s="240"/>
      <c r="GA7" s="67">
        <v>0</v>
      </c>
      <c r="GB7" s="67">
        <v>0</v>
      </c>
      <c r="GC7" s="67">
        <v>0</v>
      </c>
      <c r="GD7" s="67">
        <v>0</v>
      </c>
      <c r="GE7" s="67">
        <v>0</v>
      </c>
      <c r="GF7" s="68">
        <v>0</v>
      </c>
      <c r="GG7" s="69">
        <v>0</v>
      </c>
      <c r="GH7" s="66">
        <v>627</v>
      </c>
      <c r="GI7" s="67">
        <v>644</v>
      </c>
      <c r="GJ7" s="68">
        <v>1271</v>
      </c>
      <c r="GK7" s="240"/>
      <c r="GL7" s="67">
        <v>802</v>
      </c>
      <c r="GM7" s="67">
        <v>759</v>
      </c>
      <c r="GN7" s="67">
        <v>553</v>
      </c>
      <c r="GO7" s="67">
        <v>537</v>
      </c>
      <c r="GP7" s="67">
        <v>362</v>
      </c>
      <c r="GQ7" s="68">
        <v>3013</v>
      </c>
      <c r="GR7" s="69">
        <v>4284</v>
      </c>
      <c r="GS7" s="122">
        <v>5056</v>
      </c>
      <c r="GT7" s="78">
        <v>4661</v>
      </c>
      <c r="GU7" s="79">
        <v>9717</v>
      </c>
      <c r="GV7" s="240"/>
      <c r="GW7" s="78">
        <v>6759</v>
      </c>
      <c r="GX7" s="78">
        <v>6008</v>
      </c>
      <c r="GY7" s="78">
        <v>4178</v>
      </c>
      <c r="GZ7" s="78">
        <v>3475</v>
      </c>
      <c r="HA7" s="78">
        <v>2016</v>
      </c>
      <c r="HB7" s="80">
        <v>22436</v>
      </c>
      <c r="HC7" s="81">
        <v>32153</v>
      </c>
      <c r="HD7" s="66">
        <v>72</v>
      </c>
      <c r="HE7" s="67">
        <v>83</v>
      </c>
      <c r="HF7" s="68">
        <v>155</v>
      </c>
      <c r="HG7" s="240"/>
      <c r="HH7" s="67">
        <v>78</v>
      </c>
      <c r="HI7" s="67">
        <v>117</v>
      </c>
      <c r="HJ7" s="67">
        <v>59</v>
      </c>
      <c r="HK7" s="67">
        <v>59</v>
      </c>
      <c r="HL7" s="67">
        <v>44</v>
      </c>
      <c r="HM7" s="68">
        <v>357</v>
      </c>
      <c r="HN7" s="69">
        <v>512</v>
      </c>
      <c r="HO7" s="66">
        <v>209</v>
      </c>
      <c r="HP7" s="67">
        <v>241</v>
      </c>
      <c r="HQ7" s="68">
        <v>450</v>
      </c>
      <c r="HR7" s="240"/>
      <c r="HS7" s="67">
        <v>271</v>
      </c>
      <c r="HT7" s="67">
        <v>286</v>
      </c>
      <c r="HU7" s="67">
        <v>185</v>
      </c>
      <c r="HV7" s="67">
        <v>182</v>
      </c>
      <c r="HW7" s="67">
        <v>128</v>
      </c>
      <c r="HX7" s="68">
        <v>1052</v>
      </c>
      <c r="HY7" s="69">
        <v>1502</v>
      </c>
      <c r="HZ7" s="66">
        <v>456</v>
      </c>
      <c r="IA7" s="67">
        <v>422</v>
      </c>
      <c r="IB7" s="68">
        <v>878</v>
      </c>
      <c r="IC7" s="240"/>
      <c r="ID7" s="67">
        <v>546</v>
      </c>
      <c r="IE7" s="67">
        <v>473</v>
      </c>
      <c r="IF7" s="67">
        <v>328</v>
      </c>
      <c r="IG7" s="67">
        <v>232</v>
      </c>
      <c r="IH7" s="67">
        <v>180</v>
      </c>
      <c r="II7" s="68">
        <v>1759</v>
      </c>
      <c r="IJ7" s="69">
        <v>2637</v>
      </c>
      <c r="IK7" s="66">
        <v>1095</v>
      </c>
      <c r="IL7" s="67">
        <v>954</v>
      </c>
      <c r="IM7" s="68">
        <v>2049</v>
      </c>
      <c r="IN7" s="240"/>
      <c r="IO7" s="67">
        <v>1322</v>
      </c>
      <c r="IP7" s="67">
        <v>1064</v>
      </c>
      <c r="IQ7" s="67">
        <v>650</v>
      </c>
      <c r="IR7" s="67">
        <v>517</v>
      </c>
      <c r="IS7" s="67">
        <v>371</v>
      </c>
      <c r="IT7" s="68">
        <v>3924</v>
      </c>
      <c r="IU7" s="69">
        <v>5973</v>
      </c>
      <c r="IV7" s="66">
        <v>1784</v>
      </c>
      <c r="IW7" s="67">
        <v>1531</v>
      </c>
      <c r="IX7" s="68">
        <v>3315</v>
      </c>
      <c r="IY7" s="240"/>
      <c r="IZ7" s="67">
        <v>2269</v>
      </c>
      <c r="JA7" s="67">
        <v>1841</v>
      </c>
      <c r="JB7" s="67">
        <v>1243</v>
      </c>
      <c r="JC7" s="67">
        <v>1012</v>
      </c>
      <c r="JD7" s="67">
        <v>557</v>
      </c>
      <c r="JE7" s="68">
        <v>6922</v>
      </c>
      <c r="JF7" s="69">
        <v>10237</v>
      </c>
      <c r="JG7" s="66">
        <v>1440</v>
      </c>
      <c r="JH7" s="67">
        <v>1430</v>
      </c>
      <c r="JI7" s="68">
        <v>2870</v>
      </c>
      <c r="JJ7" s="243">
        <v>0</v>
      </c>
      <c r="JK7" s="67">
        <v>2273</v>
      </c>
      <c r="JL7" s="67">
        <v>2227</v>
      </c>
      <c r="JM7" s="67">
        <v>1713</v>
      </c>
      <c r="JN7" s="67">
        <v>1473</v>
      </c>
      <c r="JO7" s="67">
        <v>736</v>
      </c>
      <c r="JP7" s="68">
        <v>8422</v>
      </c>
      <c r="JQ7" s="69">
        <v>11292</v>
      </c>
      <c r="JR7" s="66">
        <v>0</v>
      </c>
      <c r="JS7" s="67">
        <v>0</v>
      </c>
      <c r="JT7" s="68">
        <v>0</v>
      </c>
      <c r="JU7" s="240"/>
      <c r="JV7" s="67">
        <v>0</v>
      </c>
      <c r="JW7" s="67">
        <v>0</v>
      </c>
      <c r="JX7" s="67">
        <v>0</v>
      </c>
      <c r="JY7" s="67">
        <v>0</v>
      </c>
      <c r="JZ7" s="67">
        <v>0</v>
      </c>
      <c r="KA7" s="68">
        <v>0</v>
      </c>
      <c r="KB7" s="69">
        <v>0</v>
      </c>
      <c r="KC7" s="66">
        <v>5056</v>
      </c>
      <c r="KD7" s="67">
        <v>4661</v>
      </c>
      <c r="KE7" s="68">
        <v>9717</v>
      </c>
      <c r="KF7" s="240"/>
      <c r="KG7" s="67">
        <v>6759</v>
      </c>
      <c r="KH7" s="67">
        <v>6008</v>
      </c>
      <c r="KI7" s="67">
        <v>4178</v>
      </c>
      <c r="KJ7" s="67">
        <v>3475</v>
      </c>
      <c r="KK7" s="67">
        <v>2016</v>
      </c>
      <c r="KL7" s="68">
        <v>22436</v>
      </c>
      <c r="KM7" s="69">
        <v>32153</v>
      </c>
    </row>
    <row r="8" spans="2:299" ht="19.5" customHeight="1" x14ac:dyDescent="0.2">
      <c r="B8" s="126" t="s">
        <v>5</v>
      </c>
      <c r="C8" s="316">
        <v>1953</v>
      </c>
      <c r="D8" s="82">
        <v>2043</v>
      </c>
      <c r="E8" s="83">
        <v>3996</v>
      </c>
      <c r="F8" s="241"/>
      <c r="G8" s="82">
        <v>2177</v>
      </c>
      <c r="H8" s="82">
        <v>2445</v>
      </c>
      <c r="I8" s="82">
        <v>1646</v>
      </c>
      <c r="J8" s="82">
        <v>1262</v>
      </c>
      <c r="K8" s="82">
        <v>724</v>
      </c>
      <c r="L8" s="84">
        <v>8254</v>
      </c>
      <c r="M8" s="85">
        <v>12250</v>
      </c>
      <c r="N8" s="70">
        <v>25</v>
      </c>
      <c r="O8" s="71">
        <v>31</v>
      </c>
      <c r="P8" s="72">
        <v>56</v>
      </c>
      <c r="Q8" s="241"/>
      <c r="R8" s="71">
        <v>19</v>
      </c>
      <c r="S8" s="71">
        <v>47</v>
      </c>
      <c r="T8" s="71">
        <v>12</v>
      </c>
      <c r="U8" s="71">
        <v>22</v>
      </c>
      <c r="V8" s="71">
        <v>18</v>
      </c>
      <c r="W8" s="72">
        <v>118</v>
      </c>
      <c r="X8" s="73">
        <v>174</v>
      </c>
      <c r="Y8" s="70">
        <v>66</v>
      </c>
      <c r="Z8" s="71">
        <v>94</v>
      </c>
      <c r="AA8" s="72">
        <v>160</v>
      </c>
      <c r="AB8" s="241"/>
      <c r="AC8" s="71">
        <v>87</v>
      </c>
      <c r="AD8" s="71">
        <v>106</v>
      </c>
      <c r="AE8" s="71">
        <v>78</v>
      </c>
      <c r="AF8" s="71">
        <v>63</v>
      </c>
      <c r="AG8" s="71">
        <v>50</v>
      </c>
      <c r="AH8" s="72">
        <v>384</v>
      </c>
      <c r="AI8" s="73">
        <v>544</v>
      </c>
      <c r="AJ8" s="70">
        <v>145</v>
      </c>
      <c r="AK8" s="71">
        <v>173</v>
      </c>
      <c r="AL8" s="72">
        <v>318</v>
      </c>
      <c r="AM8" s="241"/>
      <c r="AN8" s="71">
        <v>150</v>
      </c>
      <c r="AO8" s="71">
        <v>183</v>
      </c>
      <c r="AP8" s="71">
        <v>116</v>
      </c>
      <c r="AQ8" s="71">
        <v>79</v>
      </c>
      <c r="AR8" s="71">
        <v>59</v>
      </c>
      <c r="AS8" s="72">
        <v>587</v>
      </c>
      <c r="AT8" s="73">
        <v>905</v>
      </c>
      <c r="AU8" s="70">
        <v>408</v>
      </c>
      <c r="AV8" s="71">
        <v>388</v>
      </c>
      <c r="AW8" s="72">
        <v>796</v>
      </c>
      <c r="AX8" s="241"/>
      <c r="AY8" s="71">
        <v>426</v>
      </c>
      <c r="AZ8" s="71">
        <v>395</v>
      </c>
      <c r="BA8" s="71">
        <v>250</v>
      </c>
      <c r="BB8" s="71">
        <v>183</v>
      </c>
      <c r="BC8" s="71">
        <v>136</v>
      </c>
      <c r="BD8" s="72">
        <v>1390</v>
      </c>
      <c r="BE8" s="73">
        <v>2186</v>
      </c>
      <c r="BF8" s="70">
        <v>741</v>
      </c>
      <c r="BG8" s="71">
        <v>706</v>
      </c>
      <c r="BH8" s="72">
        <v>1447</v>
      </c>
      <c r="BI8" s="241"/>
      <c r="BJ8" s="71">
        <v>793</v>
      </c>
      <c r="BK8" s="71">
        <v>763</v>
      </c>
      <c r="BL8" s="71">
        <v>505</v>
      </c>
      <c r="BM8" s="71">
        <v>382</v>
      </c>
      <c r="BN8" s="71">
        <v>219</v>
      </c>
      <c r="BO8" s="72">
        <v>2662</v>
      </c>
      <c r="BP8" s="73">
        <v>4109</v>
      </c>
      <c r="BQ8" s="70">
        <v>568</v>
      </c>
      <c r="BR8" s="71">
        <v>651</v>
      </c>
      <c r="BS8" s="72">
        <v>1219</v>
      </c>
      <c r="BT8" s="241"/>
      <c r="BU8" s="71">
        <v>702</v>
      </c>
      <c r="BV8" s="71">
        <v>951</v>
      </c>
      <c r="BW8" s="71">
        <v>685</v>
      </c>
      <c r="BX8" s="71">
        <v>533</v>
      </c>
      <c r="BY8" s="71">
        <v>242</v>
      </c>
      <c r="BZ8" s="72">
        <v>3113</v>
      </c>
      <c r="CA8" s="73">
        <v>4332</v>
      </c>
      <c r="CB8" s="70">
        <v>0</v>
      </c>
      <c r="CC8" s="71">
        <v>0</v>
      </c>
      <c r="CD8" s="72">
        <v>0</v>
      </c>
      <c r="CE8" s="241"/>
      <c r="CF8" s="71">
        <v>0</v>
      </c>
      <c r="CG8" s="71">
        <v>0</v>
      </c>
      <c r="CH8" s="71">
        <v>0</v>
      </c>
      <c r="CI8" s="71">
        <v>0</v>
      </c>
      <c r="CJ8" s="71">
        <v>0</v>
      </c>
      <c r="CK8" s="72">
        <v>0</v>
      </c>
      <c r="CL8" s="73">
        <v>0</v>
      </c>
      <c r="CM8" s="70">
        <v>1953</v>
      </c>
      <c r="CN8" s="71">
        <v>2043</v>
      </c>
      <c r="CO8" s="72">
        <v>3996</v>
      </c>
      <c r="CP8" s="241"/>
      <c r="CQ8" s="71">
        <v>2177</v>
      </c>
      <c r="CR8" s="71">
        <v>2445</v>
      </c>
      <c r="CS8" s="71">
        <v>1646</v>
      </c>
      <c r="CT8" s="71">
        <v>1262</v>
      </c>
      <c r="CU8" s="71">
        <v>724</v>
      </c>
      <c r="CV8" s="72">
        <v>8254</v>
      </c>
      <c r="CW8" s="73">
        <v>12250</v>
      </c>
      <c r="CX8" s="123">
        <v>255</v>
      </c>
      <c r="CY8" s="82">
        <v>315</v>
      </c>
      <c r="CZ8" s="83">
        <v>570</v>
      </c>
      <c r="DA8" s="241"/>
      <c r="DB8" s="82">
        <v>315</v>
      </c>
      <c r="DC8" s="82">
        <v>343</v>
      </c>
      <c r="DD8" s="82">
        <v>235</v>
      </c>
      <c r="DE8" s="82">
        <v>249</v>
      </c>
      <c r="DF8" s="82">
        <v>153</v>
      </c>
      <c r="DG8" s="84">
        <v>1295</v>
      </c>
      <c r="DH8" s="85">
        <v>1865</v>
      </c>
      <c r="DI8" s="70">
        <v>7</v>
      </c>
      <c r="DJ8" s="71">
        <v>8</v>
      </c>
      <c r="DK8" s="72">
        <v>15</v>
      </c>
      <c r="DL8" s="241"/>
      <c r="DM8" s="71">
        <v>2</v>
      </c>
      <c r="DN8" s="71">
        <v>9</v>
      </c>
      <c r="DO8" s="71">
        <v>4</v>
      </c>
      <c r="DP8" s="71">
        <v>4</v>
      </c>
      <c r="DQ8" s="71">
        <v>0</v>
      </c>
      <c r="DR8" s="72">
        <v>19</v>
      </c>
      <c r="DS8" s="73">
        <v>34</v>
      </c>
      <c r="DT8" s="70">
        <v>17</v>
      </c>
      <c r="DU8" s="71">
        <v>24</v>
      </c>
      <c r="DV8" s="72">
        <v>41</v>
      </c>
      <c r="DW8" s="241"/>
      <c r="DX8" s="71">
        <v>11</v>
      </c>
      <c r="DY8" s="71">
        <v>11</v>
      </c>
      <c r="DZ8" s="71">
        <v>2</v>
      </c>
      <c r="EA8" s="71">
        <v>12</v>
      </c>
      <c r="EB8" s="71">
        <v>4</v>
      </c>
      <c r="EC8" s="72">
        <v>40</v>
      </c>
      <c r="ED8" s="73">
        <v>81</v>
      </c>
      <c r="EE8" s="70">
        <v>27</v>
      </c>
      <c r="EF8" s="71">
        <v>35</v>
      </c>
      <c r="EG8" s="72">
        <v>62</v>
      </c>
      <c r="EH8" s="241"/>
      <c r="EI8" s="71">
        <v>34</v>
      </c>
      <c r="EJ8" s="71">
        <v>27</v>
      </c>
      <c r="EK8" s="71">
        <v>15</v>
      </c>
      <c r="EL8" s="71">
        <v>11</v>
      </c>
      <c r="EM8" s="71">
        <v>13</v>
      </c>
      <c r="EN8" s="72">
        <v>100</v>
      </c>
      <c r="EO8" s="73">
        <v>162</v>
      </c>
      <c r="EP8" s="70">
        <v>81</v>
      </c>
      <c r="EQ8" s="71">
        <v>78</v>
      </c>
      <c r="ER8" s="72">
        <v>159</v>
      </c>
      <c r="ES8" s="241"/>
      <c r="ET8" s="71">
        <v>65</v>
      </c>
      <c r="EU8" s="71">
        <v>48</v>
      </c>
      <c r="EV8" s="71">
        <v>32</v>
      </c>
      <c r="EW8" s="71">
        <v>35</v>
      </c>
      <c r="EX8" s="71">
        <v>20</v>
      </c>
      <c r="EY8" s="72">
        <v>200</v>
      </c>
      <c r="EZ8" s="73">
        <v>359</v>
      </c>
      <c r="FA8" s="70">
        <v>63</v>
      </c>
      <c r="FB8" s="71">
        <v>90</v>
      </c>
      <c r="FC8" s="72">
        <v>153</v>
      </c>
      <c r="FD8" s="241"/>
      <c r="FE8" s="71">
        <v>91</v>
      </c>
      <c r="FF8" s="71">
        <v>100</v>
      </c>
      <c r="FG8" s="71">
        <v>54</v>
      </c>
      <c r="FH8" s="71">
        <v>54</v>
      </c>
      <c r="FI8" s="71">
        <v>37</v>
      </c>
      <c r="FJ8" s="72">
        <v>336</v>
      </c>
      <c r="FK8" s="73">
        <v>489</v>
      </c>
      <c r="FL8" s="70">
        <v>60</v>
      </c>
      <c r="FM8" s="71">
        <v>80</v>
      </c>
      <c r="FN8" s="72">
        <v>140</v>
      </c>
      <c r="FO8" s="241"/>
      <c r="FP8" s="71">
        <v>112</v>
      </c>
      <c r="FQ8" s="71">
        <v>148</v>
      </c>
      <c r="FR8" s="71">
        <v>128</v>
      </c>
      <c r="FS8" s="71">
        <v>133</v>
      </c>
      <c r="FT8" s="71">
        <v>79</v>
      </c>
      <c r="FU8" s="72">
        <v>600</v>
      </c>
      <c r="FV8" s="73">
        <v>740</v>
      </c>
      <c r="FW8" s="70">
        <v>0</v>
      </c>
      <c r="FX8" s="71">
        <v>0</v>
      </c>
      <c r="FY8" s="72">
        <v>0</v>
      </c>
      <c r="FZ8" s="241"/>
      <c r="GA8" s="71">
        <v>0</v>
      </c>
      <c r="GB8" s="71">
        <v>0</v>
      </c>
      <c r="GC8" s="71">
        <v>0</v>
      </c>
      <c r="GD8" s="71">
        <v>0</v>
      </c>
      <c r="GE8" s="71">
        <v>0</v>
      </c>
      <c r="GF8" s="72">
        <v>0</v>
      </c>
      <c r="GG8" s="73">
        <v>0</v>
      </c>
      <c r="GH8" s="70">
        <v>255</v>
      </c>
      <c r="GI8" s="71">
        <v>315</v>
      </c>
      <c r="GJ8" s="72">
        <v>570</v>
      </c>
      <c r="GK8" s="241"/>
      <c r="GL8" s="71">
        <v>315</v>
      </c>
      <c r="GM8" s="71">
        <v>343</v>
      </c>
      <c r="GN8" s="71">
        <v>235</v>
      </c>
      <c r="GO8" s="71">
        <v>249</v>
      </c>
      <c r="GP8" s="71">
        <v>153</v>
      </c>
      <c r="GQ8" s="72">
        <v>1295</v>
      </c>
      <c r="GR8" s="73">
        <v>1865</v>
      </c>
      <c r="GS8" s="123">
        <v>2208</v>
      </c>
      <c r="GT8" s="82">
        <v>2358</v>
      </c>
      <c r="GU8" s="83">
        <v>4566</v>
      </c>
      <c r="GV8" s="241"/>
      <c r="GW8" s="82">
        <v>2492</v>
      </c>
      <c r="GX8" s="82">
        <v>2788</v>
      </c>
      <c r="GY8" s="82">
        <v>1881</v>
      </c>
      <c r="GZ8" s="82">
        <v>1511</v>
      </c>
      <c r="HA8" s="82">
        <v>877</v>
      </c>
      <c r="HB8" s="84">
        <v>9549</v>
      </c>
      <c r="HC8" s="85">
        <v>14115</v>
      </c>
      <c r="HD8" s="70">
        <v>32</v>
      </c>
      <c r="HE8" s="71">
        <v>39</v>
      </c>
      <c r="HF8" s="72">
        <v>71</v>
      </c>
      <c r="HG8" s="241"/>
      <c r="HH8" s="71">
        <v>21</v>
      </c>
      <c r="HI8" s="71">
        <v>56</v>
      </c>
      <c r="HJ8" s="71">
        <v>16</v>
      </c>
      <c r="HK8" s="71">
        <v>26</v>
      </c>
      <c r="HL8" s="71">
        <v>18</v>
      </c>
      <c r="HM8" s="72">
        <v>137</v>
      </c>
      <c r="HN8" s="73">
        <v>208</v>
      </c>
      <c r="HO8" s="70">
        <v>83</v>
      </c>
      <c r="HP8" s="71">
        <v>118</v>
      </c>
      <c r="HQ8" s="72">
        <v>201</v>
      </c>
      <c r="HR8" s="241"/>
      <c r="HS8" s="71">
        <v>98</v>
      </c>
      <c r="HT8" s="71">
        <v>117</v>
      </c>
      <c r="HU8" s="71">
        <v>80</v>
      </c>
      <c r="HV8" s="71">
        <v>75</v>
      </c>
      <c r="HW8" s="71">
        <v>54</v>
      </c>
      <c r="HX8" s="72">
        <v>424</v>
      </c>
      <c r="HY8" s="73">
        <v>625</v>
      </c>
      <c r="HZ8" s="70">
        <v>172</v>
      </c>
      <c r="IA8" s="71">
        <v>208</v>
      </c>
      <c r="IB8" s="72">
        <v>380</v>
      </c>
      <c r="IC8" s="241"/>
      <c r="ID8" s="71">
        <v>184</v>
      </c>
      <c r="IE8" s="71">
        <v>210</v>
      </c>
      <c r="IF8" s="71">
        <v>131</v>
      </c>
      <c r="IG8" s="71">
        <v>90</v>
      </c>
      <c r="IH8" s="71">
        <v>72</v>
      </c>
      <c r="II8" s="72">
        <v>687</v>
      </c>
      <c r="IJ8" s="73">
        <v>1067</v>
      </c>
      <c r="IK8" s="70">
        <v>489</v>
      </c>
      <c r="IL8" s="71">
        <v>466</v>
      </c>
      <c r="IM8" s="72">
        <v>955</v>
      </c>
      <c r="IN8" s="241"/>
      <c r="IO8" s="71">
        <v>491</v>
      </c>
      <c r="IP8" s="71">
        <v>443</v>
      </c>
      <c r="IQ8" s="71">
        <v>282</v>
      </c>
      <c r="IR8" s="71">
        <v>218</v>
      </c>
      <c r="IS8" s="71">
        <v>156</v>
      </c>
      <c r="IT8" s="72">
        <v>1590</v>
      </c>
      <c r="IU8" s="73">
        <v>2545</v>
      </c>
      <c r="IV8" s="70">
        <v>804</v>
      </c>
      <c r="IW8" s="71">
        <v>796</v>
      </c>
      <c r="IX8" s="72">
        <v>1600</v>
      </c>
      <c r="IY8" s="241"/>
      <c r="IZ8" s="71">
        <v>884</v>
      </c>
      <c r="JA8" s="71">
        <v>863</v>
      </c>
      <c r="JB8" s="71">
        <v>559</v>
      </c>
      <c r="JC8" s="71">
        <v>436</v>
      </c>
      <c r="JD8" s="71">
        <v>256</v>
      </c>
      <c r="JE8" s="72">
        <v>2998</v>
      </c>
      <c r="JF8" s="73">
        <v>4598</v>
      </c>
      <c r="JG8" s="70">
        <v>628</v>
      </c>
      <c r="JH8" s="71">
        <v>731</v>
      </c>
      <c r="JI8" s="72">
        <v>1359</v>
      </c>
      <c r="JJ8" s="244">
        <v>0</v>
      </c>
      <c r="JK8" s="71">
        <v>814</v>
      </c>
      <c r="JL8" s="71">
        <v>1099</v>
      </c>
      <c r="JM8" s="71">
        <v>813</v>
      </c>
      <c r="JN8" s="71">
        <v>666</v>
      </c>
      <c r="JO8" s="71">
        <v>321</v>
      </c>
      <c r="JP8" s="72">
        <v>3713</v>
      </c>
      <c r="JQ8" s="73">
        <v>5072</v>
      </c>
      <c r="JR8" s="70">
        <v>0</v>
      </c>
      <c r="JS8" s="71">
        <v>0</v>
      </c>
      <c r="JT8" s="72">
        <v>0</v>
      </c>
      <c r="JU8" s="241"/>
      <c r="JV8" s="71">
        <v>0</v>
      </c>
      <c r="JW8" s="71">
        <v>0</v>
      </c>
      <c r="JX8" s="71">
        <v>0</v>
      </c>
      <c r="JY8" s="71">
        <v>0</v>
      </c>
      <c r="JZ8" s="71">
        <v>0</v>
      </c>
      <c r="KA8" s="72">
        <v>0</v>
      </c>
      <c r="KB8" s="73">
        <v>0</v>
      </c>
      <c r="KC8" s="70">
        <v>2208</v>
      </c>
      <c r="KD8" s="71">
        <v>2358</v>
      </c>
      <c r="KE8" s="72">
        <v>4566</v>
      </c>
      <c r="KF8" s="241"/>
      <c r="KG8" s="71">
        <v>2492</v>
      </c>
      <c r="KH8" s="71">
        <v>2788</v>
      </c>
      <c r="KI8" s="71">
        <v>1881</v>
      </c>
      <c r="KJ8" s="71">
        <v>1511</v>
      </c>
      <c r="KK8" s="71">
        <v>877</v>
      </c>
      <c r="KL8" s="72">
        <v>9549</v>
      </c>
      <c r="KM8" s="73">
        <v>14115</v>
      </c>
    </row>
    <row r="9" spans="2:299" ht="19.5" customHeight="1" x14ac:dyDescent="0.2">
      <c r="B9" s="126" t="s">
        <v>6</v>
      </c>
      <c r="C9" s="316">
        <v>532</v>
      </c>
      <c r="D9" s="82">
        <v>363</v>
      </c>
      <c r="E9" s="83">
        <v>895</v>
      </c>
      <c r="F9" s="241"/>
      <c r="G9" s="82">
        <v>805</v>
      </c>
      <c r="H9" s="82">
        <v>554</v>
      </c>
      <c r="I9" s="82">
        <v>418</v>
      </c>
      <c r="J9" s="82">
        <v>374</v>
      </c>
      <c r="K9" s="82">
        <v>241</v>
      </c>
      <c r="L9" s="84">
        <v>2392</v>
      </c>
      <c r="M9" s="85">
        <v>3287</v>
      </c>
      <c r="N9" s="70">
        <v>9</v>
      </c>
      <c r="O9" s="71">
        <v>9</v>
      </c>
      <c r="P9" s="72">
        <v>18</v>
      </c>
      <c r="Q9" s="241"/>
      <c r="R9" s="71">
        <v>14</v>
      </c>
      <c r="S9" s="71">
        <v>10</v>
      </c>
      <c r="T9" s="71">
        <v>7</v>
      </c>
      <c r="U9" s="71">
        <v>16</v>
      </c>
      <c r="V9" s="71">
        <v>6</v>
      </c>
      <c r="W9" s="72">
        <v>53</v>
      </c>
      <c r="X9" s="73">
        <v>71</v>
      </c>
      <c r="Y9" s="70">
        <v>19</v>
      </c>
      <c r="Z9" s="71">
        <v>11</v>
      </c>
      <c r="AA9" s="72">
        <v>30</v>
      </c>
      <c r="AB9" s="241"/>
      <c r="AC9" s="71">
        <v>47</v>
      </c>
      <c r="AD9" s="71">
        <v>29</v>
      </c>
      <c r="AE9" s="71">
        <v>18</v>
      </c>
      <c r="AF9" s="71">
        <v>23</v>
      </c>
      <c r="AG9" s="71">
        <v>21</v>
      </c>
      <c r="AH9" s="72">
        <v>138</v>
      </c>
      <c r="AI9" s="73">
        <v>168</v>
      </c>
      <c r="AJ9" s="70">
        <v>45</v>
      </c>
      <c r="AK9" s="71">
        <v>30</v>
      </c>
      <c r="AL9" s="72">
        <v>75</v>
      </c>
      <c r="AM9" s="241"/>
      <c r="AN9" s="71">
        <v>64</v>
      </c>
      <c r="AO9" s="71">
        <v>40</v>
      </c>
      <c r="AP9" s="71">
        <v>30</v>
      </c>
      <c r="AQ9" s="71">
        <v>23</v>
      </c>
      <c r="AR9" s="71">
        <v>20</v>
      </c>
      <c r="AS9" s="72">
        <v>177</v>
      </c>
      <c r="AT9" s="73">
        <v>252</v>
      </c>
      <c r="AU9" s="70">
        <v>96</v>
      </c>
      <c r="AV9" s="71">
        <v>53</v>
      </c>
      <c r="AW9" s="72">
        <v>149</v>
      </c>
      <c r="AX9" s="241"/>
      <c r="AY9" s="71">
        <v>140</v>
      </c>
      <c r="AZ9" s="71">
        <v>100</v>
      </c>
      <c r="BA9" s="71">
        <v>64</v>
      </c>
      <c r="BB9" s="71">
        <v>48</v>
      </c>
      <c r="BC9" s="71">
        <v>38</v>
      </c>
      <c r="BD9" s="72">
        <v>390</v>
      </c>
      <c r="BE9" s="73">
        <v>539</v>
      </c>
      <c r="BF9" s="70">
        <v>186</v>
      </c>
      <c r="BG9" s="71">
        <v>132</v>
      </c>
      <c r="BH9" s="72">
        <v>318</v>
      </c>
      <c r="BI9" s="241"/>
      <c r="BJ9" s="71">
        <v>255</v>
      </c>
      <c r="BK9" s="71">
        <v>173</v>
      </c>
      <c r="BL9" s="71">
        <v>135</v>
      </c>
      <c r="BM9" s="71">
        <v>105</v>
      </c>
      <c r="BN9" s="71">
        <v>80</v>
      </c>
      <c r="BO9" s="72">
        <v>748</v>
      </c>
      <c r="BP9" s="73">
        <v>1066</v>
      </c>
      <c r="BQ9" s="70">
        <v>177</v>
      </c>
      <c r="BR9" s="71">
        <v>128</v>
      </c>
      <c r="BS9" s="72">
        <v>305</v>
      </c>
      <c r="BT9" s="241"/>
      <c r="BU9" s="71">
        <v>285</v>
      </c>
      <c r="BV9" s="71">
        <v>202</v>
      </c>
      <c r="BW9" s="71">
        <v>164</v>
      </c>
      <c r="BX9" s="71">
        <v>159</v>
      </c>
      <c r="BY9" s="71">
        <v>76</v>
      </c>
      <c r="BZ9" s="72">
        <v>886</v>
      </c>
      <c r="CA9" s="73">
        <v>1191</v>
      </c>
      <c r="CB9" s="70">
        <v>0</v>
      </c>
      <c r="CC9" s="71">
        <v>0</v>
      </c>
      <c r="CD9" s="72">
        <v>0</v>
      </c>
      <c r="CE9" s="241"/>
      <c r="CF9" s="71">
        <v>0</v>
      </c>
      <c r="CG9" s="71">
        <v>0</v>
      </c>
      <c r="CH9" s="71">
        <v>0</v>
      </c>
      <c r="CI9" s="71">
        <v>0</v>
      </c>
      <c r="CJ9" s="71">
        <v>0</v>
      </c>
      <c r="CK9" s="72">
        <v>0</v>
      </c>
      <c r="CL9" s="73">
        <v>0</v>
      </c>
      <c r="CM9" s="70">
        <v>532</v>
      </c>
      <c r="CN9" s="71">
        <v>363</v>
      </c>
      <c r="CO9" s="72">
        <v>895</v>
      </c>
      <c r="CP9" s="241"/>
      <c r="CQ9" s="71">
        <v>805</v>
      </c>
      <c r="CR9" s="71">
        <v>554</v>
      </c>
      <c r="CS9" s="71">
        <v>418</v>
      </c>
      <c r="CT9" s="71">
        <v>374</v>
      </c>
      <c r="CU9" s="71">
        <v>241</v>
      </c>
      <c r="CV9" s="72">
        <v>2392</v>
      </c>
      <c r="CW9" s="73">
        <v>3287</v>
      </c>
      <c r="CX9" s="123">
        <v>108</v>
      </c>
      <c r="CY9" s="82">
        <v>86</v>
      </c>
      <c r="CZ9" s="83">
        <v>194</v>
      </c>
      <c r="DA9" s="241"/>
      <c r="DB9" s="82">
        <v>107</v>
      </c>
      <c r="DC9" s="82">
        <v>108</v>
      </c>
      <c r="DD9" s="82">
        <v>87</v>
      </c>
      <c r="DE9" s="82">
        <v>80</v>
      </c>
      <c r="DF9" s="82">
        <v>62</v>
      </c>
      <c r="DG9" s="84">
        <v>444</v>
      </c>
      <c r="DH9" s="85">
        <v>638</v>
      </c>
      <c r="DI9" s="70">
        <v>1</v>
      </c>
      <c r="DJ9" s="71">
        <v>2</v>
      </c>
      <c r="DK9" s="72">
        <v>3</v>
      </c>
      <c r="DL9" s="241"/>
      <c r="DM9" s="71">
        <v>1</v>
      </c>
      <c r="DN9" s="71">
        <v>2</v>
      </c>
      <c r="DO9" s="71">
        <v>2</v>
      </c>
      <c r="DP9" s="71">
        <v>2</v>
      </c>
      <c r="DQ9" s="71">
        <v>3</v>
      </c>
      <c r="DR9" s="72">
        <v>10</v>
      </c>
      <c r="DS9" s="73">
        <v>13</v>
      </c>
      <c r="DT9" s="70">
        <v>3</v>
      </c>
      <c r="DU9" s="71">
        <v>6</v>
      </c>
      <c r="DV9" s="72">
        <v>9</v>
      </c>
      <c r="DW9" s="241"/>
      <c r="DX9" s="71">
        <v>3</v>
      </c>
      <c r="DY9" s="71">
        <v>7</v>
      </c>
      <c r="DZ9" s="71">
        <v>3</v>
      </c>
      <c r="EA9" s="71">
        <v>1</v>
      </c>
      <c r="EB9" s="71">
        <v>1</v>
      </c>
      <c r="EC9" s="72">
        <v>15</v>
      </c>
      <c r="ED9" s="73">
        <v>24</v>
      </c>
      <c r="EE9" s="70">
        <v>18</v>
      </c>
      <c r="EF9" s="71">
        <v>7</v>
      </c>
      <c r="EG9" s="72">
        <v>25</v>
      </c>
      <c r="EH9" s="241"/>
      <c r="EI9" s="71">
        <v>7</v>
      </c>
      <c r="EJ9" s="71">
        <v>9</v>
      </c>
      <c r="EK9" s="71">
        <v>6</v>
      </c>
      <c r="EL9" s="71">
        <v>3</v>
      </c>
      <c r="EM9" s="71">
        <v>2</v>
      </c>
      <c r="EN9" s="72">
        <v>27</v>
      </c>
      <c r="EO9" s="73">
        <v>52</v>
      </c>
      <c r="EP9" s="70">
        <v>33</v>
      </c>
      <c r="EQ9" s="71">
        <v>24</v>
      </c>
      <c r="ER9" s="72">
        <v>57</v>
      </c>
      <c r="ES9" s="241"/>
      <c r="ET9" s="71">
        <v>17</v>
      </c>
      <c r="EU9" s="71">
        <v>11</v>
      </c>
      <c r="EV9" s="71">
        <v>17</v>
      </c>
      <c r="EW9" s="71">
        <v>8</v>
      </c>
      <c r="EX9" s="71">
        <v>8</v>
      </c>
      <c r="EY9" s="72">
        <v>61</v>
      </c>
      <c r="EZ9" s="73">
        <v>118</v>
      </c>
      <c r="FA9" s="70">
        <v>32</v>
      </c>
      <c r="FB9" s="71">
        <v>32</v>
      </c>
      <c r="FC9" s="72">
        <v>64</v>
      </c>
      <c r="FD9" s="241"/>
      <c r="FE9" s="71">
        <v>46</v>
      </c>
      <c r="FF9" s="71">
        <v>37</v>
      </c>
      <c r="FG9" s="71">
        <v>24</v>
      </c>
      <c r="FH9" s="71">
        <v>23</v>
      </c>
      <c r="FI9" s="71">
        <v>17</v>
      </c>
      <c r="FJ9" s="72">
        <v>147</v>
      </c>
      <c r="FK9" s="73">
        <v>211</v>
      </c>
      <c r="FL9" s="70">
        <v>21</v>
      </c>
      <c r="FM9" s="71">
        <v>15</v>
      </c>
      <c r="FN9" s="72">
        <v>36</v>
      </c>
      <c r="FO9" s="241"/>
      <c r="FP9" s="71">
        <v>33</v>
      </c>
      <c r="FQ9" s="71">
        <v>42</v>
      </c>
      <c r="FR9" s="71">
        <v>35</v>
      </c>
      <c r="FS9" s="71">
        <v>43</v>
      </c>
      <c r="FT9" s="71">
        <v>31</v>
      </c>
      <c r="FU9" s="72">
        <v>184</v>
      </c>
      <c r="FV9" s="73">
        <v>220</v>
      </c>
      <c r="FW9" s="70">
        <v>0</v>
      </c>
      <c r="FX9" s="71">
        <v>0</v>
      </c>
      <c r="FY9" s="72">
        <v>0</v>
      </c>
      <c r="FZ9" s="241"/>
      <c r="GA9" s="71">
        <v>0</v>
      </c>
      <c r="GB9" s="71">
        <v>0</v>
      </c>
      <c r="GC9" s="71">
        <v>0</v>
      </c>
      <c r="GD9" s="71">
        <v>0</v>
      </c>
      <c r="GE9" s="71">
        <v>0</v>
      </c>
      <c r="GF9" s="72">
        <v>0</v>
      </c>
      <c r="GG9" s="73">
        <v>0</v>
      </c>
      <c r="GH9" s="70">
        <v>108</v>
      </c>
      <c r="GI9" s="71">
        <v>86</v>
      </c>
      <c r="GJ9" s="72">
        <v>194</v>
      </c>
      <c r="GK9" s="241"/>
      <c r="GL9" s="71">
        <v>107</v>
      </c>
      <c r="GM9" s="71">
        <v>108</v>
      </c>
      <c r="GN9" s="71">
        <v>87</v>
      </c>
      <c r="GO9" s="71">
        <v>80</v>
      </c>
      <c r="GP9" s="71">
        <v>62</v>
      </c>
      <c r="GQ9" s="72">
        <v>444</v>
      </c>
      <c r="GR9" s="73">
        <v>638</v>
      </c>
      <c r="GS9" s="123">
        <v>640</v>
      </c>
      <c r="GT9" s="82">
        <v>449</v>
      </c>
      <c r="GU9" s="83">
        <v>1089</v>
      </c>
      <c r="GV9" s="241"/>
      <c r="GW9" s="82">
        <v>912</v>
      </c>
      <c r="GX9" s="82">
        <v>662</v>
      </c>
      <c r="GY9" s="82">
        <v>505</v>
      </c>
      <c r="GZ9" s="82">
        <v>454</v>
      </c>
      <c r="HA9" s="82">
        <v>303</v>
      </c>
      <c r="HB9" s="84">
        <v>2836</v>
      </c>
      <c r="HC9" s="85">
        <v>3925</v>
      </c>
      <c r="HD9" s="70">
        <v>10</v>
      </c>
      <c r="HE9" s="71">
        <v>11</v>
      </c>
      <c r="HF9" s="72">
        <v>21</v>
      </c>
      <c r="HG9" s="241"/>
      <c r="HH9" s="71">
        <v>15</v>
      </c>
      <c r="HI9" s="71">
        <v>12</v>
      </c>
      <c r="HJ9" s="71">
        <v>9</v>
      </c>
      <c r="HK9" s="71">
        <v>18</v>
      </c>
      <c r="HL9" s="71">
        <v>9</v>
      </c>
      <c r="HM9" s="72">
        <v>63</v>
      </c>
      <c r="HN9" s="73">
        <v>84</v>
      </c>
      <c r="HO9" s="70">
        <v>22</v>
      </c>
      <c r="HP9" s="71">
        <v>17</v>
      </c>
      <c r="HQ9" s="72">
        <v>39</v>
      </c>
      <c r="HR9" s="241"/>
      <c r="HS9" s="71">
        <v>50</v>
      </c>
      <c r="HT9" s="71">
        <v>36</v>
      </c>
      <c r="HU9" s="71">
        <v>21</v>
      </c>
      <c r="HV9" s="71">
        <v>24</v>
      </c>
      <c r="HW9" s="71">
        <v>22</v>
      </c>
      <c r="HX9" s="72">
        <v>153</v>
      </c>
      <c r="HY9" s="73">
        <v>192</v>
      </c>
      <c r="HZ9" s="70">
        <v>63</v>
      </c>
      <c r="IA9" s="71">
        <v>37</v>
      </c>
      <c r="IB9" s="72">
        <v>100</v>
      </c>
      <c r="IC9" s="241"/>
      <c r="ID9" s="71">
        <v>71</v>
      </c>
      <c r="IE9" s="71">
        <v>49</v>
      </c>
      <c r="IF9" s="71">
        <v>36</v>
      </c>
      <c r="IG9" s="71">
        <v>26</v>
      </c>
      <c r="IH9" s="71">
        <v>22</v>
      </c>
      <c r="II9" s="72">
        <v>204</v>
      </c>
      <c r="IJ9" s="73">
        <v>304</v>
      </c>
      <c r="IK9" s="70">
        <v>129</v>
      </c>
      <c r="IL9" s="71">
        <v>77</v>
      </c>
      <c r="IM9" s="72">
        <v>206</v>
      </c>
      <c r="IN9" s="241"/>
      <c r="IO9" s="71">
        <v>157</v>
      </c>
      <c r="IP9" s="71">
        <v>111</v>
      </c>
      <c r="IQ9" s="71">
        <v>81</v>
      </c>
      <c r="IR9" s="71">
        <v>56</v>
      </c>
      <c r="IS9" s="71">
        <v>46</v>
      </c>
      <c r="IT9" s="72">
        <v>451</v>
      </c>
      <c r="IU9" s="73">
        <v>657</v>
      </c>
      <c r="IV9" s="70">
        <v>218</v>
      </c>
      <c r="IW9" s="71">
        <v>164</v>
      </c>
      <c r="IX9" s="72">
        <v>382</v>
      </c>
      <c r="IY9" s="241"/>
      <c r="IZ9" s="71">
        <v>301</v>
      </c>
      <c r="JA9" s="71">
        <v>210</v>
      </c>
      <c r="JB9" s="71">
        <v>159</v>
      </c>
      <c r="JC9" s="71">
        <v>128</v>
      </c>
      <c r="JD9" s="71">
        <v>97</v>
      </c>
      <c r="JE9" s="72">
        <v>895</v>
      </c>
      <c r="JF9" s="73">
        <v>1277</v>
      </c>
      <c r="JG9" s="70">
        <v>198</v>
      </c>
      <c r="JH9" s="71">
        <v>143</v>
      </c>
      <c r="JI9" s="72">
        <v>341</v>
      </c>
      <c r="JJ9" s="244">
        <v>0</v>
      </c>
      <c r="JK9" s="71">
        <v>318</v>
      </c>
      <c r="JL9" s="71">
        <v>244</v>
      </c>
      <c r="JM9" s="71">
        <v>199</v>
      </c>
      <c r="JN9" s="71">
        <v>202</v>
      </c>
      <c r="JO9" s="71">
        <v>107</v>
      </c>
      <c r="JP9" s="72">
        <v>1070</v>
      </c>
      <c r="JQ9" s="73">
        <v>1411</v>
      </c>
      <c r="JR9" s="70">
        <v>0</v>
      </c>
      <c r="JS9" s="71">
        <v>0</v>
      </c>
      <c r="JT9" s="72">
        <v>0</v>
      </c>
      <c r="JU9" s="241"/>
      <c r="JV9" s="71">
        <v>0</v>
      </c>
      <c r="JW9" s="71">
        <v>0</v>
      </c>
      <c r="JX9" s="71">
        <v>0</v>
      </c>
      <c r="JY9" s="71">
        <v>0</v>
      </c>
      <c r="JZ9" s="71">
        <v>0</v>
      </c>
      <c r="KA9" s="72">
        <v>0</v>
      </c>
      <c r="KB9" s="73">
        <v>0</v>
      </c>
      <c r="KC9" s="70">
        <v>640</v>
      </c>
      <c r="KD9" s="71">
        <v>449</v>
      </c>
      <c r="KE9" s="72">
        <v>1089</v>
      </c>
      <c r="KF9" s="241"/>
      <c r="KG9" s="71">
        <v>912</v>
      </c>
      <c r="KH9" s="71">
        <v>662</v>
      </c>
      <c r="KI9" s="71">
        <v>505</v>
      </c>
      <c r="KJ9" s="71">
        <v>454</v>
      </c>
      <c r="KK9" s="71">
        <v>303</v>
      </c>
      <c r="KL9" s="72">
        <v>2836</v>
      </c>
      <c r="KM9" s="73">
        <v>3925</v>
      </c>
    </row>
    <row r="10" spans="2:299" ht="19.5" customHeight="1" x14ac:dyDescent="0.2">
      <c r="B10" s="126" t="s">
        <v>14</v>
      </c>
      <c r="C10" s="316">
        <v>290</v>
      </c>
      <c r="D10" s="82">
        <v>320</v>
      </c>
      <c r="E10" s="83">
        <v>610</v>
      </c>
      <c r="F10" s="241"/>
      <c r="G10" s="82">
        <v>413</v>
      </c>
      <c r="H10" s="82">
        <v>404</v>
      </c>
      <c r="I10" s="82">
        <v>283</v>
      </c>
      <c r="J10" s="82">
        <v>202</v>
      </c>
      <c r="K10" s="82">
        <v>130</v>
      </c>
      <c r="L10" s="84">
        <v>1432</v>
      </c>
      <c r="M10" s="85">
        <v>2042</v>
      </c>
      <c r="N10" s="70">
        <v>5</v>
      </c>
      <c r="O10" s="71">
        <v>8</v>
      </c>
      <c r="P10" s="72">
        <v>13</v>
      </c>
      <c r="Q10" s="241"/>
      <c r="R10" s="71">
        <v>5</v>
      </c>
      <c r="S10" s="71">
        <v>8</v>
      </c>
      <c r="T10" s="71">
        <v>7</v>
      </c>
      <c r="U10" s="71">
        <v>2</v>
      </c>
      <c r="V10" s="71">
        <v>5</v>
      </c>
      <c r="W10" s="72">
        <v>27</v>
      </c>
      <c r="X10" s="73">
        <v>40</v>
      </c>
      <c r="Y10" s="70">
        <v>12</v>
      </c>
      <c r="Z10" s="71">
        <v>14</v>
      </c>
      <c r="AA10" s="72">
        <v>26</v>
      </c>
      <c r="AB10" s="241"/>
      <c r="AC10" s="71">
        <v>15</v>
      </c>
      <c r="AD10" s="71">
        <v>18</v>
      </c>
      <c r="AE10" s="71">
        <v>18</v>
      </c>
      <c r="AF10" s="71">
        <v>16</v>
      </c>
      <c r="AG10" s="71">
        <v>10</v>
      </c>
      <c r="AH10" s="72">
        <v>77</v>
      </c>
      <c r="AI10" s="73">
        <v>103</v>
      </c>
      <c r="AJ10" s="70">
        <v>34</v>
      </c>
      <c r="AK10" s="71">
        <v>33</v>
      </c>
      <c r="AL10" s="72">
        <v>67</v>
      </c>
      <c r="AM10" s="241"/>
      <c r="AN10" s="71">
        <v>44</v>
      </c>
      <c r="AO10" s="71">
        <v>41</v>
      </c>
      <c r="AP10" s="71">
        <v>23</v>
      </c>
      <c r="AQ10" s="71">
        <v>21</v>
      </c>
      <c r="AR10" s="71">
        <v>18</v>
      </c>
      <c r="AS10" s="72">
        <v>147</v>
      </c>
      <c r="AT10" s="73">
        <v>214</v>
      </c>
      <c r="AU10" s="70">
        <v>71</v>
      </c>
      <c r="AV10" s="71">
        <v>80</v>
      </c>
      <c r="AW10" s="72">
        <v>151</v>
      </c>
      <c r="AX10" s="241"/>
      <c r="AY10" s="71">
        <v>91</v>
      </c>
      <c r="AZ10" s="71">
        <v>92</v>
      </c>
      <c r="BA10" s="71">
        <v>50</v>
      </c>
      <c r="BB10" s="71">
        <v>40</v>
      </c>
      <c r="BC10" s="71">
        <v>21</v>
      </c>
      <c r="BD10" s="72">
        <v>294</v>
      </c>
      <c r="BE10" s="73">
        <v>445</v>
      </c>
      <c r="BF10" s="70">
        <v>93</v>
      </c>
      <c r="BG10" s="71">
        <v>87</v>
      </c>
      <c r="BH10" s="72">
        <v>180</v>
      </c>
      <c r="BI10" s="241"/>
      <c r="BJ10" s="71">
        <v>133</v>
      </c>
      <c r="BK10" s="71">
        <v>125</v>
      </c>
      <c r="BL10" s="71">
        <v>82</v>
      </c>
      <c r="BM10" s="71">
        <v>53</v>
      </c>
      <c r="BN10" s="71">
        <v>31</v>
      </c>
      <c r="BO10" s="72">
        <v>424</v>
      </c>
      <c r="BP10" s="73">
        <v>604</v>
      </c>
      <c r="BQ10" s="70">
        <v>75</v>
      </c>
      <c r="BR10" s="71">
        <v>98</v>
      </c>
      <c r="BS10" s="72">
        <v>173</v>
      </c>
      <c r="BT10" s="241"/>
      <c r="BU10" s="71">
        <v>125</v>
      </c>
      <c r="BV10" s="71">
        <v>120</v>
      </c>
      <c r="BW10" s="71">
        <v>103</v>
      </c>
      <c r="BX10" s="71">
        <v>70</v>
      </c>
      <c r="BY10" s="71">
        <v>45</v>
      </c>
      <c r="BZ10" s="72">
        <v>463</v>
      </c>
      <c r="CA10" s="73">
        <v>636</v>
      </c>
      <c r="CB10" s="70">
        <v>0</v>
      </c>
      <c r="CC10" s="71">
        <v>0</v>
      </c>
      <c r="CD10" s="72">
        <v>0</v>
      </c>
      <c r="CE10" s="241"/>
      <c r="CF10" s="71">
        <v>0</v>
      </c>
      <c r="CG10" s="71">
        <v>0</v>
      </c>
      <c r="CH10" s="71">
        <v>0</v>
      </c>
      <c r="CI10" s="71">
        <v>0</v>
      </c>
      <c r="CJ10" s="71">
        <v>0</v>
      </c>
      <c r="CK10" s="72">
        <v>0</v>
      </c>
      <c r="CL10" s="73">
        <v>0</v>
      </c>
      <c r="CM10" s="70">
        <v>290</v>
      </c>
      <c r="CN10" s="71">
        <v>320</v>
      </c>
      <c r="CO10" s="72">
        <v>610</v>
      </c>
      <c r="CP10" s="241"/>
      <c r="CQ10" s="71">
        <v>413</v>
      </c>
      <c r="CR10" s="71">
        <v>404</v>
      </c>
      <c r="CS10" s="71">
        <v>283</v>
      </c>
      <c r="CT10" s="71">
        <v>202</v>
      </c>
      <c r="CU10" s="71">
        <v>130</v>
      </c>
      <c r="CV10" s="72">
        <v>1432</v>
      </c>
      <c r="CW10" s="73">
        <v>2042</v>
      </c>
      <c r="CX10" s="123">
        <v>33</v>
      </c>
      <c r="CY10" s="82">
        <v>42</v>
      </c>
      <c r="CZ10" s="83">
        <v>75</v>
      </c>
      <c r="DA10" s="241"/>
      <c r="DB10" s="82">
        <v>45</v>
      </c>
      <c r="DC10" s="82">
        <v>52</v>
      </c>
      <c r="DD10" s="82">
        <v>29</v>
      </c>
      <c r="DE10" s="82">
        <v>33</v>
      </c>
      <c r="DF10" s="82">
        <v>13</v>
      </c>
      <c r="DG10" s="84">
        <v>172</v>
      </c>
      <c r="DH10" s="85">
        <v>247</v>
      </c>
      <c r="DI10" s="70">
        <v>1</v>
      </c>
      <c r="DJ10" s="71">
        <v>2</v>
      </c>
      <c r="DK10" s="72">
        <v>3</v>
      </c>
      <c r="DL10" s="241"/>
      <c r="DM10" s="71">
        <v>0</v>
      </c>
      <c r="DN10" s="71">
        <v>0</v>
      </c>
      <c r="DO10" s="71">
        <v>0</v>
      </c>
      <c r="DP10" s="71">
        <v>0</v>
      </c>
      <c r="DQ10" s="71">
        <v>0</v>
      </c>
      <c r="DR10" s="72">
        <v>0</v>
      </c>
      <c r="DS10" s="73">
        <v>3</v>
      </c>
      <c r="DT10" s="70">
        <v>3</v>
      </c>
      <c r="DU10" s="71">
        <v>5</v>
      </c>
      <c r="DV10" s="72">
        <v>8</v>
      </c>
      <c r="DW10" s="241"/>
      <c r="DX10" s="71">
        <v>3</v>
      </c>
      <c r="DY10" s="71">
        <v>1</v>
      </c>
      <c r="DZ10" s="71">
        <v>1</v>
      </c>
      <c r="EA10" s="71">
        <v>0</v>
      </c>
      <c r="EB10" s="71">
        <v>4</v>
      </c>
      <c r="EC10" s="72">
        <v>9</v>
      </c>
      <c r="ED10" s="73">
        <v>17</v>
      </c>
      <c r="EE10" s="70">
        <v>9</v>
      </c>
      <c r="EF10" s="71">
        <v>5</v>
      </c>
      <c r="EG10" s="72">
        <v>14</v>
      </c>
      <c r="EH10" s="241"/>
      <c r="EI10" s="71">
        <v>7</v>
      </c>
      <c r="EJ10" s="71">
        <v>5</v>
      </c>
      <c r="EK10" s="71">
        <v>4</v>
      </c>
      <c r="EL10" s="71">
        <v>5</v>
      </c>
      <c r="EM10" s="71">
        <v>0</v>
      </c>
      <c r="EN10" s="72">
        <v>21</v>
      </c>
      <c r="EO10" s="73">
        <v>35</v>
      </c>
      <c r="EP10" s="70">
        <v>6</v>
      </c>
      <c r="EQ10" s="71">
        <v>10</v>
      </c>
      <c r="ER10" s="72">
        <v>16</v>
      </c>
      <c r="ES10" s="241"/>
      <c r="ET10" s="71">
        <v>10</v>
      </c>
      <c r="EU10" s="71">
        <v>8</v>
      </c>
      <c r="EV10" s="71">
        <v>7</v>
      </c>
      <c r="EW10" s="71">
        <v>4</v>
      </c>
      <c r="EX10" s="71">
        <v>1</v>
      </c>
      <c r="EY10" s="72">
        <v>30</v>
      </c>
      <c r="EZ10" s="73">
        <v>46</v>
      </c>
      <c r="FA10" s="70">
        <v>11</v>
      </c>
      <c r="FB10" s="71">
        <v>9</v>
      </c>
      <c r="FC10" s="72">
        <v>20</v>
      </c>
      <c r="FD10" s="241"/>
      <c r="FE10" s="71">
        <v>10</v>
      </c>
      <c r="FF10" s="71">
        <v>14</v>
      </c>
      <c r="FG10" s="71">
        <v>4</v>
      </c>
      <c r="FH10" s="71">
        <v>11</v>
      </c>
      <c r="FI10" s="71">
        <v>1</v>
      </c>
      <c r="FJ10" s="72">
        <v>40</v>
      </c>
      <c r="FK10" s="73">
        <v>60</v>
      </c>
      <c r="FL10" s="70">
        <v>3</v>
      </c>
      <c r="FM10" s="71">
        <v>11</v>
      </c>
      <c r="FN10" s="72">
        <v>14</v>
      </c>
      <c r="FO10" s="241"/>
      <c r="FP10" s="71">
        <v>15</v>
      </c>
      <c r="FQ10" s="71">
        <v>24</v>
      </c>
      <c r="FR10" s="71">
        <v>13</v>
      </c>
      <c r="FS10" s="71">
        <v>13</v>
      </c>
      <c r="FT10" s="71">
        <v>7</v>
      </c>
      <c r="FU10" s="72">
        <v>72</v>
      </c>
      <c r="FV10" s="73">
        <v>86</v>
      </c>
      <c r="FW10" s="70">
        <v>0</v>
      </c>
      <c r="FX10" s="71">
        <v>0</v>
      </c>
      <c r="FY10" s="72">
        <v>0</v>
      </c>
      <c r="FZ10" s="241"/>
      <c r="GA10" s="71">
        <v>0</v>
      </c>
      <c r="GB10" s="71">
        <v>0</v>
      </c>
      <c r="GC10" s="71">
        <v>0</v>
      </c>
      <c r="GD10" s="71">
        <v>0</v>
      </c>
      <c r="GE10" s="71">
        <v>0</v>
      </c>
      <c r="GF10" s="72">
        <v>0</v>
      </c>
      <c r="GG10" s="73">
        <v>0</v>
      </c>
      <c r="GH10" s="70">
        <v>33</v>
      </c>
      <c r="GI10" s="71">
        <v>42</v>
      </c>
      <c r="GJ10" s="72">
        <v>75</v>
      </c>
      <c r="GK10" s="241"/>
      <c r="GL10" s="71">
        <v>45</v>
      </c>
      <c r="GM10" s="71">
        <v>52</v>
      </c>
      <c r="GN10" s="71">
        <v>29</v>
      </c>
      <c r="GO10" s="71">
        <v>33</v>
      </c>
      <c r="GP10" s="71">
        <v>13</v>
      </c>
      <c r="GQ10" s="72">
        <v>172</v>
      </c>
      <c r="GR10" s="73">
        <v>247</v>
      </c>
      <c r="GS10" s="123">
        <v>323</v>
      </c>
      <c r="GT10" s="82">
        <v>362</v>
      </c>
      <c r="GU10" s="83">
        <v>685</v>
      </c>
      <c r="GV10" s="241"/>
      <c r="GW10" s="82">
        <v>458</v>
      </c>
      <c r="GX10" s="82">
        <v>456</v>
      </c>
      <c r="GY10" s="82">
        <v>312</v>
      </c>
      <c r="GZ10" s="82">
        <v>235</v>
      </c>
      <c r="HA10" s="82">
        <v>143</v>
      </c>
      <c r="HB10" s="84">
        <v>1604</v>
      </c>
      <c r="HC10" s="85">
        <v>2289</v>
      </c>
      <c r="HD10" s="70">
        <v>6</v>
      </c>
      <c r="HE10" s="71">
        <v>10</v>
      </c>
      <c r="HF10" s="72">
        <v>16</v>
      </c>
      <c r="HG10" s="241"/>
      <c r="HH10" s="71">
        <v>5</v>
      </c>
      <c r="HI10" s="71">
        <v>8</v>
      </c>
      <c r="HJ10" s="71">
        <v>7</v>
      </c>
      <c r="HK10" s="71">
        <v>2</v>
      </c>
      <c r="HL10" s="71">
        <v>5</v>
      </c>
      <c r="HM10" s="72">
        <v>27</v>
      </c>
      <c r="HN10" s="73">
        <v>43</v>
      </c>
      <c r="HO10" s="70">
        <v>15</v>
      </c>
      <c r="HP10" s="71">
        <v>19</v>
      </c>
      <c r="HQ10" s="72">
        <v>34</v>
      </c>
      <c r="HR10" s="241"/>
      <c r="HS10" s="71">
        <v>18</v>
      </c>
      <c r="HT10" s="71">
        <v>19</v>
      </c>
      <c r="HU10" s="71">
        <v>19</v>
      </c>
      <c r="HV10" s="71">
        <v>16</v>
      </c>
      <c r="HW10" s="71">
        <v>14</v>
      </c>
      <c r="HX10" s="72">
        <v>86</v>
      </c>
      <c r="HY10" s="73">
        <v>120</v>
      </c>
      <c r="HZ10" s="70">
        <v>43</v>
      </c>
      <c r="IA10" s="71">
        <v>38</v>
      </c>
      <c r="IB10" s="72">
        <v>81</v>
      </c>
      <c r="IC10" s="241"/>
      <c r="ID10" s="71">
        <v>51</v>
      </c>
      <c r="IE10" s="71">
        <v>46</v>
      </c>
      <c r="IF10" s="71">
        <v>27</v>
      </c>
      <c r="IG10" s="71">
        <v>26</v>
      </c>
      <c r="IH10" s="71">
        <v>18</v>
      </c>
      <c r="II10" s="72">
        <v>168</v>
      </c>
      <c r="IJ10" s="73">
        <v>249</v>
      </c>
      <c r="IK10" s="70">
        <v>77</v>
      </c>
      <c r="IL10" s="71">
        <v>90</v>
      </c>
      <c r="IM10" s="72">
        <v>167</v>
      </c>
      <c r="IN10" s="241"/>
      <c r="IO10" s="71">
        <v>101</v>
      </c>
      <c r="IP10" s="71">
        <v>100</v>
      </c>
      <c r="IQ10" s="71">
        <v>57</v>
      </c>
      <c r="IR10" s="71">
        <v>44</v>
      </c>
      <c r="IS10" s="71">
        <v>22</v>
      </c>
      <c r="IT10" s="72">
        <v>324</v>
      </c>
      <c r="IU10" s="73">
        <v>491</v>
      </c>
      <c r="IV10" s="70">
        <v>104</v>
      </c>
      <c r="IW10" s="71">
        <v>96</v>
      </c>
      <c r="IX10" s="72">
        <v>200</v>
      </c>
      <c r="IY10" s="241"/>
      <c r="IZ10" s="71">
        <v>143</v>
      </c>
      <c r="JA10" s="71">
        <v>139</v>
      </c>
      <c r="JB10" s="71">
        <v>86</v>
      </c>
      <c r="JC10" s="71">
        <v>64</v>
      </c>
      <c r="JD10" s="71">
        <v>32</v>
      </c>
      <c r="JE10" s="72">
        <v>464</v>
      </c>
      <c r="JF10" s="73">
        <v>664</v>
      </c>
      <c r="JG10" s="70">
        <v>78</v>
      </c>
      <c r="JH10" s="71">
        <v>109</v>
      </c>
      <c r="JI10" s="72">
        <v>187</v>
      </c>
      <c r="JJ10" s="244">
        <v>0</v>
      </c>
      <c r="JK10" s="71">
        <v>140</v>
      </c>
      <c r="JL10" s="71">
        <v>144</v>
      </c>
      <c r="JM10" s="71">
        <v>116</v>
      </c>
      <c r="JN10" s="71">
        <v>83</v>
      </c>
      <c r="JO10" s="71">
        <v>52</v>
      </c>
      <c r="JP10" s="72">
        <v>535</v>
      </c>
      <c r="JQ10" s="73">
        <v>722</v>
      </c>
      <c r="JR10" s="70">
        <v>0</v>
      </c>
      <c r="JS10" s="71">
        <v>0</v>
      </c>
      <c r="JT10" s="72">
        <v>0</v>
      </c>
      <c r="JU10" s="241"/>
      <c r="JV10" s="71">
        <v>0</v>
      </c>
      <c r="JW10" s="71">
        <v>0</v>
      </c>
      <c r="JX10" s="71">
        <v>0</v>
      </c>
      <c r="JY10" s="71">
        <v>0</v>
      </c>
      <c r="JZ10" s="71">
        <v>0</v>
      </c>
      <c r="KA10" s="72">
        <v>0</v>
      </c>
      <c r="KB10" s="73">
        <v>0</v>
      </c>
      <c r="KC10" s="70">
        <v>323</v>
      </c>
      <c r="KD10" s="71">
        <v>362</v>
      </c>
      <c r="KE10" s="72">
        <v>685</v>
      </c>
      <c r="KF10" s="241"/>
      <c r="KG10" s="71">
        <v>458</v>
      </c>
      <c r="KH10" s="71">
        <v>456</v>
      </c>
      <c r="KI10" s="71">
        <v>312</v>
      </c>
      <c r="KJ10" s="71">
        <v>235</v>
      </c>
      <c r="KK10" s="71">
        <v>143</v>
      </c>
      <c r="KL10" s="72">
        <v>1604</v>
      </c>
      <c r="KM10" s="73">
        <v>2289</v>
      </c>
    </row>
    <row r="11" spans="2:299" ht="19.5" customHeight="1" x14ac:dyDescent="0.2">
      <c r="B11" s="126" t="s">
        <v>7</v>
      </c>
      <c r="C11" s="316">
        <v>248</v>
      </c>
      <c r="D11" s="82">
        <v>169</v>
      </c>
      <c r="E11" s="83">
        <v>417</v>
      </c>
      <c r="F11" s="241"/>
      <c r="G11" s="82">
        <v>553</v>
      </c>
      <c r="H11" s="82">
        <v>348</v>
      </c>
      <c r="I11" s="82">
        <v>214</v>
      </c>
      <c r="J11" s="82">
        <v>198</v>
      </c>
      <c r="K11" s="82">
        <v>104</v>
      </c>
      <c r="L11" s="84">
        <v>1417</v>
      </c>
      <c r="M11" s="85">
        <v>1834</v>
      </c>
      <c r="N11" s="70">
        <v>1</v>
      </c>
      <c r="O11" s="71">
        <v>3</v>
      </c>
      <c r="P11" s="72">
        <v>4</v>
      </c>
      <c r="Q11" s="241"/>
      <c r="R11" s="71">
        <v>1</v>
      </c>
      <c r="S11" s="71">
        <v>9</v>
      </c>
      <c r="T11" s="71">
        <v>5</v>
      </c>
      <c r="U11" s="71">
        <v>1</v>
      </c>
      <c r="V11" s="71">
        <v>0</v>
      </c>
      <c r="W11" s="72">
        <v>16</v>
      </c>
      <c r="X11" s="73">
        <v>20</v>
      </c>
      <c r="Y11" s="70">
        <v>11</v>
      </c>
      <c r="Z11" s="71">
        <v>5</v>
      </c>
      <c r="AA11" s="72">
        <v>16</v>
      </c>
      <c r="AB11" s="241"/>
      <c r="AC11" s="71">
        <v>19</v>
      </c>
      <c r="AD11" s="71">
        <v>17</v>
      </c>
      <c r="AE11" s="71">
        <v>14</v>
      </c>
      <c r="AF11" s="71">
        <v>9</v>
      </c>
      <c r="AG11" s="71">
        <v>7</v>
      </c>
      <c r="AH11" s="72">
        <v>66</v>
      </c>
      <c r="AI11" s="73">
        <v>82</v>
      </c>
      <c r="AJ11" s="70">
        <v>19</v>
      </c>
      <c r="AK11" s="71">
        <v>19</v>
      </c>
      <c r="AL11" s="72">
        <v>38</v>
      </c>
      <c r="AM11" s="241"/>
      <c r="AN11" s="71">
        <v>64</v>
      </c>
      <c r="AO11" s="71">
        <v>32</v>
      </c>
      <c r="AP11" s="71">
        <v>23</v>
      </c>
      <c r="AQ11" s="71">
        <v>12</v>
      </c>
      <c r="AR11" s="71">
        <v>13</v>
      </c>
      <c r="AS11" s="72">
        <v>144</v>
      </c>
      <c r="AT11" s="73">
        <v>182</v>
      </c>
      <c r="AU11" s="70">
        <v>52</v>
      </c>
      <c r="AV11" s="71">
        <v>34</v>
      </c>
      <c r="AW11" s="72">
        <v>86</v>
      </c>
      <c r="AX11" s="241"/>
      <c r="AY11" s="71">
        <v>100</v>
      </c>
      <c r="AZ11" s="71">
        <v>78</v>
      </c>
      <c r="BA11" s="71">
        <v>35</v>
      </c>
      <c r="BB11" s="71">
        <v>33</v>
      </c>
      <c r="BC11" s="71">
        <v>28</v>
      </c>
      <c r="BD11" s="72">
        <v>274</v>
      </c>
      <c r="BE11" s="73">
        <v>360</v>
      </c>
      <c r="BF11" s="70">
        <v>94</v>
      </c>
      <c r="BG11" s="71">
        <v>65</v>
      </c>
      <c r="BH11" s="72">
        <v>159</v>
      </c>
      <c r="BI11" s="241"/>
      <c r="BJ11" s="71">
        <v>165</v>
      </c>
      <c r="BK11" s="71">
        <v>103</v>
      </c>
      <c r="BL11" s="71">
        <v>74</v>
      </c>
      <c r="BM11" s="71">
        <v>60</v>
      </c>
      <c r="BN11" s="71">
        <v>24</v>
      </c>
      <c r="BO11" s="72">
        <v>426</v>
      </c>
      <c r="BP11" s="73">
        <v>585</v>
      </c>
      <c r="BQ11" s="70">
        <v>71</v>
      </c>
      <c r="BR11" s="71">
        <v>43</v>
      </c>
      <c r="BS11" s="72">
        <v>114</v>
      </c>
      <c r="BT11" s="241"/>
      <c r="BU11" s="71">
        <v>204</v>
      </c>
      <c r="BV11" s="71">
        <v>109</v>
      </c>
      <c r="BW11" s="71">
        <v>63</v>
      </c>
      <c r="BX11" s="71">
        <v>83</v>
      </c>
      <c r="BY11" s="71">
        <v>32</v>
      </c>
      <c r="BZ11" s="72">
        <v>491</v>
      </c>
      <c r="CA11" s="73">
        <v>605</v>
      </c>
      <c r="CB11" s="70">
        <v>0</v>
      </c>
      <c r="CC11" s="71">
        <v>0</v>
      </c>
      <c r="CD11" s="72">
        <v>0</v>
      </c>
      <c r="CE11" s="241"/>
      <c r="CF11" s="71">
        <v>0</v>
      </c>
      <c r="CG11" s="71">
        <v>0</v>
      </c>
      <c r="CH11" s="71">
        <v>0</v>
      </c>
      <c r="CI11" s="71">
        <v>0</v>
      </c>
      <c r="CJ11" s="71">
        <v>0</v>
      </c>
      <c r="CK11" s="72">
        <v>0</v>
      </c>
      <c r="CL11" s="73">
        <v>0</v>
      </c>
      <c r="CM11" s="70">
        <v>248</v>
      </c>
      <c r="CN11" s="71">
        <v>169</v>
      </c>
      <c r="CO11" s="72">
        <v>417</v>
      </c>
      <c r="CP11" s="241"/>
      <c r="CQ11" s="71">
        <v>553</v>
      </c>
      <c r="CR11" s="71">
        <v>348</v>
      </c>
      <c r="CS11" s="71">
        <v>214</v>
      </c>
      <c r="CT11" s="71">
        <v>198</v>
      </c>
      <c r="CU11" s="71">
        <v>104</v>
      </c>
      <c r="CV11" s="72">
        <v>1417</v>
      </c>
      <c r="CW11" s="73">
        <v>1834</v>
      </c>
      <c r="CX11" s="123">
        <v>38</v>
      </c>
      <c r="CY11" s="82">
        <v>25</v>
      </c>
      <c r="CZ11" s="83">
        <v>63</v>
      </c>
      <c r="DA11" s="241"/>
      <c r="DB11" s="82">
        <v>72</v>
      </c>
      <c r="DC11" s="82">
        <v>37</v>
      </c>
      <c r="DD11" s="82">
        <v>31</v>
      </c>
      <c r="DE11" s="82">
        <v>27</v>
      </c>
      <c r="DF11" s="82">
        <v>17</v>
      </c>
      <c r="DG11" s="84">
        <v>184</v>
      </c>
      <c r="DH11" s="85">
        <v>247</v>
      </c>
      <c r="DI11" s="70">
        <v>1</v>
      </c>
      <c r="DJ11" s="71">
        <v>0</v>
      </c>
      <c r="DK11" s="72">
        <v>1</v>
      </c>
      <c r="DL11" s="241"/>
      <c r="DM11" s="71">
        <v>1</v>
      </c>
      <c r="DN11" s="71">
        <v>1</v>
      </c>
      <c r="DO11" s="71">
        <v>1</v>
      </c>
      <c r="DP11" s="71">
        <v>0</v>
      </c>
      <c r="DQ11" s="71">
        <v>0</v>
      </c>
      <c r="DR11" s="72">
        <v>3</v>
      </c>
      <c r="DS11" s="73">
        <v>4</v>
      </c>
      <c r="DT11" s="70">
        <v>5</v>
      </c>
      <c r="DU11" s="71">
        <v>0</v>
      </c>
      <c r="DV11" s="72">
        <v>5</v>
      </c>
      <c r="DW11" s="241"/>
      <c r="DX11" s="71">
        <v>2</v>
      </c>
      <c r="DY11" s="71">
        <v>4</v>
      </c>
      <c r="DZ11" s="71">
        <v>0</v>
      </c>
      <c r="EA11" s="71">
        <v>3</v>
      </c>
      <c r="EB11" s="71">
        <v>1</v>
      </c>
      <c r="EC11" s="72">
        <v>10</v>
      </c>
      <c r="ED11" s="73">
        <v>15</v>
      </c>
      <c r="EE11" s="70">
        <v>4</v>
      </c>
      <c r="EF11" s="71">
        <v>4</v>
      </c>
      <c r="EG11" s="72">
        <v>8</v>
      </c>
      <c r="EH11" s="241"/>
      <c r="EI11" s="71">
        <v>3</v>
      </c>
      <c r="EJ11" s="71">
        <v>3</v>
      </c>
      <c r="EK11" s="71">
        <v>2</v>
      </c>
      <c r="EL11" s="71">
        <v>1</v>
      </c>
      <c r="EM11" s="71">
        <v>1</v>
      </c>
      <c r="EN11" s="72">
        <v>10</v>
      </c>
      <c r="EO11" s="73">
        <v>18</v>
      </c>
      <c r="EP11" s="70">
        <v>12</v>
      </c>
      <c r="EQ11" s="71">
        <v>5</v>
      </c>
      <c r="ER11" s="72">
        <v>17</v>
      </c>
      <c r="ES11" s="241"/>
      <c r="ET11" s="71">
        <v>15</v>
      </c>
      <c r="EU11" s="71">
        <v>4</v>
      </c>
      <c r="EV11" s="71">
        <v>2</v>
      </c>
      <c r="EW11" s="71">
        <v>3</v>
      </c>
      <c r="EX11" s="71">
        <v>4</v>
      </c>
      <c r="EY11" s="72">
        <v>28</v>
      </c>
      <c r="EZ11" s="73">
        <v>45</v>
      </c>
      <c r="FA11" s="70">
        <v>7</v>
      </c>
      <c r="FB11" s="71">
        <v>8</v>
      </c>
      <c r="FC11" s="72">
        <v>15</v>
      </c>
      <c r="FD11" s="241"/>
      <c r="FE11" s="71">
        <v>20</v>
      </c>
      <c r="FF11" s="71">
        <v>9</v>
      </c>
      <c r="FG11" s="71">
        <v>6</v>
      </c>
      <c r="FH11" s="71">
        <v>10</v>
      </c>
      <c r="FI11" s="71">
        <v>4</v>
      </c>
      <c r="FJ11" s="72">
        <v>49</v>
      </c>
      <c r="FK11" s="73">
        <v>64</v>
      </c>
      <c r="FL11" s="70">
        <v>9</v>
      </c>
      <c r="FM11" s="71">
        <v>8</v>
      </c>
      <c r="FN11" s="72">
        <v>17</v>
      </c>
      <c r="FO11" s="241"/>
      <c r="FP11" s="71">
        <v>31</v>
      </c>
      <c r="FQ11" s="71">
        <v>16</v>
      </c>
      <c r="FR11" s="71">
        <v>20</v>
      </c>
      <c r="FS11" s="71">
        <v>10</v>
      </c>
      <c r="FT11" s="71">
        <v>7</v>
      </c>
      <c r="FU11" s="72">
        <v>84</v>
      </c>
      <c r="FV11" s="73">
        <v>101</v>
      </c>
      <c r="FW11" s="70">
        <v>0</v>
      </c>
      <c r="FX11" s="71">
        <v>0</v>
      </c>
      <c r="FY11" s="72">
        <v>0</v>
      </c>
      <c r="FZ11" s="241"/>
      <c r="GA11" s="71">
        <v>0</v>
      </c>
      <c r="GB11" s="71">
        <v>0</v>
      </c>
      <c r="GC11" s="71">
        <v>0</v>
      </c>
      <c r="GD11" s="71">
        <v>0</v>
      </c>
      <c r="GE11" s="71">
        <v>0</v>
      </c>
      <c r="GF11" s="72">
        <v>0</v>
      </c>
      <c r="GG11" s="73">
        <v>0</v>
      </c>
      <c r="GH11" s="70">
        <v>38</v>
      </c>
      <c r="GI11" s="71">
        <v>25</v>
      </c>
      <c r="GJ11" s="72">
        <v>63</v>
      </c>
      <c r="GK11" s="241"/>
      <c r="GL11" s="71">
        <v>72</v>
      </c>
      <c r="GM11" s="71">
        <v>37</v>
      </c>
      <c r="GN11" s="71">
        <v>31</v>
      </c>
      <c r="GO11" s="71">
        <v>27</v>
      </c>
      <c r="GP11" s="71">
        <v>17</v>
      </c>
      <c r="GQ11" s="72">
        <v>184</v>
      </c>
      <c r="GR11" s="73">
        <v>247</v>
      </c>
      <c r="GS11" s="123">
        <v>286</v>
      </c>
      <c r="GT11" s="82">
        <v>194</v>
      </c>
      <c r="GU11" s="83">
        <v>480</v>
      </c>
      <c r="GV11" s="241"/>
      <c r="GW11" s="82">
        <v>625</v>
      </c>
      <c r="GX11" s="82">
        <v>385</v>
      </c>
      <c r="GY11" s="82">
        <v>245</v>
      </c>
      <c r="GZ11" s="82">
        <v>225</v>
      </c>
      <c r="HA11" s="82">
        <v>121</v>
      </c>
      <c r="HB11" s="84">
        <v>1601</v>
      </c>
      <c r="HC11" s="85">
        <v>2081</v>
      </c>
      <c r="HD11" s="70">
        <v>2</v>
      </c>
      <c r="HE11" s="71">
        <v>3</v>
      </c>
      <c r="HF11" s="72">
        <v>5</v>
      </c>
      <c r="HG11" s="241"/>
      <c r="HH11" s="71">
        <v>2</v>
      </c>
      <c r="HI11" s="71">
        <v>10</v>
      </c>
      <c r="HJ11" s="71">
        <v>6</v>
      </c>
      <c r="HK11" s="71">
        <v>1</v>
      </c>
      <c r="HL11" s="71">
        <v>0</v>
      </c>
      <c r="HM11" s="72">
        <v>19</v>
      </c>
      <c r="HN11" s="73">
        <v>24</v>
      </c>
      <c r="HO11" s="70">
        <v>16</v>
      </c>
      <c r="HP11" s="71">
        <v>5</v>
      </c>
      <c r="HQ11" s="72">
        <v>21</v>
      </c>
      <c r="HR11" s="241"/>
      <c r="HS11" s="71">
        <v>21</v>
      </c>
      <c r="HT11" s="71">
        <v>21</v>
      </c>
      <c r="HU11" s="71">
        <v>14</v>
      </c>
      <c r="HV11" s="71">
        <v>12</v>
      </c>
      <c r="HW11" s="71">
        <v>8</v>
      </c>
      <c r="HX11" s="72">
        <v>76</v>
      </c>
      <c r="HY11" s="73">
        <v>97</v>
      </c>
      <c r="HZ11" s="70">
        <v>23</v>
      </c>
      <c r="IA11" s="71">
        <v>23</v>
      </c>
      <c r="IB11" s="72">
        <v>46</v>
      </c>
      <c r="IC11" s="241"/>
      <c r="ID11" s="71">
        <v>67</v>
      </c>
      <c r="IE11" s="71">
        <v>35</v>
      </c>
      <c r="IF11" s="71">
        <v>25</v>
      </c>
      <c r="IG11" s="71">
        <v>13</v>
      </c>
      <c r="IH11" s="71">
        <v>14</v>
      </c>
      <c r="II11" s="72">
        <v>154</v>
      </c>
      <c r="IJ11" s="73">
        <v>200</v>
      </c>
      <c r="IK11" s="70">
        <v>64</v>
      </c>
      <c r="IL11" s="71">
        <v>39</v>
      </c>
      <c r="IM11" s="72">
        <v>103</v>
      </c>
      <c r="IN11" s="241"/>
      <c r="IO11" s="71">
        <v>115</v>
      </c>
      <c r="IP11" s="71">
        <v>82</v>
      </c>
      <c r="IQ11" s="71">
        <v>37</v>
      </c>
      <c r="IR11" s="71">
        <v>36</v>
      </c>
      <c r="IS11" s="71">
        <v>32</v>
      </c>
      <c r="IT11" s="72">
        <v>302</v>
      </c>
      <c r="IU11" s="73">
        <v>405</v>
      </c>
      <c r="IV11" s="70">
        <v>101</v>
      </c>
      <c r="IW11" s="71">
        <v>73</v>
      </c>
      <c r="IX11" s="72">
        <v>174</v>
      </c>
      <c r="IY11" s="241"/>
      <c r="IZ11" s="71">
        <v>185</v>
      </c>
      <c r="JA11" s="71">
        <v>112</v>
      </c>
      <c r="JB11" s="71">
        <v>80</v>
      </c>
      <c r="JC11" s="71">
        <v>70</v>
      </c>
      <c r="JD11" s="71">
        <v>28</v>
      </c>
      <c r="JE11" s="72">
        <v>475</v>
      </c>
      <c r="JF11" s="73">
        <v>649</v>
      </c>
      <c r="JG11" s="70">
        <v>80</v>
      </c>
      <c r="JH11" s="71">
        <v>51</v>
      </c>
      <c r="JI11" s="72">
        <v>131</v>
      </c>
      <c r="JJ11" s="244">
        <v>0</v>
      </c>
      <c r="JK11" s="71">
        <v>235</v>
      </c>
      <c r="JL11" s="71">
        <v>125</v>
      </c>
      <c r="JM11" s="71">
        <v>83</v>
      </c>
      <c r="JN11" s="71">
        <v>93</v>
      </c>
      <c r="JO11" s="71">
        <v>39</v>
      </c>
      <c r="JP11" s="72">
        <v>575</v>
      </c>
      <c r="JQ11" s="73">
        <v>706</v>
      </c>
      <c r="JR11" s="70">
        <v>0</v>
      </c>
      <c r="JS11" s="71">
        <v>0</v>
      </c>
      <c r="JT11" s="72">
        <v>0</v>
      </c>
      <c r="JU11" s="241"/>
      <c r="JV11" s="71">
        <v>0</v>
      </c>
      <c r="JW11" s="71">
        <v>0</v>
      </c>
      <c r="JX11" s="71">
        <v>0</v>
      </c>
      <c r="JY11" s="71">
        <v>0</v>
      </c>
      <c r="JZ11" s="71">
        <v>0</v>
      </c>
      <c r="KA11" s="72">
        <v>0</v>
      </c>
      <c r="KB11" s="73">
        <v>0</v>
      </c>
      <c r="KC11" s="70">
        <v>286</v>
      </c>
      <c r="KD11" s="71">
        <v>194</v>
      </c>
      <c r="KE11" s="72">
        <v>480</v>
      </c>
      <c r="KF11" s="241"/>
      <c r="KG11" s="71">
        <v>625</v>
      </c>
      <c r="KH11" s="71">
        <v>385</v>
      </c>
      <c r="KI11" s="71">
        <v>245</v>
      </c>
      <c r="KJ11" s="71">
        <v>225</v>
      </c>
      <c r="KK11" s="71">
        <v>121</v>
      </c>
      <c r="KL11" s="72">
        <v>1601</v>
      </c>
      <c r="KM11" s="73">
        <v>2081</v>
      </c>
    </row>
    <row r="12" spans="2:299" ht="19.5" customHeight="1" x14ac:dyDescent="0.2">
      <c r="B12" s="126" t="s">
        <v>8</v>
      </c>
      <c r="C12" s="316">
        <v>106</v>
      </c>
      <c r="D12" s="82">
        <v>65</v>
      </c>
      <c r="E12" s="83">
        <v>171</v>
      </c>
      <c r="F12" s="241"/>
      <c r="G12" s="82">
        <v>149</v>
      </c>
      <c r="H12" s="82">
        <v>116</v>
      </c>
      <c r="I12" s="82">
        <v>94</v>
      </c>
      <c r="J12" s="82">
        <v>61</v>
      </c>
      <c r="K12" s="82">
        <v>34</v>
      </c>
      <c r="L12" s="84">
        <v>454</v>
      </c>
      <c r="M12" s="85">
        <v>625</v>
      </c>
      <c r="N12" s="70">
        <v>2</v>
      </c>
      <c r="O12" s="71">
        <v>3</v>
      </c>
      <c r="P12" s="72">
        <v>5</v>
      </c>
      <c r="Q12" s="241"/>
      <c r="R12" s="71">
        <v>2</v>
      </c>
      <c r="S12" s="71">
        <v>0</v>
      </c>
      <c r="T12" s="71">
        <v>1</v>
      </c>
      <c r="U12" s="71">
        <v>2</v>
      </c>
      <c r="V12" s="71">
        <v>1</v>
      </c>
      <c r="W12" s="72">
        <v>6</v>
      </c>
      <c r="X12" s="73">
        <v>11</v>
      </c>
      <c r="Y12" s="70">
        <v>2</v>
      </c>
      <c r="Z12" s="71">
        <v>3</v>
      </c>
      <c r="AA12" s="72">
        <v>5</v>
      </c>
      <c r="AB12" s="241"/>
      <c r="AC12" s="71">
        <v>5</v>
      </c>
      <c r="AD12" s="71">
        <v>7</v>
      </c>
      <c r="AE12" s="71">
        <v>5</v>
      </c>
      <c r="AF12" s="71">
        <v>5</v>
      </c>
      <c r="AG12" s="71">
        <v>1</v>
      </c>
      <c r="AH12" s="72">
        <v>23</v>
      </c>
      <c r="AI12" s="73">
        <v>28</v>
      </c>
      <c r="AJ12" s="70">
        <v>9</v>
      </c>
      <c r="AK12" s="71">
        <v>6</v>
      </c>
      <c r="AL12" s="72">
        <v>15</v>
      </c>
      <c r="AM12" s="241"/>
      <c r="AN12" s="71">
        <v>13</v>
      </c>
      <c r="AO12" s="71">
        <v>16</v>
      </c>
      <c r="AP12" s="71">
        <v>7</v>
      </c>
      <c r="AQ12" s="71">
        <v>2</v>
      </c>
      <c r="AR12" s="71">
        <v>4</v>
      </c>
      <c r="AS12" s="72">
        <v>42</v>
      </c>
      <c r="AT12" s="73">
        <v>57</v>
      </c>
      <c r="AU12" s="70">
        <v>26</v>
      </c>
      <c r="AV12" s="71">
        <v>9</v>
      </c>
      <c r="AW12" s="72">
        <v>35</v>
      </c>
      <c r="AX12" s="241"/>
      <c r="AY12" s="71">
        <v>23</v>
      </c>
      <c r="AZ12" s="71">
        <v>19</v>
      </c>
      <c r="BA12" s="71">
        <v>15</v>
      </c>
      <c r="BB12" s="71">
        <v>14</v>
      </c>
      <c r="BC12" s="71">
        <v>7</v>
      </c>
      <c r="BD12" s="72">
        <v>78</v>
      </c>
      <c r="BE12" s="73">
        <v>113</v>
      </c>
      <c r="BF12" s="70">
        <v>33</v>
      </c>
      <c r="BG12" s="71">
        <v>19</v>
      </c>
      <c r="BH12" s="72">
        <v>52</v>
      </c>
      <c r="BI12" s="241"/>
      <c r="BJ12" s="71">
        <v>49</v>
      </c>
      <c r="BK12" s="71">
        <v>32</v>
      </c>
      <c r="BL12" s="71">
        <v>23</v>
      </c>
      <c r="BM12" s="71">
        <v>14</v>
      </c>
      <c r="BN12" s="71">
        <v>10</v>
      </c>
      <c r="BO12" s="72">
        <v>128</v>
      </c>
      <c r="BP12" s="73">
        <v>180</v>
      </c>
      <c r="BQ12" s="70">
        <v>34</v>
      </c>
      <c r="BR12" s="71">
        <v>25</v>
      </c>
      <c r="BS12" s="72">
        <v>59</v>
      </c>
      <c r="BT12" s="241"/>
      <c r="BU12" s="71">
        <v>57</v>
      </c>
      <c r="BV12" s="71">
        <v>42</v>
      </c>
      <c r="BW12" s="71">
        <v>43</v>
      </c>
      <c r="BX12" s="71">
        <v>24</v>
      </c>
      <c r="BY12" s="71">
        <v>11</v>
      </c>
      <c r="BZ12" s="72">
        <v>177</v>
      </c>
      <c r="CA12" s="73">
        <v>236</v>
      </c>
      <c r="CB12" s="70">
        <v>0</v>
      </c>
      <c r="CC12" s="71">
        <v>0</v>
      </c>
      <c r="CD12" s="72">
        <v>0</v>
      </c>
      <c r="CE12" s="241"/>
      <c r="CF12" s="71">
        <v>0</v>
      </c>
      <c r="CG12" s="71">
        <v>0</v>
      </c>
      <c r="CH12" s="71">
        <v>0</v>
      </c>
      <c r="CI12" s="71">
        <v>0</v>
      </c>
      <c r="CJ12" s="71">
        <v>0</v>
      </c>
      <c r="CK12" s="72">
        <v>0</v>
      </c>
      <c r="CL12" s="73">
        <v>0</v>
      </c>
      <c r="CM12" s="70">
        <v>106</v>
      </c>
      <c r="CN12" s="71">
        <v>65</v>
      </c>
      <c r="CO12" s="72">
        <v>171</v>
      </c>
      <c r="CP12" s="241"/>
      <c r="CQ12" s="71">
        <v>149</v>
      </c>
      <c r="CR12" s="71">
        <v>116</v>
      </c>
      <c r="CS12" s="71">
        <v>94</v>
      </c>
      <c r="CT12" s="71">
        <v>61</v>
      </c>
      <c r="CU12" s="71">
        <v>34</v>
      </c>
      <c r="CV12" s="72">
        <v>454</v>
      </c>
      <c r="CW12" s="73">
        <v>625</v>
      </c>
      <c r="CX12" s="123">
        <v>16</v>
      </c>
      <c r="CY12" s="82">
        <v>14</v>
      </c>
      <c r="CZ12" s="83">
        <v>30</v>
      </c>
      <c r="DA12" s="241"/>
      <c r="DB12" s="82">
        <v>20</v>
      </c>
      <c r="DC12" s="82">
        <v>24</v>
      </c>
      <c r="DD12" s="82">
        <v>13</v>
      </c>
      <c r="DE12" s="82">
        <v>7</v>
      </c>
      <c r="DF12" s="82">
        <v>7</v>
      </c>
      <c r="DG12" s="84">
        <v>71</v>
      </c>
      <c r="DH12" s="85">
        <v>101</v>
      </c>
      <c r="DI12" s="70">
        <v>1</v>
      </c>
      <c r="DJ12" s="71">
        <v>0</v>
      </c>
      <c r="DK12" s="72">
        <v>1</v>
      </c>
      <c r="DL12" s="241"/>
      <c r="DM12" s="71">
        <v>0</v>
      </c>
      <c r="DN12" s="71">
        <v>0</v>
      </c>
      <c r="DO12" s="71">
        <v>0</v>
      </c>
      <c r="DP12" s="71">
        <v>0</v>
      </c>
      <c r="DQ12" s="71">
        <v>0</v>
      </c>
      <c r="DR12" s="72">
        <v>0</v>
      </c>
      <c r="DS12" s="73">
        <v>1</v>
      </c>
      <c r="DT12" s="70">
        <v>1</v>
      </c>
      <c r="DU12" s="71">
        <v>1</v>
      </c>
      <c r="DV12" s="72">
        <v>2</v>
      </c>
      <c r="DW12" s="241"/>
      <c r="DX12" s="71">
        <v>0</v>
      </c>
      <c r="DY12" s="71">
        <v>3</v>
      </c>
      <c r="DZ12" s="71">
        <v>0</v>
      </c>
      <c r="EA12" s="71">
        <v>0</v>
      </c>
      <c r="EB12" s="71">
        <v>0</v>
      </c>
      <c r="EC12" s="72">
        <v>3</v>
      </c>
      <c r="ED12" s="73">
        <v>5</v>
      </c>
      <c r="EE12" s="70">
        <v>3</v>
      </c>
      <c r="EF12" s="71">
        <v>2</v>
      </c>
      <c r="EG12" s="72">
        <v>5</v>
      </c>
      <c r="EH12" s="241"/>
      <c r="EI12" s="71">
        <v>1</v>
      </c>
      <c r="EJ12" s="71">
        <v>1</v>
      </c>
      <c r="EK12" s="71">
        <v>1</v>
      </c>
      <c r="EL12" s="71">
        <v>2</v>
      </c>
      <c r="EM12" s="71">
        <v>1</v>
      </c>
      <c r="EN12" s="72">
        <v>6</v>
      </c>
      <c r="EO12" s="73">
        <v>11</v>
      </c>
      <c r="EP12" s="70">
        <v>4</v>
      </c>
      <c r="EQ12" s="71">
        <v>2</v>
      </c>
      <c r="ER12" s="72">
        <v>6</v>
      </c>
      <c r="ES12" s="241"/>
      <c r="ET12" s="71">
        <v>5</v>
      </c>
      <c r="EU12" s="71">
        <v>6</v>
      </c>
      <c r="EV12" s="71">
        <v>3</v>
      </c>
      <c r="EW12" s="71">
        <v>0</v>
      </c>
      <c r="EX12" s="71">
        <v>2</v>
      </c>
      <c r="EY12" s="72">
        <v>16</v>
      </c>
      <c r="EZ12" s="73">
        <v>22</v>
      </c>
      <c r="FA12" s="70">
        <v>3</v>
      </c>
      <c r="FB12" s="71">
        <v>2</v>
      </c>
      <c r="FC12" s="72">
        <v>5</v>
      </c>
      <c r="FD12" s="241"/>
      <c r="FE12" s="71">
        <v>6</v>
      </c>
      <c r="FF12" s="71">
        <v>5</v>
      </c>
      <c r="FG12" s="71">
        <v>2</v>
      </c>
      <c r="FH12" s="71">
        <v>1</v>
      </c>
      <c r="FI12" s="71">
        <v>1</v>
      </c>
      <c r="FJ12" s="72">
        <v>15</v>
      </c>
      <c r="FK12" s="73">
        <v>20</v>
      </c>
      <c r="FL12" s="70">
        <v>4</v>
      </c>
      <c r="FM12" s="71">
        <v>7</v>
      </c>
      <c r="FN12" s="72">
        <v>11</v>
      </c>
      <c r="FO12" s="241"/>
      <c r="FP12" s="71">
        <v>8</v>
      </c>
      <c r="FQ12" s="71">
        <v>9</v>
      </c>
      <c r="FR12" s="71">
        <v>7</v>
      </c>
      <c r="FS12" s="71">
        <v>4</v>
      </c>
      <c r="FT12" s="71">
        <v>3</v>
      </c>
      <c r="FU12" s="72">
        <v>31</v>
      </c>
      <c r="FV12" s="73">
        <v>42</v>
      </c>
      <c r="FW12" s="70">
        <v>0</v>
      </c>
      <c r="FX12" s="71">
        <v>0</v>
      </c>
      <c r="FY12" s="72">
        <v>0</v>
      </c>
      <c r="FZ12" s="241"/>
      <c r="GA12" s="71">
        <v>0</v>
      </c>
      <c r="GB12" s="71">
        <v>0</v>
      </c>
      <c r="GC12" s="71">
        <v>0</v>
      </c>
      <c r="GD12" s="71">
        <v>0</v>
      </c>
      <c r="GE12" s="71">
        <v>0</v>
      </c>
      <c r="GF12" s="72">
        <v>0</v>
      </c>
      <c r="GG12" s="73">
        <v>0</v>
      </c>
      <c r="GH12" s="70">
        <v>16</v>
      </c>
      <c r="GI12" s="71">
        <v>14</v>
      </c>
      <c r="GJ12" s="72">
        <v>30</v>
      </c>
      <c r="GK12" s="241"/>
      <c r="GL12" s="71">
        <v>20</v>
      </c>
      <c r="GM12" s="71">
        <v>24</v>
      </c>
      <c r="GN12" s="71">
        <v>13</v>
      </c>
      <c r="GO12" s="71">
        <v>7</v>
      </c>
      <c r="GP12" s="71">
        <v>7</v>
      </c>
      <c r="GQ12" s="72">
        <v>71</v>
      </c>
      <c r="GR12" s="73">
        <v>101</v>
      </c>
      <c r="GS12" s="123">
        <v>122</v>
      </c>
      <c r="GT12" s="82">
        <v>79</v>
      </c>
      <c r="GU12" s="83">
        <v>201</v>
      </c>
      <c r="GV12" s="241"/>
      <c r="GW12" s="82">
        <v>169</v>
      </c>
      <c r="GX12" s="82">
        <v>140</v>
      </c>
      <c r="GY12" s="82">
        <v>107</v>
      </c>
      <c r="GZ12" s="82">
        <v>68</v>
      </c>
      <c r="HA12" s="82">
        <v>41</v>
      </c>
      <c r="HB12" s="84">
        <v>525</v>
      </c>
      <c r="HC12" s="85">
        <v>726</v>
      </c>
      <c r="HD12" s="70">
        <v>3</v>
      </c>
      <c r="HE12" s="71">
        <v>3</v>
      </c>
      <c r="HF12" s="72">
        <v>6</v>
      </c>
      <c r="HG12" s="241"/>
      <c r="HH12" s="71">
        <v>2</v>
      </c>
      <c r="HI12" s="71">
        <v>0</v>
      </c>
      <c r="HJ12" s="71">
        <v>1</v>
      </c>
      <c r="HK12" s="71">
        <v>2</v>
      </c>
      <c r="HL12" s="71">
        <v>1</v>
      </c>
      <c r="HM12" s="72">
        <v>6</v>
      </c>
      <c r="HN12" s="73">
        <v>12</v>
      </c>
      <c r="HO12" s="70">
        <v>3</v>
      </c>
      <c r="HP12" s="71">
        <v>4</v>
      </c>
      <c r="HQ12" s="72">
        <v>7</v>
      </c>
      <c r="HR12" s="241"/>
      <c r="HS12" s="71">
        <v>5</v>
      </c>
      <c r="HT12" s="71">
        <v>10</v>
      </c>
      <c r="HU12" s="71">
        <v>5</v>
      </c>
      <c r="HV12" s="71">
        <v>5</v>
      </c>
      <c r="HW12" s="71">
        <v>1</v>
      </c>
      <c r="HX12" s="72">
        <v>26</v>
      </c>
      <c r="HY12" s="73">
        <v>33</v>
      </c>
      <c r="HZ12" s="70">
        <v>12</v>
      </c>
      <c r="IA12" s="71">
        <v>8</v>
      </c>
      <c r="IB12" s="72">
        <v>20</v>
      </c>
      <c r="IC12" s="241"/>
      <c r="ID12" s="71">
        <v>14</v>
      </c>
      <c r="IE12" s="71">
        <v>17</v>
      </c>
      <c r="IF12" s="71">
        <v>8</v>
      </c>
      <c r="IG12" s="71">
        <v>4</v>
      </c>
      <c r="IH12" s="71">
        <v>5</v>
      </c>
      <c r="II12" s="72">
        <v>48</v>
      </c>
      <c r="IJ12" s="73">
        <v>68</v>
      </c>
      <c r="IK12" s="70">
        <v>30</v>
      </c>
      <c r="IL12" s="71">
        <v>11</v>
      </c>
      <c r="IM12" s="72">
        <v>41</v>
      </c>
      <c r="IN12" s="241"/>
      <c r="IO12" s="71">
        <v>28</v>
      </c>
      <c r="IP12" s="71">
        <v>25</v>
      </c>
      <c r="IQ12" s="71">
        <v>18</v>
      </c>
      <c r="IR12" s="71">
        <v>14</v>
      </c>
      <c r="IS12" s="71">
        <v>9</v>
      </c>
      <c r="IT12" s="72">
        <v>94</v>
      </c>
      <c r="IU12" s="73">
        <v>135</v>
      </c>
      <c r="IV12" s="70">
        <v>36</v>
      </c>
      <c r="IW12" s="71">
        <v>21</v>
      </c>
      <c r="IX12" s="72">
        <v>57</v>
      </c>
      <c r="IY12" s="241"/>
      <c r="IZ12" s="71">
        <v>55</v>
      </c>
      <c r="JA12" s="71">
        <v>37</v>
      </c>
      <c r="JB12" s="71">
        <v>25</v>
      </c>
      <c r="JC12" s="71">
        <v>15</v>
      </c>
      <c r="JD12" s="71">
        <v>11</v>
      </c>
      <c r="JE12" s="72">
        <v>143</v>
      </c>
      <c r="JF12" s="73">
        <v>200</v>
      </c>
      <c r="JG12" s="70">
        <v>38</v>
      </c>
      <c r="JH12" s="71">
        <v>32</v>
      </c>
      <c r="JI12" s="72">
        <v>70</v>
      </c>
      <c r="JJ12" s="244">
        <v>0</v>
      </c>
      <c r="JK12" s="71">
        <v>65</v>
      </c>
      <c r="JL12" s="71">
        <v>51</v>
      </c>
      <c r="JM12" s="71">
        <v>50</v>
      </c>
      <c r="JN12" s="71">
        <v>28</v>
      </c>
      <c r="JO12" s="71">
        <v>14</v>
      </c>
      <c r="JP12" s="72">
        <v>208</v>
      </c>
      <c r="JQ12" s="73">
        <v>278</v>
      </c>
      <c r="JR12" s="70">
        <v>0</v>
      </c>
      <c r="JS12" s="71">
        <v>0</v>
      </c>
      <c r="JT12" s="72">
        <v>0</v>
      </c>
      <c r="JU12" s="241"/>
      <c r="JV12" s="71">
        <v>0</v>
      </c>
      <c r="JW12" s="71">
        <v>0</v>
      </c>
      <c r="JX12" s="71">
        <v>0</v>
      </c>
      <c r="JY12" s="71">
        <v>0</v>
      </c>
      <c r="JZ12" s="71">
        <v>0</v>
      </c>
      <c r="KA12" s="72">
        <v>0</v>
      </c>
      <c r="KB12" s="73">
        <v>0</v>
      </c>
      <c r="KC12" s="70">
        <v>122</v>
      </c>
      <c r="KD12" s="71">
        <v>79</v>
      </c>
      <c r="KE12" s="72">
        <v>201</v>
      </c>
      <c r="KF12" s="241"/>
      <c r="KG12" s="71">
        <v>169</v>
      </c>
      <c r="KH12" s="71">
        <v>140</v>
      </c>
      <c r="KI12" s="71">
        <v>107</v>
      </c>
      <c r="KJ12" s="71">
        <v>68</v>
      </c>
      <c r="KK12" s="71">
        <v>41</v>
      </c>
      <c r="KL12" s="72">
        <v>525</v>
      </c>
      <c r="KM12" s="73">
        <v>726</v>
      </c>
    </row>
    <row r="13" spans="2:299" ht="19.5" customHeight="1" x14ac:dyDescent="0.2">
      <c r="B13" s="126" t="s">
        <v>9</v>
      </c>
      <c r="C13" s="316">
        <v>162</v>
      </c>
      <c r="D13" s="82">
        <v>119</v>
      </c>
      <c r="E13" s="83">
        <v>281</v>
      </c>
      <c r="F13" s="241"/>
      <c r="G13" s="82">
        <v>219</v>
      </c>
      <c r="H13" s="82">
        <v>149</v>
      </c>
      <c r="I13" s="82">
        <v>108</v>
      </c>
      <c r="J13" s="82">
        <v>101</v>
      </c>
      <c r="K13" s="82">
        <v>51</v>
      </c>
      <c r="L13" s="84">
        <v>628</v>
      </c>
      <c r="M13" s="85">
        <v>909</v>
      </c>
      <c r="N13" s="70">
        <v>2</v>
      </c>
      <c r="O13" s="71">
        <v>2</v>
      </c>
      <c r="P13" s="72">
        <v>4</v>
      </c>
      <c r="Q13" s="241"/>
      <c r="R13" s="71">
        <v>0</v>
      </c>
      <c r="S13" s="71">
        <v>0</v>
      </c>
      <c r="T13" s="71">
        <v>0</v>
      </c>
      <c r="U13" s="71">
        <v>0</v>
      </c>
      <c r="V13" s="71">
        <v>0</v>
      </c>
      <c r="W13" s="72">
        <v>0</v>
      </c>
      <c r="X13" s="73">
        <v>4</v>
      </c>
      <c r="Y13" s="70">
        <v>8</v>
      </c>
      <c r="Z13" s="71">
        <v>4</v>
      </c>
      <c r="AA13" s="72">
        <v>12</v>
      </c>
      <c r="AB13" s="241"/>
      <c r="AC13" s="71">
        <v>3</v>
      </c>
      <c r="AD13" s="71">
        <v>6</v>
      </c>
      <c r="AE13" s="71">
        <v>1</v>
      </c>
      <c r="AF13" s="71">
        <v>4</v>
      </c>
      <c r="AG13" s="71">
        <v>2</v>
      </c>
      <c r="AH13" s="72">
        <v>16</v>
      </c>
      <c r="AI13" s="73">
        <v>28</v>
      </c>
      <c r="AJ13" s="70">
        <v>10</v>
      </c>
      <c r="AK13" s="71">
        <v>5</v>
      </c>
      <c r="AL13" s="72">
        <v>15</v>
      </c>
      <c r="AM13" s="241"/>
      <c r="AN13" s="71">
        <v>10</v>
      </c>
      <c r="AO13" s="71">
        <v>8</v>
      </c>
      <c r="AP13" s="71">
        <v>6</v>
      </c>
      <c r="AQ13" s="71">
        <v>4</v>
      </c>
      <c r="AR13" s="71">
        <v>6</v>
      </c>
      <c r="AS13" s="72">
        <v>34</v>
      </c>
      <c r="AT13" s="73">
        <v>49</v>
      </c>
      <c r="AU13" s="70">
        <v>24</v>
      </c>
      <c r="AV13" s="71">
        <v>30</v>
      </c>
      <c r="AW13" s="72">
        <v>54</v>
      </c>
      <c r="AX13" s="241"/>
      <c r="AY13" s="71">
        <v>33</v>
      </c>
      <c r="AZ13" s="71">
        <v>26</v>
      </c>
      <c r="BA13" s="71">
        <v>12</v>
      </c>
      <c r="BB13" s="71">
        <v>12</v>
      </c>
      <c r="BC13" s="71">
        <v>8</v>
      </c>
      <c r="BD13" s="72">
        <v>91</v>
      </c>
      <c r="BE13" s="73">
        <v>145</v>
      </c>
      <c r="BF13" s="70">
        <v>74</v>
      </c>
      <c r="BG13" s="71">
        <v>38</v>
      </c>
      <c r="BH13" s="72">
        <v>112</v>
      </c>
      <c r="BI13" s="241"/>
      <c r="BJ13" s="71">
        <v>84</v>
      </c>
      <c r="BK13" s="71">
        <v>44</v>
      </c>
      <c r="BL13" s="71">
        <v>36</v>
      </c>
      <c r="BM13" s="71">
        <v>40</v>
      </c>
      <c r="BN13" s="71">
        <v>11</v>
      </c>
      <c r="BO13" s="72">
        <v>215</v>
      </c>
      <c r="BP13" s="73">
        <v>327</v>
      </c>
      <c r="BQ13" s="70">
        <v>44</v>
      </c>
      <c r="BR13" s="71">
        <v>40</v>
      </c>
      <c r="BS13" s="72">
        <v>84</v>
      </c>
      <c r="BT13" s="241"/>
      <c r="BU13" s="71">
        <v>89</v>
      </c>
      <c r="BV13" s="71">
        <v>65</v>
      </c>
      <c r="BW13" s="71">
        <v>53</v>
      </c>
      <c r="BX13" s="71">
        <v>41</v>
      </c>
      <c r="BY13" s="71">
        <v>24</v>
      </c>
      <c r="BZ13" s="72">
        <v>272</v>
      </c>
      <c r="CA13" s="73">
        <v>356</v>
      </c>
      <c r="CB13" s="70">
        <v>0</v>
      </c>
      <c r="CC13" s="71">
        <v>0</v>
      </c>
      <c r="CD13" s="72">
        <v>0</v>
      </c>
      <c r="CE13" s="241"/>
      <c r="CF13" s="71">
        <v>0</v>
      </c>
      <c r="CG13" s="71">
        <v>0</v>
      </c>
      <c r="CH13" s="71">
        <v>0</v>
      </c>
      <c r="CI13" s="71">
        <v>0</v>
      </c>
      <c r="CJ13" s="71">
        <v>0</v>
      </c>
      <c r="CK13" s="72">
        <v>0</v>
      </c>
      <c r="CL13" s="73">
        <v>0</v>
      </c>
      <c r="CM13" s="70">
        <v>162</v>
      </c>
      <c r="CN13" s="71">
        <v>119</v>
      </c>
      <c r="CO13" s="72">
        <v>281</v>
      </c>
      <c r="CP13" s="241"/>
      <c r="CQ13" s="71">
        <v>219</v>
      </c>
      <c r="CR13" s="71">
        <v>149</v>
      </c>
      <c r="CS13" s="71">
        <v>108</v>
      </c>
      <c r="CT13" s="71">
        <v>101</v>
      </c>
      <c r="CU13" s="71">
        <v>51</v>
      </c>
      <c r="CV13" s="72">
        <v>628</v>
      </c>
      <c r="CW13" s="73">
        <v>909</v>
      </c>
      <c r="CX13" s="123">
        <v>40</v>
      </c>
      <c r="CY13" s="82">
        <v>16</v>
      </c>
      <c r="CZ13" s="83">
        <v>56</v>
      </c>
      <c r="DA13" s="241"/>
      <c r="DB13" s="82">
        <v>30</v>
      </c>
      <c r="DC13" s="82">
        <v>29</v>
      </c>
      <c r="DD13" s="82">
        <v>23</v>
      </c>
      <c r="DE13" s="82">
        <v>11</v>
      </c>
      <c r="DF13" s="82">
        <v>12</v>
      </c>
      <c r="DG13" s="84">
        <v>105</v>
      </c>
      <c r="DH13" s="85">
        <v>161</v>
      </c>
      <c r="DI13" s="70">
        <v>1</v>
      </c>
      <c r="DJ13" s="71">
        <v>0</v>
      </c>
      <c r="DK13" s="72">
        <v>1</v>
      </c>
      <c r="DL13" s="241"/>
      <c r="DM13" s="71">
        <v>0</v>
      </c>
      <c r="DN13" s="71">
        <v>0</v>
      </c>
      <c r="DO13" s="71">
        <v>0</v>
      </c>
      <c r="DP13" s="71">
        <v>0</v>
      </c>
      <c r="DQ13" s="71">
        <v>0</v>
      </c>
      <c r="DR13" s="72">
        <v>0</v>
      </c>
      <c r="DS13" s="73">
        <v>1</v>
      </c>
      <c r="DT13" s="70">
        <v>2</v>
      </c>
      <c r="DU13" s="71">
        <v>2</v>
      </c>
      <c r="DV13" s="72">
        <v>4</v>
      </c>
      <c r="DW13" s="241"/>
      <c r="DX13" s="71">
        <v>0</v>
      </c>
      <c r="DY13" s="71">
        <v>0</v>
      </c>
      <c r="DZ13" s="71">
        <v>0</v>
      </c>
      <c r="EA13" s="71">
        <v>0</v>
      </c>
      <c r="EB13" s="71">
        <v>0</v>
      </c>
      <c r="EC13" s="72">
        <v>0</v>
      </c>
      <c r="ED13" s="73">
        <v>4</v>
      </c>
      <c r="EE13" s="70">
        <v>6</v>
      </c>
      <c r="EF13" s="71">
        <v>2</v>
      </c>
      <c r="EG13" s="72">
        <v>8</v>
      </c>
      <c r="EH13" s="241"/>
      <c r="EI13" s="71">
        <v>2</v>
      </c>
      <c r="EJ13" s="71">
        <v>2</v>
      </c>
      <c r="EK13" s="71">
        <v>4</v>
      </c>
      <c r="EL13" s="71">
        <v>1</v>
      </c>
      <c r="EM13" s="71">
        <v>1</v>
      </c>
      <c r="EN13" s="72">
        <v>10</v>
      </c>
      <c r="EO13" s="73">
        <v>18</v>
      </c>
      <c r="EP13" s="70">
        <v>7</v>
      </c>
      <c r="EQ13" s="71">
        <v>5</v>
      </c>
      <c r="ER13" s="72">
        <v>12</v>
      </c>
      <c r="ES13" s="241"/>
      <c r="ET13" s="71">
        <v>5</v>
      </c>
      <c r="EU13" s="71">
        <v>2</v>
      </c>
      <c r="EV13" s="71">
        <v>0</v>
      </c>
      <c r="EW13" s="71">
        <v>1</v>
      </c>
      <c r="EX13" s="71">
        <v>2</v>
      </c>
      <c r="EY13" s="72">
        <v>10</v>
      </c>
      <c r="EZ13" s="73">
        <v>22</v>
      </c>
      <c r="FA13" s="70">
        <v>12</v>
      </c>
      <c r="FB13" s="71">
        <v>5</v>
      </c>
      <c r="FC13" s="72">
        <v>17</v>
      </c>
      <c r="FD13" s="241"/>
      <c r="FE13" s="71">
        <v>9</v>
      </c>
      <c r="FF13" s="71">
        <v>9</v>
      </c>
      <c r="FG13" s="71">
        <v>6</v>
      </c>
      <c r="FH13" s="71">
        <v>3</v>
      </c>
      <c r="FI13" s="71">
        <v>2</v>
      </c>
      <c r="FJ13" s="72">
        <v>29</v>
      </c>
      <c r="FK13" s="73">
        <v>46</v>
      </c>
      <c r="FL13" s="70">
        <v>12</v>
      </c>
      <c r="FM13" s="71">
        <v>2</v>
      </c>
      <c r="FN13" s="72">
        <v>14</v>
      </c>
      <c r="FO13" s="241"/>
      <c r="FP13" s="71">
        <v>14</v>
      </c>
      <c r="FQ13" s="71">
        <v>16</v>
      </c>
      <c r="FR13" s="71">
        <v>13</v>
      </c>
      <c r="FS13" s="71">
        <v>6</v>
      </c>
      <c r="FT13" s="71">
        <v>7</v>
      </c>
      <c r="FU13" s="72">
        <v>56</v>
      </c>
      <c r="FV13" s="73">
        <v>70</v>
      </c>
      <c r="FW13" s="70">
        <v>0</v>
      </c>
      <c r="FX13" s="71">
        <v>0</v>
      </c>
      <c r="FY13" s="72">
        <v>0</v>
      </c>
      <c r="FZ13" s="241"/>
      <c r="GA13" s="71">
        <v>0</v>
      </c>
      <c r="GB13" s="71">
        <v>0</v>
      </c>
      <c r="GC13" s="71">
        <v>0</v>
      </c>
      <c r="GD13" s="71">
        <v>0</v>
      </c>
      <c r="GE13" s="71">
        <v>0</v>
      </c>
      <c r="GF13" s="72">
        <v>0</v>
      </c>
      <c r="GG13" s="73">
        <v>0</v>
      </c>
      <c r="GH13" s="70">
        <v>40</v>
      </c>
      <c r="GI13" s="71">
        <v>16</v>
      </c>
      <c r="GJ13" s="72">
        <v>56</v>
      </c>
      <c r="GK13" s="241"/>
      <c r="GL13" s="71">
        <v>30</v>
      </c>
      <c r="GM13" s="71">
        <v>29</v>
      </c>
      <c r="GN13" s="71">
        <v>23</v>
      </c>
      <c r="GO13" s="71">
        <v>11</v>
      </c>
      <c r="GP13" s="71">
        <v>12</v>
      </c>
      <c r="GQ13" s="72">
        <v>105</v>
      </c>
      <c r="GR13" s="73">
        <v>161</v>
      </c>
      <c r="GS13" s="123">
        <v>202</v>
      </c>
      <c r="GT13" s="82">
        <v>135</v>
      </c>
      <c r="GU13" s="83">
        <v>337</v>
      </c>
      <c r="GV13" s="241"/>
      <c r="GW13" s="82">
        <v>249</v>
      </c>
      <c r="GX13" s="82">
        <v>178</v>
      </c>
      <c r="GY13" s="82">
        <v>131</v>
      </c>
      <c r="GZ13" s="82">
        <v>112</v>
      </c>
      <c r="HA13" s="82">
        <v>63</v>
      </c>
      <c r="HB13" s="84">
        <v>733</v>
      </c>
      <c r="HC13" s="85">
        <v>1070</v>
      </c>
      <c r="HD13" s="70">
        <v>3</v>
      </c>
      <c r="HE13" s="71">
        <v>2</v>
      </c>
      <c r="HF13" s="72">
        <v>5</v>
      </c>
      <c r="HG13" s="241"/>
      <c r="HH13" s="71">
        <v>0</v>
      </c>
      <c r="HI13" s="71">
        <v>0</v>
      </c>
      <c r="HJ13" s="71">
        <v>0</v>
      </c>
      <c r="HK13" s="71">
        <v>0</v>
      </c>
      <c r="HL13" s="71">
        <v>0</v>
      </c>
      <c r="HM13" s="72">
        <v>0</v>
      </c>
      <c r="HN13" s="73">
        <v>5</v>
      </c>
      <c r="HO13" s="70">
        <v>10</v>
      </c>
      <c r="HP13" s="71">
        <v>6</v>
      </c>
      <c r="HQ13" s="72">
        <v>16</v>
      </c>
      <c r="HR13" s="241"/>
      <c r="HS13" s="71">
        <v>3</v>
      </c>
      <c r="HT13" s="71">
        <v>6</v>
      </c>
      <c r="HU13" s="71">
        <v>1</v>
      </c>
      <c r="HV13" s="71">
        <v>4</v>
      </c>
      <c r="HW13" s="71">
        <v>2</v>
      </c>
      <c r="HX13" s="72">
        <v>16</v>
      </c>
      <c r="HY13" s="73">
        <v>32</v>
      </c>
      <c r="HZ13" s="70">
        <v>16</v>
      </c>
      <c r="IA13" s="71">
        <v>7</v>
      </c>
      <c r="IB13" s="72">
        <v>23</v>
      </c>
      <c r="IC13" s="241"/>
      <c r="ID13" s="71">
        <v>12</v>
      </c>
      <c r="IE13" s="71">
        <v>10</v>
      </c>
      <c r="IF13" s="71">
        <v>10</v>
      </c>
      <c r="IG13" s="71">
        <v>5</v>
      </c>
      <c r="IH13" s="71">
        <v>7</v>
      </c>
      <c r="II13" s="72">
        <v>44</v>
      </c>
      <c r="IJ13" s="73">
        <v>67</v>
      </c>
      <c r="IK13" s="70">
        <v>31</v>
      </c>
      <c r="IL13" s="71">
        <v>35</v>
      </c>
      <c r="IM13" s="72">
        <v>66</v>
      </c>
      <c r="IN13" s="241"/>
      <c r="IO13" s="71">
        <v>38</v>
      </c>
      <c r="IP13" s="71">
        <v>28</v>
      </c>
      <c r="IQ13" s="71">
        <v>12</v>
      </c>
      <c r="IR13" s="71">
        <v>13</v>
      </c>
      <c r="IS13" s="71">
        <v>10</v>
      </c>
      <c r="IT13" s="72">
        <v>101</v>
      </c>
      <c r="IU13" s="73">
        <v>167</v>
      </c>
      <c r="IV13" s="70">
        <v>86</v>
      </c>
      <c r="IW13" s="71">
        <v>43</v>
      </c>
      <c r="IX13" s="72">
        <v>129</v>
      </c>
      <c r="IY13" s="241"/>
      <c r="IZ13" s="71">
        <v>93</v>
      </c>
      <c r="JA13" s="71">
        <v>53</v>
      </c>
      <c r="JB13" s="71">
        <v>42</v>
      </c>
      <c r="JC13" s="71">
        <v>43</v>
      </c>
      <c r="JD13" s="71">
        <v>13</v>
      </c>
      <c r="JE13" s="72">
        <v>244</v>
      </c>
      <c r="JF13" s="73">
        <v>373</v>
      </c>
      <c r="JG13" s="70">
        <v>56</v>
      </c>
      <c r="JH13" s="71">
        <v>42</v>
      </c>
      <c r="JI13" s="72">
        <v>98</v>
      </c>
      <c r="JJ13" s="244">
        <v>0</v>
      </c>
      <c r="JK13" s="71">
        <v>103</v>
      </c>
      <c r="JL13" s="71">
        <v>81</v>
      </c>
      <c r="JM13" s="71">
        <v>66</v>
      </c>
      <c r="JN13" s="71">
        <v>47</v>
      </c>
      <c r="JO13" s="71">
        <v>31</v>
      </c>
      <c r="JP13" s="72">
        <v>328</v>
      </c>
      <c r="JQ13" s="73">
        <v>426</v>
      </c>
      <c r="JR13" s="70">
        <v>0</v>
      </c>
      <c r="JS13" s="71">
        <v>0</v>
      </c>
      <c r="JT13" s="72">
        <v>0</v>
      </c>
      <c r="JU13" s="241"/>
      <c r="JV13" s="71">
        <v>0</v>
      </c>
      <c r="JW13" s="71">
        <v>0</v>
      </c>
      <c r="JX13" s="71">
        <v>0</v>
      </c>
      <c r="JY13" s="71">
        <v>0</v>
      </c>
      <c r="JZ13" s="71">
        <v>0</v>
      </c>
      <c r="KA13" s="72">
        <v>0</v>
      </c>
      <c r="KB13" s="73">
        <v>0</v>
      </c>
      <c r="KC13" s="70">
        <v>202</v>
      </c>
      <c r="KD13" s="71">
        <v>135</v>
      </c>
      <c r="KE13" s="72">
        <v>337</v>
      </c>
      <c r="KF13" s="241"/>
      <c r="KG13" s="71">
        <v>249</v>
      </c>
      <c r="KH13" s="71">
        <v>178</v>
      </c>
      <c r="KI13" s="71">
        <v>131</v>
      </c>
      <c r="KJ13" s="71">
        <v>112</v>
      </c>
      <c r="KK13" s="71">
        <v>63</v>
      </c>
      <c r="KL13" s="72">
        <v>733</v>
      </c>
      <c r="KM13" s="73">
        <v>1070</v>
      </c>
    </row>
    <row r="14" spans="2:299" ht="19.5" customHeight="1" x14ac:dyDescent="0.2">
      <c r="B14" s="126" t="s">
        <v>10</v>
      </c>
      <c r="C14" s="316">
        <v>351</v>
      </c>
      <c r="D14" s="82">
        <v>218</v>
      </c>
      <c r="E14" s="83">
        <v>569</v>
      </c>
      <c r="F14" s="241"/>
      <c r="G14" s="82">
        <v>338</v>
      </c>
      <c r="H14" s="82">
        <v>198</v>
      </c>
      <c r="I14" s="82">
        <v>141</v>
      </c>
      <c r="J14" s="82">
        <v>142</v>
      </c>
      <c r="K14" s="82">
        <v>75</v>
      </c>
      <c r="L14" s="84">
        <v>894</v>
      </c>
      <c r="M14" s="85">
        <v>1463</v>
      </c>
      <c r="N14" s="70">
        <v>3</v>
      </c>
      <c r="O14" s="71">
        <v>3</v>
      </c>
      <c r="P14" s="72">
        <v>6</v>
      </c>
      <c r="Q14" s="241"/>
      <c r="R14" s="71">
        <v>5</v>
      </c>
      <c r="S14" s="71">
        <v>7</v>
      </c>
      <c r="T14" s="71">
        <v>1</v>
      </c>
      <c r="U14" s="71">
        <v>1</v>
      </c>
      <c r="V14" s="71">
        <v>2</v>
      </c>
      <c r="W14" s="72">
        <v>16</v>
      </c>
      <c r="X14" s="73">
        <v>22</v>
      </c>
      <c r="Y14" s="70">
        <v>14</v>
      </c>
      <c r="Z14" s="71">
        <v>9</v>
      </c>
      <c r="AA14" s="72">
        <v>23</v>
      </c>
      <c r="AB14" s="241"/>
      <c r="AC14" s="71">
        <v>12</v>
      </c>
      <c r="AD14" s="71">
        <v>9</v>
      </c>
      <c r="AE14" s="71">
        <v>2</v>
      </c>
      <c r="AF14" s="71">
        <v>8</v>
      </c>
      <c r="AG14" s="71">
        <v>1</v>
      </c>
      <c r="AH14" s="72">
        <v>32</v>
      </c>
      <c r="AI14" s="73">
        <v>55</v>
      </c>
      <c r="AJ14" s="70">
        <v>22</v>
      </c>
      <c r="AK14" s="71">
        <v>16</v>
      </c>
      <c r="AL14" s="72">
        <v>38</v>
      </c>
      <c r="AM14" s="241"/>
      <c r="AN14" s="71">
        <v>26</v>
      </c>
      <c r="AO14" s="71">
        <v>15</v>
      </c>
      <c r="AP14" s="71">
        <v>15</v>
      </c>
      <c r="AQ14" s="71">
        <v>9</v>
      </c>
      <c r="AR14" s="71">
        <v>10</v>
      </c>
      <c r="AS14" s="72">
        <v>75</v>
      </c>
      <c r="AT14" s="73">
        <v>113</v>
      </c>
      <c r="AU14" s="70">
        <v>79</v>
      </c>
      <c r="AV14" s="71">
        <v>50</v>
      </c>
      <c r="AW14" s="72">
        <v>129</v>
      </c>
      <c r="AX14" s="241"/>
      <c r="AY14" s="71">
        <v>65</v>
      </c>
      <c r="AZ14" s="71">
        <v>31</v>
      </c>
      <c r="BA14" s="71">
        <v>22</v>
      </c>
      <c r="BB14" s="71">
        <v>22</v>
      </c>
      <c r="BC14" s="71">
        <v>13</v>
      </c>
      <c r="BD14" s="72">
        <v>153</v>
      </c>
      <c r="BE14" s="73">
        <v>282</v>
      </c>
      <c r="BF14" s="70">
        <v>131</v>
      </c>
      <c r="BG14" s="71">
        <v>69</v>
      </c>
      <c r="BH14" s="72">
        <v>200</v>
      </c>
      <c r="BI14" s="241"/>
      <c r="BJ14" s="71">
        <v>96</v>
      </c>
      <c r="BK14" s="71">
        <v>57</v>
      </c>
      <c r="BL14" s="71">
        <v>43</v>
      </c>
      <c r="BM14" s="71">
        <v>46</v>
      </c>
      <c r="BN14" s="71">
        <v>20</v>
      </c>
      <c r="BO14" s="72">
        <v>262</v>
      </c>
      <c r="BP14" s="73">
        <v>462</v>
      </c>
      <c r="BQ14" s="70">
        <v>102</v>
      </c>
      <c r="BR14" s="71">
        <v>71</v>
      </c>
      <c r="BS14" s="72">
        <v>173</v>
      </c>
      <c r="BT14" s="241"/>
      <c r="BU14" s="71">
        <v>134</v>
      </c>
      <c r="BV14" s="71">
        <v>79</v>
      </c>
      <c r="BW14" s="71">
        <v>58</v>
      </c>
      <c r="BX14" s="71">
        <v>56</v>
      </c>
      <c r="BY14" s="71">
        <v>29</v>
      </c>
      <c r="BZ14" s="72">
        <v>356</v>
      </c>
      <c r="CA14" s="73">
        <v>529</v>
      </c>
      <c r="CB14" s="70">
        <v>0</v>
      </c>
      <c r="CC14" s="71">
        <v>0</v>
      </c>
      <c r="CD14" s="72">
        <v>0</v>
      </c>
      <c r="CE14" s="241"/>
      <c r="CF14" s="71">
        <v>0</v>
      </c>
      <c r="CG14" s="71">
        <v>0</v>
      </c>
      <c r="CH14" s="71">
        <v>0</v>
      </c>
      <c r="CI14" s="71">
        <v>0</v>
      </c>
      <c r="CJ14" s="71">
        <v>0</v>
      </c>
      <c r="CK14" s="72">
        <v>0</v>
      </c>
      <c r="CL14" s="73">
        <v>0</v>
      </c>
      <c r="CM14" s="70">
        <v>351</v>
      </c>
      <c r="CN14" s="71">
        <v>218</v>
      </c>
      <c r="CO14" s="72">
        <v>569</v>
      </c>
      <c r="CP14" s="241"/>
      <c r="CQ14" s="71">
        <v>338</v>
      </c>
      <c r="CR14" s="71">
        <v>198</v>
      </c>
      <c r="CS14" s="71">
        <v>141</v>
      </c>
      <c r="CT14" s="71">
        <v>142</v>
      </c>
      <c r="CU14" s="71">
        <v>75</v>
      </c>
      <c r="CV14" s="72">
        <v>894</v>
      </c>
      <c r="CW14" s="73">
        <v>1463</v>
      </c>
      <c r="CX14" s="123">
        <v>34</v>
      </c>
      <c r="CY14" s="82">
        <v>32</v>
      </c>
      <c r="CZ14" s="83">
        <v>66</v>
      </c>
      <c r="DA14" s="241"/>
      <c r="DB14" s="82">
        <v>53</v>
      </c>
      <c r="DC14" s="82">
        <v>16</v>
      </c>
      <c r="DD14" s="82">
        <v>23</v>
      </c>
      <c r="DE14" s="82">
        <v>16</v>
      </c>
      <c r="DF14" s="82">
        <v>20</v>
      </c>
      <c r="DG14" s="84">
        <v>128</v>
      </c>
      <c r="DH14" s="85">
        <v>194</v>
      </c>
      <c r="DI14" s="70">
        <v>0</v>
      </c>
      <c r="DJ14" s="71">
        <v>1</v>
      </c>
      <c r="DK14" s="72">
        <v>1</v>
      </c>
      <c r="DL14" s="241"/>
      <c r="DM14" s="71">
        <v>2</v>
      </c>
      <c r="DN14" s="71">
        <v>0</v>
      </c>
      <c r="DO14" s="71">
        <v>0</v>
      </c>
      <c r="DP14" s="71">
        <v>0</v>
      </c>
      <c r="DQ14" s="71">
        <v>0</v>
      </c>
      <c r="DR14" s="72">
        <v>2</v>
      </c>
      <c r="DS14" s="73">
        <v>3</v>
      </c>
      <c r="DT14" s="70">
        <v>1</v>
      </c>
      <c r="DU14" s="71">
        <v>1</v>
      </c>
      <c r="DV14" s="72">
        <v>2</v>
      </c>
      <c r="DW14" s="241"/>
      <c r="DX14" s="71">
        <v>1</v>
      </c>
      <c r="DY14" s="71">
        <v>2</v>
      </c>
      <c r="DZ14" s="71">
        <v>0</v>
      </c>
      <c r="EA14" s="71">
        <v>1</v>
      </c>
      <c r="EB14" s="71">
        <v>1</v>
      </c>
      <c r="EC14" s="72">
        <v>5</v>
      </c>
      <c r="ED14" s="73">
        <v>7</v>
      </c>
      <c r="EE14" s="70">
        <v>5</v>
      </c>
      <c r="EF14" s="71">
        <v>5</v>
      </c>
      <c r="EG14" s="72">
        <v>10</v>
      </c>
      <c r="EH14" s="241"/>
      <c r="EI14" s="71">
        <v>4</v>
      </c>
      <c r="EJ14" s="71">
        <v>1</v>
      </c>
      <c r="EK14" s="71">
        <v>1</v>
      </c>
      <c r="EL14" s="71">
        <v>0</v>
      </c>
      <c r="EM14" s="71">
        <v>0</v>
      </c>
      <c r="EN14" s="72">
        <v>6</v>
      </c>
      <c r="EO14" s="73">
        <v>16</v>
      </c>
      <c r="EP14" s="70">
        <v>7</v>
      </c>
      <c r="EQ14" s="71">
        <v>7</v>
      </c>
      <c r="ER14" s="72">
        <v>14</v>
      </c>
      <c r="ES14" s="241"/>
      <c r="ET14" s="71">
        <v>5</v>
      </c>
      <c r="EU14" s="71">
        <v>0</v>
      </c>
      <c r="EV14" s="71">
        <v>5</v>
      </c>
      <c r="EW14" s="71">
        <v>3</v>
      </c>
      <c r="EX14" s="71">
        <v>0</v>
      </c>
      <c r="EY14" s="72">
        <v>13</v>
      </c>
      <c r="EZ14" s="73">
        <v>27</v>
      </c>
      <c r="FA14" s="70">
        <v>14</v>
      </c>
      <c r="FB14" s="71">
        <v>8</v>
      </c>
      <c r="FC14" s="72">
        <v>22</v>
      </c>
      <c r="FD14" s="241"/>
      <c r="FE14" s="71">
        <v>15</v>
      </c>
      <c r="FF14" s="71">
        <v>3</v>
      </c>
      <c r="FG14" s="71">
        <v>6</v>
      </c>
      <c r="FH14" s="71">
        <v>4</v>
      </c>
      <c r="FI14" s="71">
        <v>4</v>
      </c>
      <c r="FJ14" s="72">
        <v>32</v>
      </c>
      <c r="FK14" s="73">
        <v>54</v>
      </c>
      <c r="FL14" s="70">
        <v>7</v>
      </c>
      <c r="FM14" s="71">
        <v>10</v>
      </c>
      <c r="FN14" s="72">
        <v>17</v>
      </c>
      <c r="FO14" s="241"/>
      <c r="FP14" s="71">
        <v>26</v>
      </c>
      <c r="FQ14" s="71">
        <v>10</v>
      </c>
      <c r="FR14" s="71">
        <v>11</v>
      </c>
      <c r="FS14" s="71">
        <v>8</v>
      </c>
      <c r="FT14" s="71">
        <v>15</v>
      </c>
      <c r="FU14" s="72">
        <v>70</v>
      </c>
      <c r="FV14" s="73">
        <v>87</v>
      </c>
      <c r="FW14" s="70">
        <v>0</v>
      </c>
      <c r="FX14" s="71">
        <v>0</v>
      </c>
      <c r="FY14" s="72">
        <v>0</v>
      </c>
      <c r="FZ14" s="241"/>
      <c r="GA14" s="71">
        <v>0</v>
      </c>
      <c r="GB14" s="71">
        <v>0</v>
      </c>
      <c r="GC14" s="71">
        <v>0</v>
      </c>
      <c r="GD14" s="71">
        <v>0</v>
      </c>
      <c r="GE14" s="71">
        <v>0</v>
      </c>
      <c r="GF14" s="72">
        <v>0</v>
      </c>
      <c r="GG14" s="73">
        <v>0</v>
      </c>
      <c r="GH14" s="70">
        <v>34</v>
      </c>
      <c r="GI14" s="71">
        <v>32</v>
      </c>
      <c r="GJ14" s="72">
        <v>66</v>
      </c>
      <c r="GK14" s="241"/>
      <c r="GL14" s="71">
        <v>53</v>
      </c>
      <c r="GM14" s="71">
        <v>16</v>
      </c>
      <c r="GN14" s="71">
        <v>23</v>
      </c>
      <c r="GO14" s="71">
        <v>16</v>
      </c>
      <c r="GP14" s="71">
        <v>20</v>
      </c>
      <c r="GQ14" s="72">
        <v>128</v>
      </c>
      <c r="GR14" s="73">
        <v>194</v>
      </c>
      <c r="GS14" s="123">
        <v>385</v>
      </c>
      <c r="GT14" s="82">
        <v>250</v>
      </c>
      <c r="GU14" s="83">
        <v>635</v>
      </c>
      <c r="GV14" s="241"/>
      <c r="GW14" s="82">
        <v>391</v>
      </c>
      <c r="GX14" s="82">
        <v>214</v>
      </c>
      <c r="GY14" s="82">
        <v>164</v>
      </c>
      <c r="GZ14" s="82">
        <v>158</v>
      </c>
      <c r="HA14" s="82">
        <v>95</v>
      </c>
      <c r="HB14" s="84">
        <v>1022</v>
      </c>
      <c r="HC14" s="85">
        <v>1657</v>
      </c>
      <c r="HD14" s="70">
        <v>3</v>
      </c>
      <c r="HE14" s="71">
        <v>4</v>
      </c>
      <c r="HF14" s="72">
        <v>7</v>
      </c>
      <c r="HG14" s="241"/>
      <c r="HH14" s="71">
        <v>7</v>
      </c>
      <c r="HI14" s="71">
        <v>7</v>
      </c>
      <c r="HJ14" s="71">
        <v>1</v>
      </c>
      <c r="HK14" s="71">
        <v>1</v>
      </c>
      <c r="HL14" s="71">
        <v>2</v>
      </c>
      <c r="HM14" s="72">
        <v>18</v>
      </c>
      <c r="HN14" s="73">
        <v>25</v>
      </c>
      <c r="HO14" s="70">
        <v>15</v>
      </c>
      <c r="HP14" s="71">
        <v>10</v>
      </c>
      <c r="HQ14" s="72">
        <v>25</v>
      </c>
      <c r="HR14" s="241"/>
      <c r="HS14" s="71">
        <v>13</v>
      </c>
      <c r="HT14" s="71">
        <v>11</v>
      </c>
      <c r="HU14" s="71">
        <v>2</v>
      </c>
      <c r="HV14" s="71">
        <v>9</v>
      </c>
      <c r="HW14" s="71">
        <v>2</v>
      </c>
      <c r="HX14" s="72">
        <v>37</v>
      </c>
      <c r="HY14" s="73">
        <v>62</v>
      </c>
      <c r="HZ14" s="70">
        <v>27</v>
      </c>
      <c r="IA14" s="71">
        <v>21</v>
      </c>
      <c r="IB14" s="72">
        <v>48</v>
      </c>
      <c r="IC14" s="241"/>
      <c r="ID14" s="71">
        <v>30</v>
      </c>
      <c r="IE14" s="71">
        <v>16</v>
      </c>
      <c r="IF14" s="71">
        <v>16</v>
      </c>
      <c r="IG14" s="71">
        <v>9</v>
      </c>
      <c r="IH14" s="71">
        <v>10</v>
      </c>
      <c r="II14" s="72">
        <v>81</v>
      </c>
      <c r="IJ14" s="73">
        <v>129</v>
      </c>
      <c r="IK14" s="70">
        <v>86</v>
      </c>
      <c r="IL14" s="71">
        <v>57</v>
      </c>
      <c r="IM14" s="72">
        <v>143</v>
      </c>
      <c r="IN14" s="241"/>
      <c r="IO14" s="71">
        <v>70</v>
      </c>
      <c r="IP14" s="71">
        <v>31</v>
      </c>
      <c r="IQ14" s="71">
        <v>27</v>
      </c>
      <c r="IR14" s="71">
        <v>25</v>
      </c>
      <c r="IS14" s="71">
        <v>13</v>
      </c>
      <c r="IT14" s="72">
        <v>166</v>
      </c>
      <c r="IU14" s="73">
        <v>309</v>
      </c>
      <c r="IV14" s="70">
        <v>145</v>
      </c>
      <c r="IW14" s="71">
        <v>77</v>
      </c>
      <c r="IX14" s="72">
        <v>222</v>
      </c>
      <c r="IY14" s="241"/>
      <c r="IZ14" s="71">
        <v>111</v>
      </c>
      <c r="JA14" s="71">
        <v>60</v>
      </c>
      <c r="JB14" s="71">
        <v>49</v>
      </c>
      <c r="JC14" s="71">
        <v>50</v>
      </c>
      <c r="JD14" s="71">
        <v>24</v>
      </c>
      <c r="JE14" s="72">
        <v>294</v>
      </c>
      <c r="JF14" s="73">
        <v>516</v>
      </c>
      <c r="JG14" s="70">
        <v>109</v>
      </c>
      <c r="JH14" s="71">
        <v>81</v>
      </c>
      <c r="JI14" s="72">
        <v>190</v>
      </c>
      <c r="JJ14" s="244">
        <v>0</v>
      </c>
      <c r="JK14" s="71">
        <v>160</v>
      </c>
      <c r="JL14" s="71">
        <v>89</v>
      </c>
      <c r="JM14" s="71">
        <v>69</v>
      </c>
      <c r="JN14" s="71">
        <v>64</v>
      </c>
      <c r="JO14" s="71">
        <v>44</v>
      </c>
      <c r="JP14" s="72">
        <v>426</v>
      </c>
      <c r="JQ14" s="73">
        <v>616</v>
      </c>
      <c r="JR14" s="70">
        <v>0</v>
      </c>
      <c r="JS14" s="71">
        <v>0</v>
      </c>
      <c r="JT14" s="72">
        <v>0</v>
      </c>
      <c r="JU14" s="241"/>
      <c r="JV14" s="71">
        <v>0</v>
      </c>
      <c r="JW14" s="71">
        <v>0</v>
      </c>
      <c r="JX14" s="71">
        <v>0</v>
      </c>
      <c r="JY14" s="71">
        <v>0</v>
      </c>
      <c r="JZ14" s="71">
        <v>0</v>
      </c>
      <c r="KA14" s="72">
        <v>0</v>
      </c>
      <c r="KB14" s="73">
        <v>0</v>
      </c>
      <c r="KC14" s="70">
        <v>385</v>
      </c>
      <c r="KD14" s="71">
        <v>250</v>
      </c>
      <c r="KE14" s="72">
        <v>635</v>
      </c>
      <c r="KF14" s="241"/>
      <c r="KG14" s="71">
        <v>391</v>
      </c>
      <c r="KH14" s="71">
        <v>214</v>
      </c>
      <c r="KI14" s="71">
        <v>164</v>
      </c>
      <c r="KJ14" s="71">
        <v>158</v>
      </c>
      <c r="KK14" s="71">
        <v>95</v>
      </c>
      <c r="KL14" s="72">
        <v>1022</v>
      </c>
      <c r="KM14" s="73">
        <v>1657</v>
      </c>
    </row>
    <row r="15" spans="2:299" ht="19.5" customHeight="1" x14ac:dyDescent="0.2">
      <c r="B15" s="126" t="s">
        <v>11</v>
      </c>
      <c r="C15" s="316">
        <v>83</v>
      </c>
      <c r="D15" s="82">
        <v>54</v>
      </c>
      <c r="E15" s="83">
        <v>137</v>
      </c>
      <c r="F15" s="241"/>
      <c r="G15" s="82">
        <v>139</v>
      </c>
      <c r="H15" s="82">
        <v>89</v>
      </c>
      <c r="I15" s="82">
        <v>69</v>
      </c>
      <c r="J15" s="82">
        <v>61</v>
      </c>
      <c r="K15" s="82">
        <v>23</v>
      </c>
      <c r="L15" s="84">
        <v>381</v>
      </c>
      <c r="M15" s="85">
        <v>518</v>
      </c>
      <c r="N15" s="70">
        <v>3</v>
      </c>
      <c r="O15" s="71">
        <v>0</v>
      </c>
      <c r="P15" s="72">
        <v>3</v>
      </c>
      <c r="Q15" s="241"/>
      <c r="R15" s="71">
        <v>5</v>
      </c>
      <c r="S15" s="71">
        <v>2</v>
      </c>
      <c r="T15" s="71">
        <v>0</v>
      </c>
      <c r="U15" s="71">
        <v>0</v>
      </c>
      <c r="V15" s="71">
        <v>0</v>
      </c>
      <c r="W15" s="72">
        <v>7</v>
      </c>
      <c r="X15" s="73">
        <v>10</v>
      </c>
      <c r="Y15" s="70">
        <v>2</v>
      </c>
      <c r="Z15" s="71">
        <v>6</v>
      </c>
      <c r="AA15" s="72">
        <v>8</v>
      </c>
      <c r="AB15" s="241"/>
      <c r="AC15" s="71">
        <v>8</v>
      </c>
      <c r="AD15" s="71">
        <v>3</v>
      </c>
      <c r="AE15" s="71">
        <v>4</v>
      </c>
      <c r="AF15" s="71">
        <v>3</v>
      </c>
      <c r="AG15" s="71">
        <v>3</v>
      </c>
      <c r="AH15" s="72">
        <v>21</v>
      </c>
      <c r="AI15" s="73">
        <v>29</v>
      </c>
      <c r="AJ15" s="70">
        <v>8</v>
      </c>
      <c r="AK15" s="71">
        <v>4</v>
      </c>
      <c r="AL15" s="72">
        <v>12</v>
      </c>
      <c r="AM15" s="241"/>
      <c r="AN15" s="71">
        <v>7</v>
      </c>
      <c r="AO15" s="71">
        <v>7</v>
      </c>
      <c r="AP15" s="71">
        <v>9</v>
      </c>
      <c r="AQ15" s="71">
        <v>5</v>
      </c>
      <c r="AR15" s="71">
        <v>3</v>
      </c>
      <c r="AS15" s="72">
        <v>31</v>
      </c>
      <c r="AT15" s="73">
        <v>43</v>
      </c>
      <c r="AU15" s="70">
        <v>16</v>
      </c>
      <c r="AV15" s="71">
        <v>12</v>
      </c>
      <c r="AW15" s="72">
        <v>28</v>
      </c>
      <c r="AX15" s="241"/>
      <c r="AY15" s="71">
        <v>27</v>
      </c>
      <c r="AZ15" s="71">
        <v>20</v>
      </c>
      <c r="BA15" s="71">
        <v>8</v>
      </c>
      <c r="BB15" s="71">
        <v>7</v>
      </c>
      <c r="BC15" s="71">
        <v>4</v>
      </c>
      <c r="BD15" s="72">
        <v>66</v>
      </c>
      <c r="BE15" s="73">
        <v>94</v>
      </c>
      <c r="BF15" s="70">
        <v>31</v>
      </c>
      <c r="BG15" s="71">
        <v>17</v>
      </c>
      <c r="BH15" s="72">
        <v>48</v>
      </c>
      <c r="BI15" s="241"/>
      <c r="BJ15" s="71">
        <v>45</v>
      </c>
      <c r="BK15" s="71">
        <v>25</v>
      </c>
      <c r="BL15" s="71">
        <v>15</v>
      </c>
      <c r="BM15" s="71">
        <v>24</v>
      </c>
      <c r="BN15" s="71">
        <v>5</v>
      </c>
      <c r="BO15" s="72">
        <v>114</v>
      </c>
      <c r="BP15" s="73">
        <v>162</v>
      </c>
      <c r="BQ15" s="70">
        <v>23</v>
      </c>
      <c r="BR15" s="71">
        <v>15</v>
      </c>
      <c r="BS15" s="72">
        <v>38</v>
      </c>
      <c r="BT15" s="241"/>
      <c r="BU15" s="71">
        <v>47</v>
      </c>
      <c r="BV15" s="71">
        <v>32</v>
      </c>
      <c r="BW15" s="71">
        <v>33</v>
      </c>
      <c r="BX15" s="71">
        <v>22</v>
      </c>
      <c r="BY15" s="71">
        <v>8</v>
      </c>
      <c r="BZ15" s="72">
        <v>142</v>
      </c>
      <c r="CA15" s="73">
        <v>180</v>
      </c>
      <c r="CB15" s="70">
        <v>0</v>
      </c>
      <c r="CC15" s="71">
        <v>0</v>
      </c>
      <c r="CD15" s="72">
        <v>0</v>
      </c>
      <c r="CE15" s="241"/>
      <c r="CF15" s="71">
        <v>0</v>
      </c>
      <c r="CG15" s="71">
        <v>0</v>
      </c>
      <c r="CH15" s="71">
        <v>0</v>
      </c>
      <c r="CI15" s="71">
        <v>0</v>
      </c>
      <c r="CJ15" s="71">
        <v>0</v>
      </c>
      <c r="CK15" s="72">
        <v>0</v>
      </c>
      <c r="CL15" s="73">
        <v>0</v>
      </c>
      <c r="CM15" s="70">
        <v>83</v>
      </c>
      <c r="CN15" s="71">
        <v>54</v>
      </c>
      <c r="CO15" s="72">
        <v>137</v>
      </c>
      <c r="CP15" s="241"/>
      <c r="CQ15" s="71">
        <v>139</v>
      </c>
      <c r="CR15" s="71">
        <v>89</v>
      </c>
      <c r="CS15" s="71">
        <v>69</v>
      </c>
      <c r="CT15" s="71">
        <v>61</v>
      </c>
      <c r="CU15" s="71">
        <v>23</v>
      </c>
      <c r="CV15" s="72">
        <v>381</v>
      </c>
      <c r="CW15" s="73">
        <v>518</v>
      </c>
      <c r="CX15" s="123">
        <v>17</v>
      </c>
      <c r="CY15" s="82">
        <v>11</v>
      </c>
      <c r="CZ15" s="83">
        <v>28</v>
      </c>
      <c r="DA15" s="241"/>
      <c r="DB15" s="82">
        <v>19</v>
      </c>
      <c r="DC15" s="82">
        <v>19</v>
      </c>
      <c r="DD15" s="82">
        <v>16</v>
      </c>
      <c r="DE15" s="82">
        <v>16</v>
      </c>
      <c r="DF15" s="82">
        <v>7</v>
      </c>
      <c r="DG15" s="84">
        <v>77</v>
      </c>
      <c r="DH15" s="85">
        <v>105</v>
      </c>
      <c r="DI15" s="70">
        <v>1</v>
      </c>
      <c r="DJ15" s="71">
        <v>0</v>
      </c>
      <c r="DK15" s="72">
        <v>1</v>
      </c>
      <c r="DL15" s="241"/>
      <c r="DM15" s="71">
        <v>1</v>
      </c>
      <c r="DN15" s="71">
        <v>0</v>
      </c>
      <c r="DO15" s="71">
        <v>0</v>
      </c>
      <c r="DP15" s="71">
        <v>0</v>
      </c>
      <c r="DQ15" s="71">
        <v>0</v>
      </c>
      <c r="DR15" s="72">
        <v>1</v>
      </c>
      <c r="DS15" s="73">
        <v>2</v>
      </c>
      <c r="DT15" s="70">
        <v>1</v>
      </c>
      <c r="DU15" s="71">
        <v>1</v>
      </c>
      <c r="DV15" s="72">
        <v>2</v>
      </c>
      <c r="DW15" s="241"/>
      <c r="DX15" s="71">
        <v>1</v>
      </c>
      <c r="DY15" s="71">
        <v>1</v>
      </c>
      <c r="DZ15" s="71">
        <v>1</v>
      </c>
      <c r="EA15" s="71">
        <v>1</v>
      </c>
      <c r="EB15" s="71">
        <v>1</v>
      </c>
      <c r="EC15" s="72">
        <v>5</v>
      </c>
      <c r="ED15" s="73">
        <v>7</v>
      </c>
      <c r="EE15" s="70">
        <v>0</v>
      </c>
      <c r="EF15" s="71">
        <v>0</v>
      </c>
      <c r="EG15" s="72">
        <v>0</v>
      </c>
      <c r="EH15" s="241"/>
      <c r="EI15" s="71">
        <v>0</v>
      </c>
      <c r="EJ15" s="71">
        <v>1</v>
      </c>
      <c r="EK15" s="71">
        <v>1</v>
      </c>
      <c r="EL15" s="71">
        <v>0</v>
      </c>
      <c r="EM15" s="71">
        <v>0</v>
      </c>
      <c r="EN15" s="72">
        <v>2</v>
      </c>
      <c r="EO15" s="73">
        <v>2</v>
      </c>
      <c r="EP15" s="70">
        <v>5</v>
      </c>
      <c r="EQ15" s="71">
        <v>1</v>
      </c>
      <c r="ER15" s="72">
        <v>6</v>
      </c>
      <c r="ES15" s="241"/>
      <c r="ET15" s="71">
        <v>3</v>
      </c>
      <c r="EU15" s="71">
        <v>2</v>
      </c>
      <c r="EV15" s="71">
        <v>0</v>
      </c>
      <c r="EW15" s="71">
        <v>0</v>
      </c>
      <c r="EX15" s="71">
        <v>1</v>
      </c>
      <c r="EY15" s="72">
        <v>6</v>
      </c>
      <c r="EZ15" s="73">
        <v>12</v>
      </c>
      <c r="FA15" s="70">
        <v>6</v>
      </c>
      <c r="FB15" s="71">
        <v>7</v>
      </c>
      <c r="FC15" s="72">
        <v>13</v>
      </c>
      <c r="FD15" s="241"/>
      <c r="FE15" s="71">
        <v>9</v>
      </c>
      <c r="FF15" s="71">
        <v>7</v>
      </c>
      <c r="FG15" s="71">
        <v>2</v>
      </c>
      <c r="FH15" s="71">
        <v>6</v>
      </c>
      <c r="FI15" s="71">
        <v>3</v>
      </c>
      <c r="FJ15" s="72">
        <v>27</v>
      </c>
      <c r="FK15" s="73">
        <v>40</v>
      </c>
      <c r="FL15" s="70">
        <v>4</v>
      </c>
      <c r="FM15" s="71">
        <v>2</v>
      </c>
      <c r="FN15" s="72">
        <v>6</v>
      </c>
      <c r="FO15" s="241"/>
      <c r="FP15" s="71">
        <v>5</v>
      </c>
      <c r="FQ15" s="71">
        <v>8</v>
      </c>
      <c r="FR15" s="71">
        <v>12</v>
      </c>
      <c r="FS15" s="71">
        <v>9</v>
      </c>
      <c r="FT15" s="71">
        <v>2</v>
      </c>
      <c r="FU15" s="72">
        <v>36</v>
      </c>
      <c r="FV15" s="73">
        <v>42</v>
      </c>
      <c r="FW15" s="70">
        <v>0</v>
      </c>
      <c r="FX15" s="71">
        <v>0</v>
      </c>
      <c r="FY15" s="72">
        <v>0</v>
      </c>
      <c r="FZ15" s="241"/>
      <c r="GA15" s="71">
        <v>0</v>
      </c>
      <c r="GB15" s="71">
        <v>0</v>
      </c>
      <c r="GC15" s="71">
        <v>0</v>
      </c>
      <c r="GD15" s="71">
        <v>0</v>
      </c>
      <c r="GE15" s="71">
        <v>0</v>
      </c>
      <c r="GF15" s="72">
        <v>0</v>
      </c>
      <c r="GG15" s="73">
        <v>0</v>
      </c>
      <c r="GH15" s="70">
        <v>17</v>
      </c>
      <c r="GI15" s="71">
        <v>11</v>
      </c>
      <c r="GJ15" s="72">
        <v>28</v>
      </c>
      <c r="GK15" s="241"/>
      <c r="GL15" s="71">
        <v>19</v>
      </c>
      <c r="GM15" s="71">
        <v>19</v>
      </c>
      <c r="GN15" s="71">
        <v>16</v>
      </c>
      <c r="GO15" s="71">
        <v>16</v>
      </c>
      <c r="GP15" s="71">
        <v>7</v>
      </c>
      <c r="GQ15" s="72">
        <v>77</v>
      </c>
      <c r="GR15" s="73">
        <v>105</v>
      </c>
      <c r="GS15" s="123">
        <v>100</v>
      </c>
      <c r="GT15" s="82">
        <v>65</v>
      </c>
      <c r="GU15" s="83">
        <v>165</v>
      </c>
      <c r="GV15" s="241"/>
      <c r="GW15" s="82">
        <v>158</v>
      </c>
      <c r="GX15" s="82">
        <v>108</v>
      </c>
      <c r="GY15" s="82">
        <v>85</v>
      </c>
      <c r="GZ15" s="82">
        <v>77</v>
      </c>
      <c r="HA15" s="82">
        <v>30</v>
      </c>
      <c r="HB15" s="84">
        <v>458</v>
      </c>
      <c r="HC15" s="85">
        <v>623</v>
      </c>
      <c r="HD15" s="70">
        <v>4</v>
      </c>
      <c r="HE15" s="71">
        <v>0</v>
      </c>
      <c r="HF15" s="72">
        <v>4</v>
      </c>
      <c r="HG15" s="241"/>
      <c r="HH15" s="71">
        <v>6</v>
      </c>
      <c r="HI15" s="71">
        <v>2</v>
      </c>
      <c r="HJ15" s="71">
        <v>0</v>
      </c>
      <c r="HK15" s="71">
        <v>0</v>
      </c>
      <c r="HL15" s="71">
        <v>0</v>
      </c>
      <c r="HM15" s="72">
        <v>8</v>
      </c>
      <c r="HN15" s="73">
        <v>12</v>
      </c>
      <c r="HO15" s="70">
        <v>3</v>
      </c>
      <c r="HP15" s="71">
        <v>7</v>
      </c>
      <c r="HQ15" s="72">
        <v>10</v>
      </c>
      <c r="HR15" s="241"/>
      <c r="HS15" s="71">
        <v>9</v>
      </c>
      <c r="HT15" s="71">
        <v>4</v>
      </c>
      <c r="HU15" s="71">
        <v>5</v>
      </c>
      <c r="HV15" s="71">
        <v>4</v>
      </c>
      <c r="HW15" s="71">
        <v>4</v>
      </c>
      <c r="HX15" s="72">
        <v>26</v>
      </c>
      <c r="HY15" s="73">
        <v>36</v>
      </c>
      <c r="HZ15" s="70">
        <v>8</v>
      </c>
      <c r="IA15" s="71">
        <v>4</v>
      </c>
      <c r="IB15" s="72">
        <v>12</v>
      </c>
      <c r="IC15" s="241"/>
      <c r="ID15" s="71">
        <v>7</v>
      </c>
      <c r="IE15" s="71">
        <v>8</v>
      </c>
      <c r="IF15" s="71">
        <v>10</v>
      </c>
      <c r="IG15" s="71">
        <v>5</v>
      </c>
      <c r="IH15" s="71">
        <v>3</v>
      </c>
      <c r="II15" s="72">
        <v>33</v>
      </c>
      <c r="IJ15" s="73">
        <v>45</v>
      </c>
      <c r="IK15" s="70">
        <v>21</v>
      </c>
      <c r="IL15" s="71">
        <v>13</v>
      </c>
      <c r="IM15" s="72">
        <v>34</v>
      </c>
      <c r="IN15" s="241"/>
      <c r="IO15" s="71">
        <v>30</v>
      </c>
      <c r="IP15" s="71">
        <v>22</v>
      </c>
      <c r="IQ15" s="71">
        <v>8</v>
      </c>
      <c r="IR15" s="71">
        <v>7</v>
      </c>
      <c r="IS15" s="71">
        <v>5</v>
      </c>
      <c r="IT15" s="72">
        <v>72</v>
      </c>
      <c r="IU15" s="73">
        <v>106</v>
      </c>
      <c r="IV15" s="70">
        <v>37</v>
      </c>
      <c r="IW15" s="71">
        <v>24</v>
      </c>
      <c r="IX15" s="72">
        <v>61</v>
      </c>
      <c r="IY15" s="241"/>
      <c r="IZ15" s="71">
        <v>54</v>
      </c>
      <c r="JA15" s="71">
        <v>32</v>
      </c>
      <c r="JB15" s="71">
        <v>17</v>
      </c>
      <c r="JC15" s="71">
        <v>30</v>
      </c>
      <c r="JD15" s="71">
        <v>8</v>
      </c>
      <c r="JE15" s="72">
        <v>141</v>
      </c>
      <c r="JF15" s="73">
        <v>202</v>
      </c>
      <c r="JG15" s="70">
        <v>27</v>
      </c>
      <c r="JH15" s="71">
        <v>17</v>
      </c>
      <c r="JI15" s="72">
        <v>44</v>
      </c>
      <c r="JJ15" s="244">
        <v>0</v>
      </c>
      <c r="JK15" s="71">
        <v>52</v>
      </c>
      <c r="JL15" s="71">
        <v>40</v>
      </c>
      <c r="JM15" s="71">
        <v>45</v>
      </c>
      <c r="JN15" s="71">
        <v>31</v>
      </c>
      <c r="JO15" s="71">
        <v>10</v>
      </c>
      <c r="JP15" s="72">
        <v>178</v>
      </c>
      <c r="JQ15" s="73">
        <v>222</v>
      </c>
      <c r="JR15" s="70">
        <v>0</v>
      </c>
      <c r="JS15" s="71">
        <v>0</v>
      </c>
      <c r="JT15" s="72">
        <v>0</v>
      </c>
      <c r="JU15" s="241"/>
      <c r="JV15" s="71">
        <v>0</v>
      </c>
      <c r="JW15" s="71">
        <v>0</v>
      </c>
      <c r="JX15" s="71">
        <v>0</v>
      </c>
      <c r="JY15" s="71">
        <v>0</v>
      </c>
      <c r="JZ15" s="71">
        <v>0</v>
      </c>
      <c r="KA15" s="72">
        <v>0</v>
      </c>
      <c r="KB15" s="73">
        <v>0</v>
      </c>
      <c r="KC15" s="70">
        <v>100</v>
      </c>
      <c r="KD15" s="71">
        <v>65</v>
      </c>
      <c r="KE15" s="72">
        <v>165</v>
      </c>
      <c r="KF15" s="241"/>
      <c r="KG15" s="71">
        <v>158</v>
      </c>
      <c r="KH15" s="71">
        <v>108</v>
      </c>
      <c r="KI15" s="71">
        <v>85</v>
      </c>
      <c r="KJ15" s="71">
        <v>77</v>
      </c>
      <c r="KK15" s="71">
        <v>30</v>
      </c>
      <c r="KL15" s="72">
        <v>458</v>
      </c>
      <c r="KM15" s="73">
        <v>623</v>
      </c>
    </row>
    <row r="16" spans="2:299" ht="19.5" customHeight="1" x14ac:dyDescent="0.2">
      <c r="B16" s="126" t="s">
        <v>12</v>
      </c>
      <c r="C16" s="316">
        <v>163</v>
      </c>
      <c r="D16" s="82">
        <v>110</v>
      </c>
      <c r="E16" s="83">
        <v>273</v>
      </c>
      <c r="F16" s="241"/>
      <c r="G16" s="82">
        <v>168</v>
      </c>
      <c r="H16" s="82">
        <v>127</v>
      </c>
      <c r="I16" s="82">
        <v>104</v>
      </c>
      <c r="J16" s="82">
        <v>88</v>
      </c>
      <c r="K16" s="82">
        <v>36</v>
      </c>
      <c r="L16" s="84">
        <v>523</v>
      </c>
      <c r="M16" s="85">
        <v>796</v>
      </c>
      <c r="N16" s="86">
        <v>2</v>
      </c>
      <c r="O16" s="71">
        <v>2</v>
      </c>
      <c r="P16" s="72">
        <v>4</v>
      </c>
      <c r="Q16" s="241"/>
      <c r="R16" s="71">
        <v>1</v>
      </c>
      <c r="S16" s="71">
        <v>1</v>
      </c>
      <c r="T16" s="71">
        <v>2</v>
      </c>
      <c r="U16" s="71">
        <v>0</v>
      </c>
      <c r="V16" s="71">
        <v>1</v>
      </c>
      <c r="W16" s="72">
        <v>5</v>
      </c>
      <c r="X16" s="73">
        <v>9</v>
      </c>
      <c r="Y16" s="70">
        <v>5</v>
      </c>
      <c r="Z16" s="71">
        <v>8</v>
      </c>
      <c r="AA16" s="72">
        <v>13</v>
      </c>
      <c r="AB16" s="241"/>
      <c r="AC16" s="71">
        <v>4</v>
      </c>
      <c r="AD16" s="71">
        <v>5</v>
      </c>
      <c r="AE16" s="71">
        <v>4</v>
      </c>
      <c r="AF16" s="71">
        <v>3</v>
      </c>
      <c r="AG16" s="71">
        <v>5</v>
      </c>
      <c r="AH16" s="72">
        <v>21</v>
      </c>
      <c r="AI16" s="73">
        <v>34</v>
      </c>
      <c r="AJ16" s="86">
        <v>13</v>
      </c>
      <c r="AK16" s="71">
        <v>10</v>
      </c>
      <c r="AL16" s="72">
        <v>23</v>
      </c>
      <c r="AM16" s="241"/>
      <c r="AN16" s="71">
        <v>10</v>
      </c>
      <c r="AO16" s="71">
        <v>8</v>
      </c>
      <c r="AP16" s="71">
        <v>14</v>
      </c>
      <c r="AQ16" s="71">
        <v>6</v>
      </c>
      <c r="AR16" s="71">
        <v>2</v>
      </c>
      <c r="AS16" s="72">
        <v>40</v>
      </c>
      <c r="AT16" s="73">
        <v>63</v>
      </c>
      <c r="AU16" s="70">
        <v>34</v>
      </c>
      <c r="AV16" s="71">
        <v>23</v>
      </c>
      <c r="AW16" s="72">
        <v>57</v>
      </c>
      <c r="AX16" s="241"/>
      <c r="AY16" s="71">
        <v>37</v>
      </c>
      <c r="AZ16" s="71">
        <v>30</v>
      </c>
      <c r="BA16" s="71">
        <v>14</v>
      </c>
      <c r="BB16" s="71">
        <v>11</v>
      </c>
      <c r="BC16" s="71">
        <v>11</v>
      </c>
      <c r="BD16" s="72">
        <v>103</v>
      </c>
      <c r="BE16" s="73">
        <v>160</v>
      </c>
      <c r="BF16" s="86">
        <v>58</v>
      </c>
      <c r="BG16" s="71">
        <v>24</v>
      </c>
      <c r="BH16" s="72">
        <v>82</v>
      </c>
      <c r="BI16" s="241"/>
      <c r="BJ16" s="71">
        <v>68</v>
      </c>
      <c r="BK16" s="71">
        <v>35</v>
      </c>
      <c r="BL16" s="71">
        <v>34</v>
      </c>
      <c r="BM16" s="71">
        <v>26</v>
      </c>
      <c r="BN16" s="71">
        <v>8</v>
      </c>
      <c r="BO16" s="72">
        <v>171</v>
      </c>
      <c r="BP16" s="73">
        <v>253</v>
      </c>
      <c r="BQ16" s="70">
        <v>51</v>
      </c>
      <c r="BR16" s="71">
        <v>43</v>
      </c>
      <c r="BS16" s="72">
        <v>94</v>
      </c>
      <c r="BT16" s="241"/>
      <c r="BU16" s="71">
        <v>48</v>
      </c>
      <c r="BV16" s="71">
        <v>48</v>
      </c>
      <c r="BW16" s="71">
        <v>36</v>
      </c>
      <c r="BX16" s="71">
        <v>42</v>
      </c>
      <c r="BY16" s="71">
        <v>9</v>
      </c>
      <c r="BZ16" s="72">
        <v>183</v>
      </c>
      <c r="CA16" s="73">
        <v>277</v>
      </c>
      <c r="CB16" s="70">
        <v>0</v>
      </c>
      <c r="CC16" s="71">
        <v>0</v>
      </c>
      <c r="CD16" s="72">
        <v>0</v>
      </c>
      <c r="CE16" s="241"/>
      <c r="CF16" s="71">
        <v>0</v>
      </c>
      <c r="CG16" s="71">
        <v>0</v>
      </c>
      <c r="CH16" s="71">
        <v>0</v>
      </c>
      <c r="CI16" s="71">
        <v>0</v>
      </c>
      <c r="CJ16" s="71">
        <v>0</v>
      </c>
      <c r="CK16" s="72">
        <v>0</v>
      </c>
      <c r="CL16" s="73">
        <v>0</v>
      </c>
      <c r="CM16" s="70">
        <v>163</v>
      </c>
      <c r="CN16" s="71">
        <v>110</v>
      </c>
      <c r="CO16" s="72">
        <v>273</v>
      </c>
      <c r="CP16" s="241"/>
      <c r="CQ16" s="71">
        <v>168</v>
      </c>
      <c r="CR16" s="71">
        <v>127</v>
      </c>
      <c r="CS16" s="71">
        <v>104</v>
      </c>
      <c r="CT16" s="71">
        <v>88</v>
      </c>
      <c r="CU16" s="71">
        <v>36</v>
      </c>
      <c r="CV16" s="72">
        <v>523</v>
      </c>
      <c r="CW16" s="73">
        <v>796</v>
      </c>
      <c r="CX16" s="123">
        <v>15</v>
      </c>
      <c r="CY16" s="82">
        <v>26</v>
      </c>
      <c r="CZ16" s="83">
        <v>41</v>
      </c>
      <c r="DA16" s="241"/>
      <c r="DB16" s="82">
        <v>16</v>
      </c>
      <c r="DC16" s="82">
        <v>11</v>
      </c>
      <c r="DD16" s="82">
        <v>10</v>
      </c>
      <c r="DE16" s="82">
        <v>16</v>
      </c>
      <c r="DF16" s="82">
        <v>5</v>
      </c>
      <c r="DG16" s="84">
        <v>58</v>
      </c>
      <c r="DH16" s="85">
        <v>99</v>
      </c>
      <c r="DI16" s="86">
        <v>1</v>
      </c>
      <c r="DJ16" s="71">
        <v>0</v>
      </c>
      <c r="DK16" s="72">
        <v>1</v>
      </c>
      <c r="DL16" s="241"/>
      <c r="DM16" s="71">
        <v>0</v>
      </c>
      <c r="DN16" s="71">
        <v>0</v>
      </c>
      <c r="DO16" s="71">
        <v>0</v>
      </c>
      <c r="DP16" s="71">
        <v>0</v>
      </c>
      <c r="DQ16" s="71">
        <v>0</v>
      </c>
      <c r="DR16" s="72">
        <v>0</v>
      </c>
      <c r="DS16" s="73">
        <v>1</v>
      </c>
      <c r="DT16" s="70">
        <v>1</v>
      </c>
      <c r="DU16" s="71">
        <v>3</v>
      </c>
      <c r="DV16" s="72">
        <v>4</v>
      </c>
      <c r="DW16" s="241"/>
      <c r="DX16" s="71">
        <v>1</v>
      </c>
      <c r="DY16" s="71">
        <v>0</v>
      </c>
      <c r="DZ16" s="71">
        <v>1</v>
      </c>
      <c r="EA16" s="71">
        <v>1</v>
      </c>
      <c r="EB16" s="71">
        <v>1</v>
      </c>
      <c r="EC16" s="72">
        <v>4</v>
      </c>
      <c r="ED16" s="73">
        <v>8</v>
      </c>
      <c r="EE16" s="86">
        <v>1</v>
      </c>
      <c r="EF16" s="71">
        <v>1</v>
      </c>
      <c r="EG16" s="72">
        <v>2</v>
      </c>
      <c r="EH16" s="241"/>
      <c r="EI16" s="71">
        <v>1</v>
      </c>
      <c r="EJ16" s="71">
        <v>0</v>
      </c>
      <c r="EK16" s="71">
        <v>1</v>
      </c>
      <c r="EL16" s="71">
        <v>1</v>
      </c>
      <c r="EM16" s="71">
        <v>0</v>
      </c>
      <c r="EN16" s="72">
        <v>3</v>
      </c>
      <c r="EO16" s="73">
        <v>5</v>
      </c>
      <c r="EP16" s="70">
        <v>5</v>
      </c>
      <c r="EQ16" s="71">
        <v>7</v>
      </c>
      <c r="ER16" s="72">
        <v>12</v>
      </c>
      <c r="ES16" s="241"/>
      <c r="ET16" s="71">
        <v>2</v>
      </c>
      <c r="EU16" s="71">
        <v>3</v>
      </c>
      <c r="EV16" s="71">
        <v>0</v>
      </c>
      <c r="EW16" s="71">
        <v>3</v>
      </c>
      <c r="EX16" s="71">
        <v>1</v>
      </c>
      <c r="EY16" s="72">
        <v>9</v>
      </c>
      <c r="EZ16" s="73">
        <v>21</v>
      </c>
      <c r="FA16" s="86">
        <v>2</v>
      </c>
      <c r="FB16" s="71">
        <v>11</v>
      </c>
      <c r="FC16" s="72">
        <v>13</v>
      </c>
      <c r="FD16" s="241"/>
      <c r="FE16" s="71">
        <v>5</v>
      </c>
      <c r="FF16" s="71">
        <v>1</v>
      </c>
      <c r="FG16" s="71">
        <v>2</v>
      </c>
      <c r="FH16" s="71">
        <v>0</v>
      </c>
      <c r="FI16" s="71">
        <v>1</v>
      </c>
      <c r="FJ16" s="72">
        <v>9</v>
      </c>
      <c r="FK16" s="73">
        <v>22</v>
      </c>
      <c r="FL16" s="70">
        <v>5</v>
      </c>
      <c r="FM16" s="71">
        <v>4</v>
      </c>
      <c r="FN16" s="72">
        <v>9</v>
      </c>
      <c r="FO16" s="241"/>
      <c r="FP16" s="71">
        <v>7</v>
      </c>
      <c r="FQ16" s="71">
        <v>7</v>
      </c>
      <c r="FR16" s="71">
        <v>6</v>
      </c>
      <c r="FS16" s="71">
        <v>11</v>
      </c>
      <c r="FT16" s="71">
        <v>2</v>
      </c>
      <c r="FU16" s="72">
        <v>33</v>
      </c>
      <c r="FV16" s="73">
        <v>42</v>
      </c>
      <c r="FW16" s="70">
        <v>0</v>
      </c>
      <c r="FX16" s="71">
        <v>0</v>
      </c>
      <c r="FY16" s="72">
        <v>0</v>
      </c>
      <c r="FZ16" s="241"/>
      <c r="GA16" s="71">
        <v>0</v>
      </c>
      <c r="GB16" s="71">
        <v>0</v>
      </c>
      <c r="GC16" s="71">
        <v>0</v>
      </c>
      <c r="GD16" s="71">
        <v>0</v>
      </c>
      <c r="GE16" s="71">
        <v>0</v>
      </c>
      <c r="GF16" s="72">
        <v>0</v>
      </c>
      <c r="GG16" s="73">
        <v>0</v>
      </c>
      <c r="GH16" s="70">
        <v>15</v>
      </c>
      <c r="GI16" s="71">
        <v>26</v>
      </c>
      <c r="GJ16" s="72">
        <v>41</v>
      </c>
      <c r="GK16" s="241"/>
      <c r="GL16" s="71">
        <v>16</v>
      </c>
      <c r="GM16" s="71">
        <v>11</v>
      </c>
      <c r="GN16" s="71">
        <v>10</v>
      </c>
      <c r="GO16" s="71">
        <v>16</v>
      </c>
      <c r="GP16" s="71">
        <v>5</v>
      </c>
      <c r="GQ16" s="72">
        <v>58</v>
      </c>
      <c r="GR16" s="73">
        <v>99</v>
      </c>
      <c r="GS16" s="123">
        <v>178</v>
      </c>
      <c r="GT16" s="82">
        <v>136</v>
      </c>
      <c r="GU16" s="83">
        <v>314</v>
      </c>
      <c r="GV16" s="241"/>
      <c r="GW16" s="82">
        <v>184</v>
      </c>
      <c r="GX16" s="82">
        <v>138</v>
      </c>
      <c r="GY16" s="82">
        <v>114</v>
      </c>
      <c r="GZ16" s="82">
        <v>104</v>
      </c>
      <c r="HA16" s="82">
        <v>41</v>
      </c>
      <c r="HB16" s="84">
        <v>581</v>
      </c>
      <c r="HC16" s="85">
        <v>895</v>
      </c>
      <c r="HD16" s="86">
        <v>3</v>
      </c>
      <c r="HE16" s="71">
        <v>2</v>
      </c>
      <c r="HF16" s="72">
        <v>5</v>
      </c>
      <c r="HG16" s="241"/>
      <c r="HH16" s="71">
        <v>1</v>
      </c>
      <c r="HI16" s="71">
        <v>1</v>
      </c>
      <c r="HJ16" s="71">
        <v>2</v>
      </c>
      <c r="HK16" s="71">
        <v>0</v>
      </c>
      <c r="HL16" s="71">
        <v>1</v>
      </c>
      <c r="HM16" s="72">
        <v>5</v>
      </c>
      <c r="HN16" s="73">
        <v>10</v>
      </c>
      <c r="HO16" s="70">
        <v>6</v>
      </c>
      <c r="HP16" s="71">
        <v>11</v>
      </c>
      <c r="HQ16" s="72">
        <v>17</v>
      </c>
      <c r="HR16" s="241"/>
      <c r="HS16" s="71">
        <v>5</v>
      </c>
      <c r="HT16" s="71">
        <v>5</v>
      </c>
      <c r="HU16" s="71">
        <v>5</v>
      </c>
      <c r="HV16" s="71">
        <v>4</v>
      </c>
      <c r="HW16" s="71">
        <v>6</v>
      </c>
      <c r="HX16" s="72">
        <v>25</v>
      </c>
      <c r="HY16" s="73">
        <v>42</v>
      </c>
      <c r="HZ16" s="86">
        <v>14</v>
      </c>
      <c r="IA16" s="71">
        <v>11</v>
      </c>
      <c r="IB16" s="72">
        <v>25</v>
      </c>
      <c r="IC16" s="241"/>
      <c r="ID16" s="71">
        <v>11</v>
      </c>
      <c r="IE16" s="71">
        <v>8</v>
      </c>
      <c r="IF16" s="71">
        <v>15</v>
      </c>
      <c r="IG16" s="71">
        <v>7</v>
      </c>
      <c r="IH16" s="71">
        <v>2</v>
      </c>
      <c r="II16" s="72">
        <v>43</v>
      </c>
      <c r="IJ16" s="73">
        <v>68</v>
      </c>
      <c r="IK16" s="70">
        <v>39</v>
      </c>
      <c r="IL16" s="71">
        <v>30</v>
      </c>
      <c r="IM16" s="72">
        <v>69</v>
      </c>
      <c r="IN16" s="241"/>
      <c r="IO16" s="71">
        <v>39</v>
      </c>
      <c r="IP16" s="71">
        <v>33</v>
      </c>
      <c r="IQ16" s="71">
        <v>14</v>
      </c>
      <c r="IR16" s="71">
        <v>14</v>
      </c>
      <c r="IS16" s="71">
        <v>12</v>
      </c>
      <c r="IT16" s="72">
        <v>112</v>
      </c>
      <c r="IU16" s="73">
        <v>181</v>
      </c>
      <c r="IV16" s="86">
        <v>60</v>
      </c>
      <c r="IW16" s="71">
        <v>35</v>
      </c>
      <c r="IX16" s="72">
        <v>95</v>
      </c>
      <c r="IY16" s="241"/>
      <c r="IZ16" s="71">
        <v>73</v>
      </c>
      <c r="JA16" s="71">
        <v>36</v>
      </c>
      <c r="JB16" s="71">
        <v>36</v>
      </c>
      <c r="JC16" s="71">
        <v>26</v>
      </c>
      <c r="JD16" s="71">
        <v>9</v>
      </c>
      <c r="JE16" s="72">
        <v>180</v>
      </c>
      <c r="JF16" s="73">
        <v>275</v>
      </c>
      <c r="JG16" s="70">
        <v>56</v>
      </c>
      <c r="JH16" s="71">
        <v>47</v>
      </c>
      <c r="JI16" s="72">
        <v>103</v>
      </c>
      <c r="JJ16" s="244">
        <v>0</v>
      </c>
      <c r="JK16" s="71">
        <v>55</v>
      </c>
      <c r="JL16" s="71">
        <v>55</v>
      </c>
      <c r="JM16" s="71">
        <v>42</v>
      </c>
      <c r="JN16" s="71">
        <v>53</v>
      </c>
      <c r="JO16" s="71">
        <v>11</v>
      </c>
      <c r="JP16" s="72">
        <v>216</v>
      </c>
      <c r="JQ16" s="73">
        <v>319</v>
      </c>
      <c r="JR16" s="70">
        <v>0</v>
      </c>
      <c r="JS16" s="71">
        <v>0</v>
      </c>
      <c r="JT16" s="72">
        <v>0</v>
      </c>
      <c r="JU16" s="241"/>
      <c r="JV16" s="71">
        <v>0</v>
      </c>
      <c r="JW16" s="71">
        <v>0</v>
      </c>
      <c r="JX16" s="71">
        <v>0</v>
      </c>
      <c r="JY16" s="71">
        <v>0</v>
      </c>
      <c r="JZ16" s="71">
        <v>0</v>
      </c>
      <c r="KA16" s="72">
        <v>0</v>
      </c>
      <c r="KB16" s="73">
        <v>0</v>
      </c>
      <c r="KC16" s="70">
        <v>178</v>
      </c>
      <c r="KD16" s="71">
        <v>136</v>
      </c>
      <c r="KE16" s="72">
        <v>314</v>
      </c>
      <c r="KF16" s="241"/>
      <c r="KG16" s="71">
        <v>184</v>
      </c>
      <c r="KH16" s="71">
        <v>138</v>
      </c>
      <c r="KI16" s="71">
        <v>114</v>
      </c>
      <c r="KJ16" s="71">
        <v>104</v>
      </c>
      <c r="KK16" s="71">
        <v>41</v>
      </c>
      <c r="KL16" s="72">
        <v>581</v>
      </c>
      <c r="KM16" s="73">
        <v>895</v>
      </c>
    </row>
    <row r="17" spans="2:299" ht="19.5" customHeight="1" x14ac:dyDescent="0.2">
      <c r="B17" s="126" t="s">
        <v>13</v>
      </c>
      <c r="C17" s="316">
        <v>31</v>
      </c>
      <c r="D17" s="82">
        <v>47</v>
      </c>
      <c r="E17" s="83">
        <v>78</v>
      </c>
      <c r="F17" s="241"/>
      <c r="G17" s="82">
        <v>82</v>
      </c>
      <c r="H17" s="82">
        <v>61</v>
      </c>
      <c r="I17" s="82">
        <v>43</v>
      </c>
      <c r="J17" s="82">
        <v>42</v>
      </c>
      <c r="K17" s="82">
        <v>21</v>
      </c>
      <c r="L17" s="84">
        <v>249</v>
      </c>
      <c r="M17" s="85">
        <v>327</v>
      </c>
      <c r="N17" s="70">
        <v>0</v>
      </c>
      <c r="O17" s="71">
        <v>0</v>
      </c>
      <c r="P17" s="72">
        <v>0</v>
      </c>
      <c r="Q17" s="241"/>
      <c r="R17" s="71">
        <v>0</v>
      </c>
      <c r="S17" s="71">
        <v>0</v>
      </c>
      <c r="T17" s="71">
        <v>0</v>
      </c>
      <c r="U17" s="71">
        <v>0</v>
      </c>
      <c r="V17" s="71">
        <v>0</v>
      </c>
      <c r="W17" s="72">
        <v>0</v>
      </c>
      <c r="X17" s="73">
        <v>0</v>
      </c>
      <c r="Y17" s="70">
        <v>1</v>
      </c>
      <c r="Z17" s="71">
        <v>2</v>
      </c>
      <c r="AA17" s="72">
        <v>3</v>
      </c>
      <c r="AB17" s="241"/>
      <c r="AC17" s="71">
        <v>1</v>
      </c>
      <c r="AD17" s="71">
        <v>2</v>
      </c>
      <c r="AE17" s="71">
        <v>0</v>
      </c>
      <c r="AF17" s="71">
        <v>1</v>
      </c>
      <c r="AG17" s="71">
        <v>2</v>
      </c>
      <c r="AH17" s="72">
        <v>6</v>
      </c>
      <c r="AI17" s="73">
        <v>9</v>
      </c>
      <c r="AJ17" s="70">
        <v>4</v>
      </c>
      <c r="AK17" s="71">
        <v>2</v>
      </c>
      <c r="AL17" s="72">
        <v>6</v>
      </c>
      <c r="AM17" s="241"/>
      <c r="AN17" s="71">
        <v>3</v>
      </c>
      <c r="AO17" s="71">
        <v>4</v>
      </c>
      <c r="AP17" s="71">
        <v>2</v>
      </c>
      <c r="AQ17" s="71">
        <v>4</v>
      </c>
      <c r="AR17" s="71">
        <v>1</v>
      </c>
      <c r="AS17" s="72">
        <v>14</v>
      </c>
      <c r="AT17" s="73">
        <v>20</v>
      </c>
      <c r="AU17" s="70">
        <v>1</v>
      </c>
      <c r="AV17" s="71">
        <v>14</v>
      </c>
      <c r="AW17" s="72">
        <v>15</v>
      </c>
      <c r="AX17" s="241"/>
      <c r="AY17" s="71">
        <v>16</v>
      </c>
      <c r="AZ17" s="71">
        <v>8</v>
      </c>
      <c r="BA17" s="71">
        <v>5</v>
      </c>
      <c r="BB17" s="71">
        <v>6</v>
      </c>
      <c r="BC17" s="71">
        <v>4</v>
      </c>
      <c r="BD17" s="72">
        <v>39</v>
      </c>
      <c r="BE17" s="73">
        <v>54</v>
      </c>
      <c r="BF17" s="70">
        <v>14</v>
      </c>
      <c r="BG17" s="71">
        <v>17</v>
      </c>
      <c r="BH17" s="72">
        <v>31</v>
      </c>
      <c r="BI17" s="241"/>
      <c r="BJ17" s="71">
        <v>37</v>
      </c>
      <c r="BK17" s="71">
        <v>19</v>
      </c>
      <c r="BL17" s="71">
        <v>16</v>
      </c>
      <c r="BM17" s="71">
        <v>15</v>
      </c>
      <c r="BN17" s="71">
        <v>4</v>
      </c>
      <c r="BO17" s="72">
        <v>91</v>
      </c>
      <c r="BP17" s="73">
        <v>122</v>
      </c>
      <c r="BQ17" s="70">
        <v>11</v>
      </c>
      <c r="BR17" s="71">
        <v>12</v>
      </c>
      <c r="BS17" s="72">
        <v>23</v>
      </c>
      <c r="BT17" s="241"/>
      <c r="BU17" s="71">
        <v>25</v>
      </c>
      <c r="BV17" s="71">
        <v>28</v>
      </c>
      <c r="BW17" s="71">
        <v>20</v>
      </c>
      <c r="BX17" s="71">
        <v>16</v>
      </c>
      <c r="BY17" s="71">
        <v>10</v>
      </c>
      <c r="BZ17" s="72">
        <v>99</v>
      </c>
      <c r="CA17" s="73">
        <v>122</v>
      </c>
      <c r="CB17" s="70">
        <v>0</v>
      </c>
      <c r="CC17" s="71">
        <v>0</v>
      </c>
      <c r="CD17" s="72">
        <v>0</v>
      </c>
      <c r="CE17" s="241"/>
      <c r="CF17" s="71">
        <v>0</v>
      </c>
      <c r="CG17" s="71">
        <v>0</v>
      </c>
      <c r="CH17" s="71">
        <v>0</v>
      </c>
      <c r="CI17" s="71">
        <v>0</v>
      </c>
      <c r="CJ17" s="71">
        <v>0</v>
      </c>
      <c r="CK17" s="72">
        <v>0</v>
      </c>
      <c r="CL17" s="73">
        <v>0</v>
      </c>
      <c r="CM17" s="70">
        <v>31</v>
      </c>
      <c r="CN17" s="71">
        <v>47</v>
      </c>
      <c r="CO17" s="72">
        <v>78</v>
      </c>
      <c r="CP17" s="241"/>
      <c r="CQ17" s="71">
        <v>82</v>
      </c>
      <c r="CR17" s="71">
        <v>61</v>
      </c>
      <c r="CS17" s="71">
        <v>43</v>
      </c>
      <c r="CT17" s="71">
        <v>42</v>
      </c>
      <c r="CU17" s="71">
        <v>21</v>
      </c>
      <c r="CV17" s="72">
        <v>249</v>
      </c>
      <c r="CW17" s="73">
        <v>327</v>
      </c>
      <c r="CX17" s="123">
        <v>4</v>
      </c>
      <c r="CY17" s="82">
        <v>3</v>
      </c>
      <c r="CZ17" s="83">
        <v>7</v>
      </c>
      <c r="DA17" s="241"/>
      <c r="DB17" s="82">
        <v>12</v>
      </c>
      <c r="DC17" s="82">
        <v>8</v>
      </c>
      <c r="DD17" s="82">
        <v>5</v>
      </c>
      <c r="DE17" s="82">
        <v>10</v>
      </c>
      <c r="DF17" s="82">
        <v>5</v>
      </c>
      <c r="DG17" s="84">
        <v>40</v>
      </c>
      <c r="DH17" s="85">
        <v>47</v>
      </c>
      <c r="DI17" s="70">
        <v>0</v>
      </c>
      <c r="DJ17" s="71">
        <v>0</v>
      </c>
      <c r="DK17" s="72">
        <v>0</v>
      </c>
      <c r="DL17" s="241"/>
      <c r="DM17" s="71">
        <v>0</v>
      </c>
      <c r="DN17" s="71">
        <v>0</v>
      </c>
      <c r="DO17" s="71">
        <v>0</v>
      </c>
      <c r="DP17" s="71">
        <v>0</v>
      </c>
      <c r="DQ17" s="71">
        <v>0</v>
      </c>
      <c r="DR17" s="72">
        <v>0</v>
      </c>
      <c r="DS17" s="73">
        <v>0</v>
      </c>
      <c r="DT17" s="70">
        <v>0</v>
      </c>
      <c r="DU17" s="71">
        <v>0</v>
      </c>
      <c r="DV17" s="72">
        <v>0</v>
      </c>
      <c r="DW17" s="241"/>
      <c r="DX17" s="71">
        <v>0</v>
      </c>
      <c r="DY17" s="71">
        <v>0</v>
      </c>
      <c r="DZ17" s="71">
        <v>0</v>
      </c>
      <c r="EA17" s="71">
        <v>0</v>
      </c>
      <c r="EB17" s="71">
        <v>0</v>
      </c>
      <c r="EC17" s="72">
        <v>0</v>
      </c>
      <c r="ED17" s="73">
        <v>0</v>
      </c>
      <c r="EE17" s="70">
        <v>0</v>
      </c>
      <c r="EF17" s="71">
        <v>0</v>
      </c>
      <c r="EG17" s="72">
        <v>0</v>
      </c>
      <c r="EH17" s="241"/>
      <c r="EI17" s="71">
        <v>1</v>
      </c>
      <c r="EJ17" s="71">
        <v>0</v>
      </c>
      <c r="EK17" s="71">
        <v>0</v>
      </c>
      <c r="EL17" s="71">
        <v>0</v>
      </c>
      <c r="EM17" s="71">
        <v>0</v>
      </c>
      <c r="EN17" s="72">
        <v>1</v>
      </c>
      <c r="EO17" s="73">
        <v>1</v>
      </c>
      <c r="EP17" s="70">
        <v>1</v>
      </c>
      <c r="EQ17" s="71">
        <v>0</v>
      </c>
      <c r="ER17" s="72">
        <v>1</v>
      </c>
      <c r="ES17" s="241"/>
      <c r="ET17" s="71">
        <v>5</v>
      </c>
      <c r="EU17" s="71">
        <v>1</v>
      </c>
      <c r="EV17" s="71">
        <v>1</v>
      </c>
      <c r="EW17" s="71">
        <v>1</v>
      </c>
      <c r="EX17" s="71">
        <v>1</v>
      </c>
      <c r="EY17" s="72">
        <v>9</v>
      </c>
      <c r="EZ17" s="73">
        <v>10</v>
      </c>
      <c r="FA17" s="70">
        <v>3</v>
      </c>
      <c r="FB17" s="71">
        <v>0</v>
      </c>
      <c r="FC17" s="72">
        <v>3</v>
      </c>
      <c r="FD17" s="241"/>
      <c r="FE17" s="71">
        <v>3</v>
      </c>
      <c r="FF17" s="71">
        <v>2</v>
      </c>
      <c r="FG17" s="71">
        <v>2</v>
      </c>
      <c r="FH17" s="71">
        <v>3</v>
      </c>
      <c r="FI17" s="71">
        <v>1</v>
      </c>
      <c r="FJ17" s="72">
        <v>11</v>
      </c>
      <c r="FK17" s="73">
        <v>14</v>
      </c>
      <c r="FL17" s="70">
        <v>0</v>
      </c>
      <c r="FM17" s="71">
        <v>3</v>
      </c>
      <c r="FN17" s="72">
        <v>3</v>
      </c>
      <c r="FO17" s="241"/>
      <c r="FP17" s="71">
        <v>3</v>
      </c>
      <c r="FQ17" s="71">
        <v>5</v>
      </c>
      <c r="FR17" s="71">
        <v>2</v>
      </c>
      <c r="FS17" s="71">
        <v>6</v>
      </c>
      <c r="FT17" s="71">
        <v>3</v>
      </c>
      <c r="FU17" s="72">
        <v>19</v>
      </c>
      <c r="FV17" s="73">
        <v>22</v>
      </c>
      <c r="FW17" s="70">
        <v>0</v>
      </c>
      <c r="FX17" s="71">
        <v>0</v>
      </c>
      <c r="FY17" s="72">
        <v>0</v>
      </c>
      <c r="FZ17" s="241"/>
      <c r="GA17" s="71">
        <v>0</v>
      </c>
      <c r="GB17" s="71">
        <v>0</v>
      </c>
      <c r="GC17" s="71">
        <v>0</v>
      </c>
      <c r="GD17" s="71">
        <v>0</v>
      </c>
      <c r="GE17" s="71">
        <v>0</v>
      </c>
      <c r="GF17" s="72">
        <v>0</v>
      </c>
      <c r="GG17" s="73">
        <v>0</v>
      </c>
      <c r="GH17" s="70">
        <v>4</v>
      </c>
      <c r="GI17" s="71">
        <v>3</v>
      </c>
      <c r="GJ17" s="72">
        <v>7</v>
      </c>
      <c r="GK17" s="241"/>
      <c r="GL17" s="71">
        <v>12</v>
      </c>
      <c r="GM17" s="71">
        <v>8</v>
      </c>
      <c r="GN17" s="71">
        <v>5</v>
      </c>
      <c r="GO17" s="71">
        <v>10</v>
      </c>
      <c r="GP17" s="71">
        <v>5</v>
      </c>
      <c r="GQ17" s="72">
        <v>40</v>
      </c>
      <c r="GR17" s="73">
        <v>47</v>
      </c>
      <c r="GS17" s="123">
        <v>35</v>
      </c>
      <c r="GT17" s="82">
        <v>50</v>
      </c>
      <c r="GU17" s="83">
        <v>85</v>
      </c>
      <c r="GV17" s="241"/>
      <c r="GW17" s="82">
        <v>94</v>
      </c>
      <c r="GX17" s="82">
        <v>69</v>
      </c>
      <c r="GY17" s="82">
        <v>48</v>
      </c>
      <c r="GZ17" s="82">
        <v>52</v>
      </c>
      <c r="HA17" s="82">
        <v>26</v>
      </c>
      <c r="HB17" s="84">
        <v>289</v>
      </c>
      <c r="HC17" s="85">
        <v>374</v>
      </c>
      <c r="HD17" s="70">
        <v>0</v>
      </c>
      <c r="HE17" s="71">
        <v>0</v>
      </c>
      <c r="HF17" s="72">
        <v>0</v>
      </c>
      <c r="HG17" s="241"/>
      <c r="HH17" s="71">
        <v>0</v>
      </c>
      <c r="HI17" s="71">
        <v>0</v>
      </c>
      <c r="HJ17" s="71">
        <v>0</v>
      </c>
      <c r="HK17" s="71">
        <v>0</v>
      </c>
      <c r="HL17" s="71">
        <v>0</v>
      </c>
      <c r="HM17" s="72">
        <v>0</v>
      </c>
      <c r="HN17" s="73">
        <v>0</v>
      </c>
      <c r="HO17" s="70">
        <v>1</v>
      </c>
      <c r="HP17" s="71">
        <v>2</v>
      </c>
      <c r="HQ17" s="72">
        <v>3</v>
      </c>
      <c r="HR17" s="241"/>
      <c r="HS17" s="71">
        <v>1</v>
      </c>
      <c r="HT17" s="71">
        <v>2</v>
      </c>
      <c r="HU17" s="71">
        <v>0</v>
      </c>
      <c r="HV17" s="71">
        <v>1</v>
      </c>
      <c r="HW17" s="71">
        <v>2</v>
      </c>
      <c r="HX17" s="72">
        <v>6</v>
      </c>
      <c r="HY17" s="73">
        <v>9</v>
      </c>
      <c r="HZ17" s="70">
        <v>4</v>
      </c>
      <c r="IA17" s="71">
        <v>2</v>
      </c>
      <c r="IB17" s="72">
        <v>6</v>
      </c>
      <c r="IC17" s="241"/>
      <c r="ID17" s="71">
        <v>4</v>
      </c>
      <c r="IE17" s="71">
        <v>4</v>
      </c>
      <c r="IF17" s="71">
        <v>2</v>
      </c>
      <c r="IG17" s="71">
        <v>4</v>
      </c>
      <c r="IH17" s="71">
        <v>1</v>
      </c>
      <c r="II17" s="72">
        <v>15</v>
      </c>
      <c r="IJ17" s="73">
        <v>21</v>
      </c>
      <c r="IK17" s="70">
        <v>2</v>
      </c>
      <c r="IL17" s="71">
        <v>14</v>
      </c>
      <c r="IM17" s="72">
        <v>16</v>
      </c>
      <c r="IN17" s="241"/>
      <c r="IO17" s="71">
        <v>21</v>
      </c>
      <c r="IP17" s="71">
        <v>9</v>
      </c>
      <c r="IQ17" s="71">
        <v>6</v>
      </c>
      <c r="IR17" s="71">
        <v>7</v>
      </c>
      <c r="IS17" s="71">
        <v>5</v>
      </c>
      <c r="IT17" s="72">
        <v>48</v>
      </c>
      <c r="IU17" s="73">
        <v>64</v>
      </c>
      <c r="IV17" s="70">
        <v>17</v>
      </c>
      <c r="IW17" s="71">
        <v>17</v>
      </c>
      <c r="IX17" s="72">
        <v>34</v>
      </c>
      <c r="IY17" s="241"/>
      <c r="IZ17" s="71">
        <v>40</v>
      </c>
      <c r="JA17" s="71">
        <v>21</v>
      </c>
      <c r="JB17" s="71">
        <v>18</v>
      </c>
      <c r="JC17" s="71">
        <v>18</v>
      </c>
      <c r="JD17" s="71">
        <v>5</v>
      </c>
      <c r="JE17" s="72">
        <v>102</v>
      </c>
      <c r="JF17" s="73">
        <v>136</v>
      </c>
      <c r="JG17" s="70">
        <v>11</v>
      </c>
      <c r="JH17" s="71">
        <v>15</v>
      </c>
      <c r="JI17" s="72">
        <v>26</v>
      </c>
      <c r="JJ17" s="244">
        <v>0</v>
      </c>
      <c r="JK17" s="71">
        <v>28</v>
      </c>
      <c r="JL17" s="71">
        <v>33</v>
      </c>
      <c r="JM17" s="71">
        <v>22</v>
      </c>
      <c r="JN17" s="71">
        <v>22</v>
      </c>
      <c r="JO17" s="71">
        <v>13</v>
      </c>
      <c r="JP17" s="72">
        <v>118</v>
      </c>
      <c r="JQ17" s="73">
        <v>144</v>
      </c>
      <c r="JR17" s="70">
        <v>0</v>
      </c>
      <c r="JS17" s="71">
        <v>0</v>
      </c>
      <c r="JT17" s="72">
        <v>0</v>
      </c>
      <c r="JU17" s="241"/>
      <c r="JV17" s="71">
        <v>0</v>
      </c>
      <c r="JW17" s="71">
        <v>0</v>
      </c>
      <c r="JX17" s="71">
        <v>0</v>
      </c>
      <c r="JY17" s="71">
        <v>0</v>
      </c>
      <c r="JZ17" s="71">
        <v>0</v>
      </c>
      <c r="KA17" s="72">
        <v>0</v>
      </c>
      <c r="KB17" s="73">
        <v>0</v>
      </c>
      <c r="KC17" s="70">
        <v>35</v>
      </c>
      <c r="KD17" s="71">
        <v>50</v>
      </c>
      <c r="KE17" s="72">
        <v>85</v>
      </c>
      <c r="KF17" s="241"/>
      <c r="KG17" s="71">
        <v>94</v>
      </c>
      <c r="KH17" s="71">
        <v>69</v>
      </c>
      <c r="KI17" s="71">
        <v>48</v>
      </c>
      <c r="KJ17" s="71">
        <v>52</v>
      </c>
      <c r="KK17" s="71">
        <v>26</v>
      </c>
      <c r="KL17" s="72">
        <v>289</v>
      </c>
      <c r="KM17" s="73">
        <v>374</v>
      </c>
    </row>
    <row r="18" spans="2:299" ht="19.5" customHeight="1" x14ac:dyDescent="0.2">
      <c r="B18" s="126" t="s">
        <v>15</v>
      </c>
      <c r="C18" s="316">
        <v>19</v>
      </c>
      <c r="D18" s="82">
        <v>25</v>
      </c>
      <c r="E18" s="83">
        <v>44</v>
      </c>
      <c r="F18" s="241"/>
      <c r="G18" s="82">
        <v>31</v>
      </c>
      <c r="H18" s="82">
        <v>24</v>
      </c>
      <c r="I18" s="82">
        <v>26</v>
      </c>
      <c r="J18" s="82">
        <v>20</v>
      </c>
      <c r="K18" s="82">
        <v>7</v>
      </c>
      <c r="L18" s="84">
        <v>108</v>
      </c>
      <c r="M18" s="85">
        <v>152</v>
      </c>
      <c r="N18" s="70">
        <v>1</v>
      </c>
      <c r="O18" s="71">
        <v>0</v>
      </c>
      <c r="P18" s="72">
        <v>1</v>
      </c>
      <c r="Q18" s="241"/>
      <c r="R18" s="71">
        <v>0</v>
      </c>
      <c r="S18" s="71">
        <v>0</v>
      </c>
      <c r="T18" s="71">
        <v>1</v>
      </c>
      <c r="U18" s="71">
        <v>0</v>
      </c>
      <c r="V18" s="71">
        <v>0</v>
      </c>
      <c r="W18" s="72">
        <v>1</v>
      </c>
      <c r="X18" s="73">
        <v>2</v>
      </c>
      <c r="Y18" s="70">
        <v>2</v>
      </c>
      <c r="Z18" s="71">
        <v>2</v>
      </c>
      <c r="AA18" s="72">
        <v>4</v>
      </c>
      <c r="AB18" s="241"/>
      <c r="AC18" s="71">
        <v>3</v>
      </c>
      <c r="AD18" s="71">
        <v>0</v>
      </c>
      <c r="AE18" s="71">
        <v>3</v>
      </c>
      <c r="AF18" s="71">
        <v>1</v>
      </c>
      <c r="AG18" s="71">
        <v>2</v>
      </c>
      <c r="AH18" s="72">
        <v>9</v>
      </c>
      <c r="AI18" s="73">
        <v>13</v>
      </c>
      <c r="AJ18" s="70">
        <v>3</v>
      </c>
      <c r="AK18" s="71">
        <v>2</v>
      </c>
      <c r="AL18" s="72">
        <v>5</v>
      </c>
      <c r="AM18" s="241"/>
      <c r="AN18" s="71">
        <v>6</v>
      </c>
      <c r="AO18" s="71">
        <v>4</v>
      </c>
      <c r="AP18" s="71">
        <v>1</v>
      </c>
      <c r="AQ18" s="71">
        <v>0</v>
      </c>
      <c r="AR18" s="71">
        <v>2</v>
      </c>
      <c r="AS18" s="72">
        <v>13</v>
      </c>
      <c r="AT18" s="73">
        <v>18</v>
      </c>
      <c r="AU18" s="70">
        <v>5</v>
      </c>
      <c r="AV18" s="71">
        <v>3</v>
      </c>
      <c r="AW18" s="72">
        <v>8</v>
      </c>
      <c r="AX18" s="241"/>
      <c r="AY18" s="71">
        <v>7</v>
      </c>
      <c r="AZ18" s="71">
        <v>5</v>
      </c>
      <c r="BA18" s="71">
        <v>3</v>
      </c>
      <c r="BB18" s="71">
        <v>5</v>
      </c>
      <c r="BC18" s="71">
        <v>0</v>
      </c>
      <c r="BD18" s="72">
        <v>20</v>
      </c>
      <c r="BE18" s="73">
        <v>28</v>
      </c>
      <c r="BF18" s="70">
        <v>4</v>
      </c>
      <c r="BG18" s="71">
        <v>9</v>
      </c>
      <c r="BH18" s="72">
        <v>13</v>
      </c>
      <c r="BI18" s="241"/>
      <c r="BJ18" s="71">
        <v>5</v>
      </c>
      <c r="BK18" s="71">
        <v>4</v>
      </c>
      <c r="BL18" s="71">
        <v>3</v>
      </c>
      <c r="BM18" s="71">
        <v>5</v>
      </c>
      <c r="BN18" s="71">
        <v>2</v>
      </c>
      <c r="BO18" s="72">
        <v>19</v>
      </c>
      <c r="BP18" s="73">
        <v>32</v>
      </c>
      <c r="BQ18" s="70">
        <v>4</v>
      </c>
      <c r="BR18" s="71">
        <v>9</v>
      </c>
      <c r="BS18" s="72">
        <v>13</v>
      </c>
      <c r="BT18" s="241"/>
      <c r="BU18" s="71">
        <v>10</v>
      </c>
      <c r="BV18" s="71">
        <v>11</v>
      </c>
      <c r="BW18" s="71">
        <v>15</v>
      </c>
      <c r="BX18" s="71">
        <v>9</v>
      </c>
      <c r="BY18" s="71">
        <v>1</v>
      </c>
      <c r="BZ18" s="72">
        <v>46</v>
      </c>
      <c r="CA18" s="73">
        <v>59</v>
      </c>
      <c r="CB18" s="70">
        <v>0</v>
      </c>
      <c r="CC18" s="71">
        <v>0</v>
      </c>
      <c r="CD18" s="72">
        <v>0</v>
      </c>
      <c r="CE18" s="241"/>
      <c r="CF18" s="71">
        <v>0</v>
      </c>
      <c r="CG18" s="71">
        <v>0</v>
      </c>
      <c r="CH18" s="71">
        <v>0</v>
      </c>
      <c r="CI18" s="71">
        <v>0</v>
      </c>
      <c r="CJ18" s="71">
        <v>0</v>
      </c>
      <c r="CK18" s="72">
        <v>0</v>
      </c>
      <c r="CL18" s="73">
        <v>0</v>
      </c>
      <c r="CM18" s="70">
        <v>19</v>
      </c>
      <c r="CN18" s="71">
        <v>25</v>
      </c>
      <c r="CO18" s="72">
        <v>44</v>
      </c>
      <c r="CP18" s="241"/>
      <c r="CQ18" s="71">
        <v>31</v>
      </c>
      <c r="CR18" s="71">
        <v>24</v>
      </c>
      <c r="CS18" s="71">
        <v>26</v>
      </c>
      <c r="CT18" s="71">
        <v>20</v>
      </c>
      <c r="CU18" s="71">
        <v>7</v>
      </c>
      <c r="CV18" s="72">
        <v>108</v>
      </c>
      <c r="CW18" s="73">
        <v>152</v>
      </c>
      <c r="CX18" s="123">
        <v>2</v>
      </c>
      <c r="CY18" s="82">
        <v>1</v>
      </c>
      <c r="CZ18" s="83">
        <v>3</v>
      </c>
      <c r="DA18" s="241"/>
      <c r="DB18" s="82">
        <v>1</v>
      </c>
      <c r="DC18" s="82">
        <v>12</v>
      </c>
      <c r="DD18" s="82">
        <v>1</v>
      </c>
      <c r="DE18" s="82">
        <v>1</v>
      </c>
      <c r="DF18" s="82">
        <v>4</v>
      </c>
      <c r="DG18" s="84">
        <v>19</v>
      </c>
      <c r="DH18" s="85">
        <v>22</v>
      </c>
      <c r="DI18" s="70">
        <v>0</v>
      </c>
      <c r="DJ18" s="71">
        <v>0</v>
      </c>
      <c r="DK18" s="72">
        <v>0</v>
      </c>
      <c r="DL18" s="241"/>
      <c r="DM18" s="71">
        <v>0</v>
      </c>
      <c r="DN18" s="71">
        <v>0</v>
      </c>
      <c r="DO18" s="71">
        <v>0</v>
      </c>
      <c r="DP18" s="71">
        <v>0</v>
      </c>
      <c r="DQ18" s="71">
        <v>0</v>
      </c>
      <c r="DR18" s="72">
        <v>0</v>
      </c>
      <c r="DS18" s="73">
        <v>0</v>
      </c>
      <c r="DT18" s="70">
        <v>0</v>
      </c>
      <c r="DU18" s="71">
        <v>0</v>
      </c>
      <c r="DV18" s="72">
        <v>0</v>
      </c>
      <c r="DW18" s="241"/>
      <c r="DX18" s="71">
        <v>0</v>
      </c>
      <c r="DY18" s="71">
        <v>1</v>
      </c>
      <c r="DZ18" s="71">
        <v>0</v>
      </c>
      <c r="EA18" s="71">
        <v>0</v>
      </c>
      <c r="EB18" s="71">
        <v>0</v>
      </c>
      <c r="EC18" s="72">
        <v>1</v>
      </c>
      <c r="ED18" s="73">
        <v>1</v>
      </c>
      <c r="EE18" s="70">
        <v>0</v>
      </c>
      <c r="EF18" s="71">
        <v>0</v>
      </c>
      <c r="EG18" s="72">
        <v>0</v>
      </c>
      <c r="EH18" s="241"/>
      <c r="EI18" s="71">
        <v>0</v>
      </c>
      <c r="EJ18" s="71">
        <v>0</v>
      </c>
      <c r="EK18" s="71">
        <v>0</v>
      </c>
      <c r="EL18" s="71">
        <v>0</v>
      </c>
      <c r="EM18" s="71">
        <v>1</v>
      </c>
      <c r="EN18" s="72">
        <v>1</v>
      </c>
      <c r="EO18" s="73">
        <v>1</v>
      </c>
      <c r="EP18" s="70">
        <v>0</v>
      </c>
      <c r="EQ18" s="71">
        <v>0</v>
      </c>
      <c r="ER18" s="72">
        <v>0</v>
      </c>
      <c r="ES18" s="241"/>
      <c r="ET18" s="71">
        <v>0</v>
      </c>
      <c r="EU18" s="71">
        <v>1</v>
      </c>
      <c r="EV18" s="71">
        <v>0</v>
      </c>
      <c r="EW18" s="71">
        <v>0</v>
      </c>
      <c r="EX18" s="71">
        <v>0</v>
      </c>
      <c r="EY18" s="72">
        <v>1</v>
      </c>
      <c r="EZ18" s="73">
        <v>1</v>
      </c>
      <c r="FA18" s="70">
        <v>0</v>
      </c>
      <c r="FB18" s="71">
        <v>0</v>
      </c>
      <c r="FC18" s="72">
        <v>0</v>
      </c>
      <c r="FD18" s="241"/>
      <c r="FE18" s="71">
        <v>0</v>
      </c>
      <c r="FF18" s="71">
        <v>2</v>
      </c>
      <c r="FG18" s="71">
        <v>1</v>
      </c>
      <c r="FH18" s="71">
        <v>0</v>
      </c>
      <c r="FI18" s="71">
        <v>1</v>
      </c>
      <c r="FJ18" s="72">
        <v>4</v>
      </c>
      <c r="FK18" s="73">
        <v>4</v>
      </c>
      <c r="FL18" s="70">
        <v>2</v>
      </c>
      <c r="FM18" s="71">
        <v>1</v>
      </c>
      <c r="FN18" s="72">
        <v>3</v>
      </c>
      <c r="FO18" s="241"/>
      <c r="FP18" s="71">
        <v>1</v>
      </c>
      <c r="FQ18" s="71">
        <v>8</v>
      </c>
      <c r="FR18" s="71">
        <v>0</v>
      </c>
      <c r="FS18" s="71">
        <v>1</v>
      </c>
      <c r="FT18" s="71">
        <v>2</v>
      </c>
      <c r="FU18" s="72">
        <v>12</v>
      </c>
      <c r="FV18" s="73">
        <v>15</v>
      </c>
      <c r="FW18" s="70">
        <v>0</v>
      </c>
      <c r="FX18" s="71">
        <v>0</v>
      </c>
      <c r="FY18" s="72">
        <v>0</v>
      </c>
      <c r="FZ18" s="241"/>
      <c r="GA18" s="71">
        <v>0</v>
      </c>
      <c r="GB18" s="71">
        <v>0</v>
      </c>
      <c r="GC18" s="71">
        <v>0</v>
      </c>
      <c r="GD18" s="71">
        <v>0</v>
      </c>
      <c r="GE18" s="71">
        <v>0</v>
      </c>
      <c r="GF18" s="72">
        <v>0</v>
      </c>
      <c r="GG18" s="73">
        <v>0</v>
      </c>
      <c r="GH18" s="70">
        <v>2</v>
      </c>
      <c r="GI18" s="71">
        <v>1</v>
      </c>
      <c r="GJ18" s="72">
        <v>3</v>
      </c>
      <c r="GK18" s="241"/>
      <c r="GL18" s="71">
        <v>1</v>
      </c>
      <c r="GM18" s="71">
        <v>12</v>
      </c>
      <c r="GN18" s="71">
        <v>1</v>
      </c>
      <c r="GO18" s="71">
        <v>1</v>
      </c>
      <c r="GP18" s="71">
        <v>4</v>
      </c>
      <c r="GQ18" s="72">
        <v>19</v>
      </c>
      <c r="GR18" s="73">
        <v>22</v>
      </c>
      <c r="GS18" s="123">
        <v>21</v>
      </c>
      <c r="GT18" s="82">
        <v>26</v>
      </c>
      <c r="GU18" s="83">
        <v>47</v>
      </c>
      <c r="GV18" s="241"/>
      <c r="GW18" s="82">
        <v>32</v>
      </c>
      <c r="GX18" s="82">
        <v>36</v>
      </c>
      <c r="GY18" s="82">
        <v>27</v>
      </c>
      <c r="GZ18" s="82">
        <v>21</v>
      </c>
      <c r="HA18" s="82">
        <v>11</v>
      </c>
      <c r="HB18" s="84">
        <v>127</v>
      </c>
      <c r="HC18" s="85">
        <v>174</v>
      </c>
      <c r="HD18" s="70">
        <v>1</v>
      </c>
      <c r="HE18" s="71">
        <v>0</v>
      </c>
      <c r="HF18" s="72">
        <v>1</v>
      </c>
      <c r="HG18" s="241"/>
      <c r="HH18" s="71">
        <v>0</v>
      </c>
      <c r="HI18" s="71">
        <v>0</v>
      </c>
      <c r="HJ18" s="71">
        <v>1</v>
      </c>
      <c r="HK18" s="71">
        <v>0</v>
      </c>
      <c r="HL18" s="71">
        <v>0</v>
      </c>
      <c r="HM18" s="72">
        <v>1</v>
      </c>
      <c r="HN18" s="73">
        <v>2</v>
      </c>
      <c r="HO18" s="70">
        <v>2</v>
      </c>
      <c r="HP18" s="71">
        <v>2</v>
      </c>
      <c r="HQ18" s="72">
        <v>4</v>
      </c>
      <c r="HR18" s="241"/>
      <c r="HS18" s="71">
        <v>3</v>
      </c>
      <c r="HT18" s="71">
        <v>1</v>
      </c>
      <c r="HU18" s="71">
        <v>3</v>
      </c>
      <c r="HV18" s="71">
        <v>1</v>
      </c>
      <c r="HW18" s="71">
        <v>2</v>
      </c>
      <c r="HX18" s="72">
        <v>10</v>
      </c>
      <c r="HY18" s="73">
        <v>14</v>
      </c>
      <c r="HZ18" s="70">
        <v>3</v>
      </c>
      <c r="IA18" s="71">
        <v>2</v>
      </c>
      <c r="IB18" s="72">
        <v>5</v>
      </c>
      <c r="IC18" s="241"/>
      <c r="ID18" s="71">
        <v>6</v>
      </c>
      <c r="IE18" s="71">
        <v>4</v>
      </c>
      <c r="IF18" s="71">
        <v>1</v>
      </c>
      <c r="IG18" s="71">
        <v>0</v>
      </c>
      <c r="IH18" s="71">
        <v>3</v>
      </c>
      <c r="II18" s="72">
        <v>14</v>
      </c>
      <c r="IJ18" s="73">
        <v>19</v>
      </c>
      <c r="IK18" s="70">
        <v>5</v>
      </c>
      <c r="IL18" s="71">
        <v>3</v>
      </c>
      <c r="IM18" s="72">
        <v>8</v>
      </c>
      <c r="IN18" s="241"/>
      <c r="IO18" s="71">
        <v>7</v>
      </c>
      <c r="IP18" s="71">
        <v>6</v>
      </c>
      <c r="IQ18" s="71">
        <v>3</v>
      </c>
      <c r="IR18" s="71">
        <v>5</v>
      </c>
      <c r="IS18" s="71">
        <v>0</v>
      </c>
      <c r="IT18" s="72">
        <v>21</v>
      </c>
      <c r="IU18" s="73">
        <v>29</v>
      </c>
      <c r="IV18" s="70">
        <v>4</v>
      </c>
      <c r="IW18" s="71">
        <v>9</v>
      </c>
      <c r="IX18" s="72">
        <v>13</v>
      </c>
      <c r="IY18" s="241"/>
      <c r="IZ18" s="71">
        <v>5</v>
      </c>
      <c r="JA18" s="71">
        <v>6</v>
      </c>
      <c r="JB18" s="71">
        <v>4</v>
      </c>
      <c r="JC18" s="71">
        <v>5</v>
      </c>
      <c r="JD18" s="71">
        <v>3</v>
      </c>
      <c r="JE18" s="72">
        <v>23</v>
      </c>
      <c r="JF18" s="73">
        <v>36</v>
      </c>
      <c r="JG18" s="70">
        <v>6</v>
      </c>
      <c r="JH18" s="71">
        <v>10</v>
      </c>
      <c r="JI18" s="72">
        <v>16</v>
      </c>
      <c r="JJ18" s="244">
        <v>0</v>
      </c>
      <c r="JK18" s="71">
        <v>11</v>
      </c>
      <c r="JL18" s="71">
        <v>19</v>
      </c>
      <c r="JM18" s="71">
        <v>15</v>
      </c>
      <c r="JN18" s="71">
        <v>10</v>
      </c>
      <c r="JO18" s="71">
        <v>3</v>
      </c>
      <c r="JP18" s="72">
        <v>58</v>
      </c>
      <c r="JQ18" s="73">
        <v>74</v>
      </c>
      <c r="JR18" s="70">
        <v>0</v>
      </c>
      <c r="JS18" s="71">
        <v>0</v>
      </c>
      <c r="JT18" s="72">
        <v>0</v>
      </c>
      <c r="JU18" s="241"/>
      <c r="JV18" s="71">
        <v>0</v>
      </c>
      <c r="JW18" s="71">
        <v>0</v>
      </c>
      <c r="JX18" s="71">
        <v>0</v>
      </c>
      <c r="JY18" s="71">
        <v>0</v>
      </c>
      <c r="JZ18" s="71">
        <v>0</v>
      </c>
      <c r="KA18" s="72">
        <v>0</v>
      </c>
      <c r="KB18" s="73">
        <v>0</v>
      </c>
      <c r="KC18" s="70">
        <v>21</v>
      </c>
      <c r="KD18" s="71">
        <v>26</v>
      </c>
      <c r="KE18" s="72">
        <v>47</v>
      </c>
      <c r="KF18" s="241"/>
      <c r="KG18" s="71">
        <v>32</v>
      </c>
      <c r="KH18" s="71">
        <v>36</v>
      </c>
      <c r="KI18" s="71">
        <v>27</v>
      </c>
      <c r="KJ18" s="71">
        <v>21</v>
      </c>
      <c r="KK18" s="71">
        <v>11</v>
      </c>
      <c r="KL18" s="72">
        <v>127</v>
      </c>
      <c r="KM18" s="73">
        <v>174</v>
      </c>
    </row>
    <row r="19" spans="2:299" ht="19.5" customHeight="1" x14ac:dyDescent="0.2">
      <c r="B19" s="126" t="s">
        <v>16</v>
      </c>
      <c r="C19" s="316">
        <v>40</v>
      </c>
      <c r="D19" s="82">
        <v>38</v>
      </c>
      <c r="E19" s="83">
        <v>78</v>
      </c>
      <c r="F19" s="241"/>
      <c r="G19" s="82">
        <v>84</v>
      </c>
      <c r="H19" s="82">
        <v>102</v>
      </c>
      <c r="I19" s="82">
        <v>62</v>
      </c>
      <c r="J19" s="82">
        <v>46</v>
      </c>
      <c r="K19" s="82">
        <v>26</v>
      </c>
      <c r="L19" s="84">
        <v>320</v>
      </c>
      <c r="M19" s="85">
        <v>398</v>
      </c>
      <c r="N19" s="70">
        <v>0</v>
      </c>
      <c r="O19" s="71">
        <v>2</v>
      </c>
      <c r="P19" s="72">
        <v>2</v>
      </c>
      <c r="Q19" s="241"/>
      <c r="R19" s="71">
        <v>3</v>
      </c>
      <c r="S19" s="71">
        <v>2</v>
      </c>
      <c r="T19" s="71">
        <v>2</v>
      </c>
      <c r="U19" s="71">
        <v>3</v>
      </c>
      <c r="V19" s="71">
        <v>1</v>
      </c>
      <c r="W19" s="72">
        <v>11</v>
      </c>
      <c r="X19" s="73">
        <v>13</v>
      </c>
      <c r="Y19" s="70">
        <v>6</v>
      </c>
      <c r="Z19" s="71">
        <v>4</v>
      </c>
      <c r="AA19" s="72">
        <v>10</v>
      </c>
      <c r="AB19" s="241"/>
      <c r="AC19" s="71">
        <v>3</v>
      </c>
      <c r="AD19" s="71">
        <v>11</v>
      </c>
      <c r="AE19" s="71">
        <v>7</v>
      </c>
      <c r="AF19" s="71">
        <v>0</v>
      </c>
      <c r="AG19" s="71">
        <v>1</v>
      </c>
      <c r="AH19" s="72">
        <v>22</v>
      </c>
      <c r="AI19" s="73">
        <v>32</v>
      </c>
      <c r="AJ19" s="70">
        <v>7</v>
      </c>
      <c r="AK19" s="71">
        <v>3</v>
      </c>
      <c r="AL19" s="72">
        <v>10</v>
      </c>
      <c r="AM19" s="241"/>
      <c r="AN19" s="71">
        <v>10</v>
      </c>
      <c r="AO19" s="71">
        <v>6</v>
      </c>
      <c r="AP19" s="71">
        <v>6</v>
      </c>
      <c r="AQ19" s="71">
        <v>3</v>
      </c>
      <c r="AR19" s="71">
        <v>3</v>
      </c>
      <c r="AS19" s="72">
        <v>28</v>
      </c>
      <c r="AT19" s="73">
        <v>38</v>
      </c>
      <c r="AU19" s="70">
        <v>6</v>
      </c>
      <c r="AV19" s="71">
        <v>4</v>
      </c>
      <c r="AW19" s="72">
        <v>10</v>
      </c>
      <c r="AX19" s="241"/>
      <c r="AY19" s="71">
        <v>19</v>
      </c>
      <c r="AZ19" s="71">
        <v>27</v>
      </c>
      <c r="BA19" s="71">
        <v>9</v>
      </c>
      <c r="BB19" s="71">
        <v>8</v>
      </c>
      <c r="BC19" s="71">
        <v>7</v>
      </c>
      <c r="BD19" s="72">
        <v>70</v>
      </c>
      <c r="BE19" s="73">
        <v>80</v>
      </c>
      <c r="BF19" s="70">
        <v>13</v>
      </c>
      <c r="BG19" s="71">
        <v>12</v>
      </c>
      <c r="BH19" s="72">
        <v>25</v>
      </c>
      <c r="BI19" s="241"/>
      <c r="BJ19" s="71">
        <v>22</v>
      </c>
      <c r="BK19" s="71">
        <v>28</v>
      </c>
      <c r="BL19" s="71">
        <v>17</v>
      </c>
      <c r="BM19" s="71">
        <v>12</v>
      </c>
      <c r="BN19" s="71">
        <v>9</v>
      </c>
      <c r="BO19" s="72">
        <v>88</v>
      </c>
      <c r="BP19" s="73">
        <v>113</v>
      </c>
      <c r="BQ19" s="70">
        <v>8</v>
      </c>
      <c r="BR19" s="71">
        <v>13</v>
      </c>
      <c r="BS19" s="72">
        <v>21</v>
      </c>
      <c r="BT19" s="241"/>
      <c r="BU19" s="71">
        <v>27</v>
      </c>
      <c r="BV19" s="71">
        <v>28</v>
      </c>
      <c r="BW19" s="71">
        <v>21</v>
      </c>
      <c r="BX19" s="71">
        <v>20</v>
      </c>
      <c r="BY19" s="71">
        <v>5</v>
      </c>
      <c r="BZ19" s="72">
        <v>101</v>
      </c>
      <c r="CA19" s="73">
        <v>122</v>
      </c>
      <c r="CB19" s="70">
        <v>0</v>
      </c>
      <c r="CC19" s="71">
        <v>0</v>
      </c>
      <c r="CD19" s="72">
        <v>0</v>
      </c>
      <c r="CE19" s="241"/>
      <c r="CF19" s="71">
        <v>0</v>
      </c>
      <c r="CG19" s="71">
        <v>0</v>
      </c>
      <c r="CH19" s="71">
        <v>0</v>
      </c>
      <c r="CI19" s="71">
        <v>0</v>
      </c>
      <c r="CJ19" s="71">
        <v>0</v>
      </c>
      <c r="CK19" s="72">
        <v>0</v>
      </c>
      <c r="CL19" s="73">
        <v>0</v>
      </c>
      <c r="CM19" s="70">
        <v>40</v>
      </c>
      <c r="CN19" s="71">
        <v>38</v>
      </c>
      <c r="CO19" s="72">
        <v>78</v>
      </c>
      <c r="CP19" s="241"/>
      <c r="CQ19" s="71">
        <v>84</v>
      </c>
      <c r="CR19" s="71">
        <v>102</v>
      </c>
      <c r="CS19" s="71">
        <v>62</v>
      </c>
      <c r="CT19" s="71">
        <v>46</v>
      </c>
      <c r="CU19" s="71">
        <v>26</v>
      </c>
      <c r="CV19" s="72">
        <v>320</v>
      </c>
      <c r="CW19" s="73">
        <v>398</v>
      </c>
      <c r="CX19" s="123">
        <v>8</v>
      </c>
      <c r="CY19" s="82">
        <v>7</v>
      </c>
      <c r="CZ19" s="83">
        <v>15</v>
      </c>
      <c r="DA19" s="241"/>
      <c r="DB19" s="82">
        <v>15</v>
      </c>
      <c r="DC19" s="82">
        <v>15</v>
      </c>
      <c r="DD19" s="82">
        <v>8</v>
      </c>
      <c r="DE19" s="82">
        <v>6</v>
      </c>
      <c r="DF19" s="82">
        <v>12</v>
      </c>
      <c r="DG19" s="84">
        <v>56</v>
      </c>
      <c r="DH19" s="85">
        <v>71</v>
      </c>
      <c r="DI19" s="70">
        <v>0</v>
      </c>
      <c r="DJ19" s="71">
        <v>0</v>
      </c>
      <c r="DK19" s="72">
        <v>0</v>
      </c>
      <c r="DL19" s="241"/>
      <c r="DM19" s="71">
        <v>0</v>
      </c>
      <c r="DN19" s="71">
        <v>0</v>
      </c>
      <c r="DO19" s="71">
        <v>0</v>
      </c>
      <c r="DP19" s="71">
        <v>0</v>
      </c>
      <c r="DQ19" s="71">
        <v>0</v>
      </c>
      <c r="DR19" s="72">
        <v>0</v>
      </c>
      <c r="DS19" s="73">
        <v>0</v>
      </c>
      <c r="DT19" s="70">
        <v>1</v>
      </c>
      <c r="DU19" s="71">
        <v>1</v>
      </c>
      <c r="DV19" s="72">
        <v>2</v>
      </c>
      <c r="DW19" s="241"/>
      <c r="DX19" s="71">
        <v>3</v>
      </c>
      <c r="DY19" s="71">
        <v>0</v>
      </c>
      <c r="DZ19" s="71">
        <v>0</v>
      </c>
      <c r="EA19" s="71">
        <v>0</v>
      </c>
      <c r="EB19" s="71">
        <v>0</v>
      </c>
      <c r="EC19" s="72">
        <v>3</v>
      </c>
      <c r="ED19" s="73">
        <v>5</v>
      </c>
      <c r="EE19" s="70">
        <v>2</v>
      </c>
      <c r="EF19" s="71">
        <v>0</v>
      </c>
      <c r="EG19" s="72">
        <v>2</v>
      </c>
      <c r="EH19" s="241"/>
      <c r="EI19" s="71">
        <v>0</v>
      </c>
      <c r="EJ19" s="71">
        <v>1</v>
      </c>
      <c r="EK19" s="71">
        <v>0</v>
      </c>
      <c r="EL19" s="71">
        <v>0</v>
      </c>
      <c r="EM19" s="71">
        <v>0</v>
      </c>
      <c r="EN19" s="72">
        <v>1</v>
      </c>
      <c r="EO19" s="73">
        <v>3</v>
      </c>
      <c r="EP19" s="70">
        <v>2</v>
      </c>
      <c r="EQ19" s="71">
        <v>3</v>
      </c>
      <c r="ER19" s="72">
        <v>5</v>
      </c>
      <c r="ES19" s="241"/>
      <c r="ET19" s="71">
        <v>3</v>
      </c>
      <c r="EU19" s="71">
        <v>4</v>
      </c>
      <c r="EV19" s="71">
        <v>0</v>
      </c>
      <c r="EW19" s="71">
        <v>0</v>
      </c>
      <c r="EX19" s="71">
        <v>0</v>
      </c>
      <c r="EY19" s="72">
        <v>7</v>
      </c>
      <c r="EZ19" s="73">
        <v>12</v>
      </c>
      <c r="FA19" s="70">
        <v>3</v>
      </c>
      <c r="FB19" s="71">
        <v>1</v>
      </c>
      <c r="FC19" s="72">
        <v>4</v>
      </c>
      <c r="FD19" s="241"/>
      <c r="FE19" s="71">
        <v>1</v>
      </c>
      <c r="FF19" s="71">
        <v>3</v>
      </c>
      <c r="FG19" s="71">
        <v>3</v>
      </c>
      <c r="FH19" s="71">
        <v>1</v>
      </c>
      <c r="FI19" s="71">
        <v>3</v>
      </c>
      <c r="FJ19" s="72">
        <v>11</v>
      </c>
      <c r="FK19" s="73">
        <v>15</v>
      </c>
      <c r="FL19" s="70">
        <v>0</v>
      </c>
      <c r="FM19" s="71">
        <v>2</v>
      </c>
      <c r="FN19" s="72">
        <v>2</v>
      </c>
      <c r="FO19" s="241"/>
      <c r="FP19" s="71">
        <v>8</v>
      </c>
      <c r="FQ19" s="71">
        <v>7</v>
      </c>
      <c r="FR19" s="71">
        <v>5</v>
      </c>
      <c r="FS19" s="71">
        <v>5</v>
      </c>
      <c r="FT19" s="71">
        <v>9</v>
      </c>
      <c r="FU19" s="72">
        <v>34</v>
      </c>
      <c r="FV19" s="73">
        <v>36</v>
      </c>
      <c r="FW19" s="70">
        <v>0</v>
      </c>
      <c r="FX19" s="71">
        <v>0</v>
      </c>
      <c r="FY19" s="72">
        <v>0</v>
      </c>
      <c r="FZ19" s="241"/>
      <c r="GA19" s="71">
        <v>0</v>
      </c>
      <c r="GB19" s="71">
        <v>0</v>
      </c>
      <c r="GC19" s="71">
        <v>0</v>
      </c>
      <c r="GD19" s="71">
        <v>0</v>
      </c>
      <c r="GE19" s="71">
        <v>0</v>
      </c>
      <c r="GF19" s="72">
        <v>0</v>
      </c>
      <c r="GG19" s="73">
        <v>0</v>
      </c>
      <c r="GH19" s="70">
        <v>8</v>
      </c>
      <c r="GI19" s="71">
        <v>7</v>
      </c>
      <c r="GJ19" s="72">
        <v>15</v>
      </c>
      <c r="GK19" s="241"/>
      <c r="GL19" s="71">
        <v>15</v>
      </c>
      <c r="GM19" s="71">
        <v>15</v>
      </c>
      <c r="GN19" s="71">
        <v>8</v>
      </c>
      <c r="GO19" s="71">
        <v>6</v>
      </c>
      <c r="GP19" s="71">
        <v>12</v>
      </c>
      <c r="GQ19" s="72">
        <v>56</v>
      </c>
      <c r="GR19" s="73">
        <v>71</v>
      </c>
      <c r="GS19" s="123">
        <v>48</v>
      </c>
      <c r="GT19" s="82">
        <v>45</v>
      </c>
      <c r="GU19" s="83">
        <v>93</v>
      </c>
      <c r="GV19" s="241"/>
      <c r="GW19" s="82">
        <v>99</v>
      </c>
      <c r="GX19" s="82">
        <v>117</v>
      </c>
      <c r="GY19" s="82">
        <v>70</v>
      </c>
      <c r="GZ19" s="82">
        <v>52</v>
      </c>
      <c r="HA19" s="82">
        <v>38</v>
      </c>
      <c r="HB19" s="84">
        <v>376</v>
      </c>
      <c r="HC19" s="85">
        <v>469</v>
      </c>
      <c r="HD19" s="70">
        <v>0</v>
      </c>
      <c r="HE19" s="71">
        <v>2</v>
      </c>
      <c r="HF19" s="72">
        <v>2</v>
      </c>
      <c r="HG19" s="241"/>
      <c r="HH19" s="71">
        <v>3</v>
      </c>
      <c r="HI19" s="71">
        <v>2</v>
      </c>
      <c r="HJ19" s="71">
        <v>2</v>
      </c>
      <c r="HK19" s="71">
        <v>3</v>
      </c>
      <c r="HL19" s="71">
        <v>1</v>
      </c>
      <c r="HM19" s="72">
        <v>11</v>
      </c>
      <c r="HN19" s="73">
        <v>13</v>
      </c>
      <c r="HO19" s="70">
        <v>7</v>
      </c>
      <c r="HP19" s="71">
        <v>5</v>
      </c>
      <c r="HQ19" s="72">
        <v>12</v>
      </c>
      <c r="HR19" s="241"/>
      <c r="HS19" s="71">
        <v>6</v>
      </c>
      <c r="HT19" s="71">
        <v>11</v>
      </c>
      <c r="HU19" s="71">
        <v>7</v>
      </c>
      <c r="HV19" s="71">
        <v>0</v>
      </c>
      <c r="HW19" s="71">
        <v>1</v>
      </c>
      <c r="HX19" s="72">
        <v>25</v>
      </c>
      <c r="HY19" s="73">
        <v>37</v>
      </c>
      <c r="HZ19" s="70">
        <v>9</v>
      </c>
      <c r="IA19" s="71">
        <v>3</v>
      </c>
      <c r="IB19" s="72">
        <v>12</v>
      </c>
      <c r="IC19" s="241"/>
      <c r="ID19" s="71">
        <v>10</v>
      </c>
      <c r="IE19" s="71">
        <v>7</v>
      </c>
      <c r="IF19" s="71">
        <v>6</v>
      </c>
      <c r="IG19" s="71">
        <v>3</v>
      </c>
      <c r="IH19" s="71">
        <v>3</v>
      </c>
      <c r="II19" s="72">
        <v>29</v>
      </c>
      <c r="IJ19" s="73">
        <v>41</v>
      </c>
      <c r="IK19" s="70">
        <v>8</v>
      </c>
      <c r="IL19" s="71">
        <v>7</v>
      </c>
      <c r="IM19" s="72">
        <v>15</v>
      </c>
      <c r="IN19" s="241"/>
      <c r="IO19" s="71">
        <v>22</v>
      </c>
      <c r="IP19" s="71">
        <v>31</v>
      </c>
      <c r="IQ19" s="71">
        <v>9</v>
      </c>
      <c r="IR19" s="71">
        <v>8</v>
      </c>
      <c r="IS19" s="71">
        <v>7</v>
      </c>
      <c r="IT19" s="72">
        <v>77</v>
      </c>
      <c r="IU19" s="73">
        <v>92</v>
      </c>
      <c r="IV19" s="70">
        <v>16</v>
      </c>
      <c r="IW19" s="71">
        <v>13</v>
      </c>
      <c r="IX19" s="72">
        <v>29</v>
      </c>
      <c r="IY19" s="241"/>
      <c r="IZ19" s="71">
        <v>23</v>
      </c>
      <c r="JA19" s="71">
        <v>31</v>
      </c>
      <c r="JB19" s="71">
        <v>20</v>
      </c>
      <c r="JC19" s="71">
        <v>13</v>
      </c>
      <c r="JD19" s="71">
        <v>12</v>
      </c>
      <c r="JE19" s="72">
        <v>99</v>
      </c>
      <c r="JF19" s="73">
        <v>128</v>
      </c>
      <c r="JG19" s="70">
        <v>8</v>
      </c>
      <c r="JH19" s="71">
        <v>15</v>
      </c>
      <c r="JI19" s="72">
        <v>23</v>
      </c>
      <c r="JJ19" s="244">
        <v>0</v>
      </c>
      <c r="JK19" s="71">
        <v>35</v>
      </c>
      <c r="JL19" s="71">
        <v>35</v>
      </c>
      <c r="JM19" s="71">
        <v>26</v>
      </c>
      <c r="JN19" s="71">
        <v>25</v>
      </c>
      <c r="JO19" s="71">
        <v>14</v>
      </c>
      <c r="JP19" s="72">
        <v>135</v>
      </c>
      <c r="JQ19" s="73">
        <v>158</v>
      </c>
      <c r="JR19" s="70">
        <v>0</v>
      </c>
      <c r="JS19" s="71">
        <v>0</v>
      </c>
      <c r="JT19" s="72">
        <v>0</v>
      </c>
      <c r="JU19" s="241"/>
      <c r="JV19" s="71">
        <v>0</v>
      </c>
      <c r="JW19" s="71">
        <v>0</v>
      </c>
      <c r="JX19" s="71">
        <v>0</v>
      </c>
      <c r="JY19" s="71">
        <v>0</v>
      </c>
      <c r="JZ19" s="71">
        <v>0</v>
      </c>
      <c r="KA19" s="72">
        <v>0</v>
      </c>
      <c r="KB19" s="73">
        <v>0</v>
      </c>
      <c r="KC19" s="70">
        <v>48</v>
      </c>
      <c r="KD19" s="71">
        <v>45</v>
      </c>
      <c r="KE19" s="72">
        <v>93</v>
      </c>
      <c r="KF19" s="241"/>
      <c r="KG19" s="71">
        <v>99</v>
      </c>
      <c r="KH19" s="71">
        <v>117</v>
      </c>
      <c r="KI19" s="71">
        <v>70</v>
      </c>
      <c r="KJ19" s="71">
        <v>52</v>
      </c>
      <c r="KK19" s="71">
        <v>38</v>
      </c>
      <c r="KL19" s="72">
        <v>376</v>
      </c>
      <c r="KM19" s="73">
        <v>469</v>
      </c>
    </row>
    <row r="20" spans="2:299" ht="19.5" customHeight="1" x14ac:dyDescent="0.2">
      <c r="B20" s="126" t="s">
        <v>17</v>
      </c>
      <c r="C20" s="316">
        <v>59</v>
      </c>
      <c r="D20" s="82">
        <v>49</v>
      </c>
      <c r="E20" s="83">
        <v>108</v>
      </c>
      <c r="F20" s="241"/>
      <c r="G20" s="82">
        <v>105</v>
      </c>
      <c r="H20" s="82">
        <v>103</v>
      </c>
      <c r="I20" s="82">
        <v>68</v>
      </c>
      <c r="J20" s="82">
        <v>48</v>
      </c>
      <c r="K20" s="82">
        <v>38</v>
      </c>
      <c r="L20" s="84">
        <v>362</v>
      </c>
      <c r="M20" s="85">
        <v>470</v>
      </c>
      <c r="N20" s="70">
        <v>0</v>
      </c>
      <c r="O20" s="71">
        <v>0</v>
      </c>
      <c r="P20" s="72">
        <v>0</v>
      </c>
      <c r="Q20" s="241"/>
      <c r="R20" s="71">
        <v>0</v>
      </c>
      <c r="S20" s="71">
        <v>4</v>
      </c>
      <c r="T20" s="71">
        <v>4</v>
      </c>
      <c r="U20" s="71">
        <v>0</v>
      </c>
      <c r="V20" s="71">
        <v>3</v>
      </c>
      <c r="W20" s="72">
        <v>11</v>
      </c>
      <c r="X20" s="73">
        <v>11</v>
      </c>
      <c r="Y20" s="70">
        <v>2</v>
      </c>
      <c r="Z20" s="71">
        <v>3</v>
      </c>
      <c r="AA20" s="72">
        <v>5</v>
      </c>
      <c r="AB20" s="241"/>
      <c r="AC20" s="71">
        <v>2</v>
      </c>
      <c r="AD20" s="71">
        <v>10</v>
      </c>
      <c r="AE20" s="71">
        <v>3</v>
      </c>
      <c r="AF20" s="71">
        <v>2</v>
      </c>
      <c r="AG20" s="71">
        <v>1</v>
      </c>
      <c r="AH20" s="72">
        <v>18</v>
      </c>
      <c r="AI20" s="73">
        <v>23</v>
      </c>
      <c r="AJ20" s="70">
        <v>10</v>
      </c>
      <c r="AK20" s="71">
        <v>3</v>
      </c>
      <c r="AL20" s="72">
        <v>13</v>
      </c>
      <c r="AM20" s="241"/>
      <c r="AN20" s="71">
        <v>10</v>
      </c>
      <c r="AO20" s="71">
        <v>9</v>
      </c>
      <c r="AP20" s="71">
        <v>4</v>
      </c>
      <c r="AQ20" s="71">
        <v>6</v>
      </c>
      <c r="AR20" s="71">
        <v>3</v>
      </c>
      <c r="AS20" s="72">
        <v>32</v>
      </c>
      <c r="AT20" s="73">
        <v>45</v>
      </c>
      <c r="AU20" s="70">
        <v>12</v>
      </c>
      <c r="AV20" s="71">
        <v>12</v>
      </c>
      <c r="AW20" s="72">
        <v>24</v>
      </c>
      <c r="AX20" s="241"/>
      <c r="AY20" s="71">
        <v>32</v>
      </c>
      <c r="AZ20" s="71">
        <v>19</v>
      </c>
      <c r="BA20" s="71">
        <v>12</v>
      </c>
      <c r="BB20" s="71">
        <v>10</v>
      </c>
      <c r="BC20" s="71">
        <v>10</v>
      </c>
      <c r="BD20" s="72">
        <v>83</v>
      </c>
      <c r="BE20" s="73">
        <v>107</v>
      </c>
      <c r="BF20" s="70">
        <v>21</v>
      </c>
      <c r="BG20" s="71">
        <v>13</v>
      </c>
      <c r="BH20" s="72">
        <v>34</v>
      </c>
      <c r="BI20" s="241"/>
      <c r="BJ20" s="71">
        <v>31</v>
      </c>
      <c r="BK20" s="71">
        <v>37</v>
      </c>
      <c r="BL20" s="71">
        <v>24</v>
      </c>
      <c r="BM20" s="71">
        <v>17</v>
      </c>
      <c r="BN20" s="71">
        <v>14</v>
      </c>
      <c r="BO20" s="72">
        <v>123</v>
      </c>
      <c r="BP20" s="73">
        <v>157</v>
      </c>
      <c r="BQ20" s="70">
        <v>14</v>
      </c>
      <c r="BR20" s="71">
        <v>18</v>
      </c>
      <c r="BS20" s="72">
        <v>32</v>
      </c>
      <c r="BT20" s="241"/>
      <c r="BU20" s="71">
        <v>30</v>
      </c>
      <c r="BV20" s="71">
        <v>24</v>
      </c>
      <c r="BW20" s="71">
        <v>21</v>
      </c>
      <c r="BX20" s="71">
        <v>13</v>
      </c>
      <c r="BY20" s="71">
        <v>7</v>
      </c>
      <c r="BZ20" s="72">
        <v>95</v>
      </c>
      <c r="CA20" s="73">
        <v>127</v>
      </c>
      <c r="CB20" s="70">
        <v>0</v>
      </c>
      <c r="CC20" s="71">
        <v>0</v>
      </c>
      <c r="CD20" s="72">
        <v>0</v>
      </c>
      <c r="CE20" s="241"/>
      <c r="CF20" s="71">
        <v>0</v>
      </c>
      <c r="CG20" s="71">
        <v>0</v>
      </c>
      <c r="CH20" s="71">
        <v>0</v>
      </c>
      <c r="CI20" s="71">
        <v>0</v>
      </c>
      <c r="CJ20" s="71">
        <v>0</v>
      </c>
      <c r="CK20" s="72">
        <v>0</v>
      </c>
      <c r="CL20" s="73">
        <v>0</v>
      </c>
      <c r="CM20" s="70">
        <v>59</v>
      </c>
      <c r="CN20" s="71">
        <v>49</v>
      </c>
      <c r="CO20" s="72">
        <v>108</v>
      </c>
      <c r="CP20" s="241"/>
      <c r="CQ20" s="71">
        <v>105</v>
      </c>
      <c r="CR20" s="71">
        <v>103</v>
      </c>
      <c r="CS20" s="71">
        <v>68</v>
      </c>
      <c r="CT20" s="71">
        <v>48</v>
      </c>
      <c r="CU20" s="71">
        <v>38</v>
      </c>
      <c r="CV20" s="72">
        <v>362</v>
      </c>
      <c r="CW20" s="73">
        <v>470</v>
      </c>
      <c r="CX20" s="123">
        <v>8</v>
      </c>
      <c r="CY20" s="82">
        <v>13</v>
      </c>
      <c r="CZ20" s="83">
        <v>21</v>
      </c>
      <c r="DA20" s="241"/>
      <c r="DB20" s="82">
        <v>9</v>
      </c>
      <c r="DC20" s="82">
        <v>16</v>
      </c>
      <c r="DD20" s="82">
        <v>14</v>
      </c>
      <c r="DE20" s="82">
        <v>10</v>
      </c>
      <c r="DF20" s="82">
        <v>6</v>
      </c>
      <c r="DG20" s="84">
        <v>55</v>
      </c>
      <c r="DH20" s="85">
        <v>76</v>
      </c>
      <c r="DI20" s="70">
        <v>1</v>
      </c>
      <c r="DJ20" s="71">
        <v>0</v>
      </c>
      <c r="DK20" s="72">
        <v>1</v>
      </c>
      <c r="DL20" s="241"/>
      <c r="DM20" s="71">
        <v>0</v>
      </c>
      <c r="DN20" s="71">
        <v>0</v>
      </c>
      <c r="DO20" s="71">
        <v>1</v>
      </c>
      <c r="DP20" s="71">
        <v>0</v>
      </c>
      <c r="DQ20" s="71">
        <v>0</v>
      </c>
      <c r="DR20" s="72">
        <v>1</v>
      </c>
      <c r="DS20" s="73">
        <v>2</v>
      </c>
      <c r="DT20" s="70">
        <v>1</v>
      </c>
      <c r="DU20" s="71">
        <v>3</v>
      </c>
      <c r="DV20" s="72">
        <v>4</v>
      </c>
      <c r="DW20" s="241"/>
      <c r="DX20" s="71">
        <v>0</v>
      </c>
      <c r="DY20" s="71">
        <v>2</v>
      </c>
      <c r="DZ20" s="71">
        <v>0</v>
      </c>
      <c r="EA20" s="71">
        <v>1</v>
      </c>
      <c r="EB20" s="71">
        <v>1</v>
      </c>
      <c r="EC20" s="72">
        <v>4</v>
      </c>
      <c r="ED20" s="73">
        <v>8</v>
      </c>
      <c r="EE20" s="70">
        <v>0</v>
      </c>
      <c r="EF20" s="71">
        <v>0</v>
      </c>
      <c r="EG20" s="72">
        <v>0</v>
      </c>
      <c r="EH20" s="241"/>
      <c r="EI20" s="71">
        <v>1</v>
      </c>
      <c r="EJ20" s="71">
        <v>1</v>
      </c>
      <c r="EK20" s="71">
        <v>0</v>
      </c>
      <c r="EL20" s="71">
        <v>0</v>
      </c>
      <c r="EM20" s="71">
        <v>0</v>
      </c>
      <c r="EN20" s="72">
        <v>2</v>
      </c>
      <c r="EO20" s="73">
        <v>2</v>
      </c>
      <c r="EP20" s="70">
        <v>4</v>
      </c>
      <c r="EQ20" s="71">
        <v>4</v>
      </c>
      <c r="ER20" s="72">
        <v>8</v>
      </c>
      <c r="ES20" s="241"/>
      <c r="ET20" s="71">
        <v>3</v>
      </c>
      <c r="EU20" s="71">
        <v>2</v>
      </c>
      <c r="EV20" s="71">
        <v>3</v>
      </c>
      <c r="EW20" s="71">
        <v>1</v>
      </c>
      <c r="EX20" s="71">
        <v>3</v>
      </c>
      <c r="EY20" s="72">
        <v>12</v>
      </c>
      <c r="EZ20" s="73">
        <v>20</v>
      </c>
      <c r="FA20" s="70">
        <v>2</v>
      </c>
      <c r="FB20" s="71">
        <v>3</v>
      </c>
      <c r="FC20" s="72">
        <v>5</v>
      </c>
      <c r="FD20" s="241"/>
      <c r="FE20" s="71">
        <v>2</v>
      </c>
      <c r="FF20" s="71">
        <v>5</v>
      </c>
      <c r="FG20" s="71">
        <v>3</v>
      </c>
      <c r="FH20" s="71">
        <v>2</v>
      </c>
      <c r="FI20" s="71">
        <v>0</v>
      </c>
      <c r="FJ20" s="72">
        <v>12</v>
      </c>
      <c r="FK20" s="73">
        <v>17</v>
      </c>
      <c r="FL20" s="70">
        <v>0</v>
      </c>
      <c r="FM20" s="71">
        <v>3</v>
      </c>
      <c r="FN20" s="72">
        <v>3</v>
      </c>
      <c r="FO20" s="241"/>
      <c r="FP20" s="71">
        <v>3</v>
      </c>
      <c r="FQ20" s="71">
        <v>6</v>
      </c>
      <c r="FR20" s="71">
        <v>7</v>
      </c>
      <c r="FS20" s="71">
        <v>6</v>
      </c>
      <c r="FT20" s="71">
        <v>2</v>
      </c>
      <c r="FU20" s="72">
        <v>24</v>
      </c>
      <c r="FV20" s="73">
        <v>27</v>
      </c>
      <c r="FW20" s="70">
        <v>0</v>
      </c>
      <c r="FX20" s="71">
        <v>0</v>
      </c>
      <c r="FY20" s="72">
        <v>0</v>
      </c>
      <c r="FZ20" s="241"/>
      <c r="GA20" s="71">
        <v>0</v>
      </c>
      <c r="GB20" s="71">
        <v>0</v>
      </c>
      <c r="GC20" s="71">
        <v>0</v>
      </c>
      <c r="GD20" s="71">
        <v>0</v>
      </c>
      <c r="GE20" s="71">
        <v>0</v>
      </c>
      <c r="GF20" s="72">
        <v>0</v>
      </c>
      <c r="GG20" s="73">
        <v>0</v>
      </c>
      <c r="GH20" s="70">
        <v>8</v>
      </c>
      <c r="GI20" s="71">
        <v>13</v>
      </c>
      <c r="GJ20" s="72">
        <v>21</v>
      </c>
      <c r="GK20" s="241"/>
      <c r="GL20" s="71">
        <v>9</v>
      </c>
      <c r="GM20" s="71">
        <v>16</v>
      </c>
      <c r="GN20" s="71">
        <v>14</v>
      </c>
      <c r="GO20" s="71">
        <v>10</v>
      </c>
      <c r="GP20" s="71">
        <v>6</v>
      </c>
      <c r="GQ20" s="72">
        <v>55</v>
      </c>
      <c r="GR20" s="73">
        <v>76</v>
      </c>
      <c r="GS20" s="123">
        <v>67</v>
      </c>
      <c r="GT20" s="82">
        <v>62</v>
      </c>
      <c r="GU20" s="83">
        <v>129</v>
      </c>
      <c r="GV20" s="241"/>
      <c r="GW20" s="82">
        <v>114</v>
      </c>
      <c r="GX20" s="82">
        <v>119</v>
      </c>
      <c r="GY20" s="82">
        <v>82</v>
      </c>
      <c r="GZ20" s="82">
        <v>58</v>
      </c>
      <c r="HA20" s="82">
        <v>44</v>
      </c>
      <c r="HB20" s="84">
        <v>417</v>
      </c>
      <c r="HC20" s="85">
        <v>546</v>
      </c>
      <c r="HD20" s="70">
        <v>1</v>
      </c>
      <c r="HE20" s="71">
        <v>0</v>
      </c>
      <c r="HF20" s="72">
        <v>1</v>
      </c>
      <c r="HG20" s="241"/>
      <c r="HH20" s="71">
        <v>0</v>
      </c>
      <c r="HI20" s="71">
        <v>4</v>
      </c>
      <c r="HJ20" s="71">
        <v>5</v>
      </c>
      <c r="HK20" s="71">
        <v>0</v>
      </c>
      <c r="HL20" s="71">
        <v>3</v>
      </c>
      <c r="HM20" s="72">
        <v>12</v>
      </c>
      <c r="HN20" s="73">
        <v>13</v>
      </c>
      <c r="HO20" s="70">
        <v>3</v>
      </c>
      <c r="HP20" s="71">
        <v>6</v>
      </c>
      <c r="HQ20" s="72">
        <v>9</v>
      </c>
      <c r="HR20" s="241"/>
      <c r="HS20" s="71">
        <v>2</v>
      </c>
      <c r="HT20" s="71">
        <v>12</v>
      </c>
      <c r="HU20" s="71">
        <v>3</v>
      </c>
      <c r="HV20" s="71">
        <v>3</v>
      </c>
      <c r="HW20" s="71">
        <v>2</v>
      </c>
      <c r="HX20" s="72">
        <v>22</v>
      </c>
      <c r="HY20" s="73">
        <v>31</v>
      </c>
      <c r="HZ20" s="70">
        <v>10</v>
      </c>
      <c r="IA20" s="71">
        <v>3</v>
      </c>
      <c r="IB20" s="72">
        <v>13</v>
      </c>
      <c r="IC20" s="241"/>
      <c r="ID20" s="71">
        <v>11</v>
      </c>
      <c r="IE20" s="71">
        <v>10</v>
      </c>
      <c r="IF20" s="71">
        <v>4</v>
      </c>
      <c r="IG20" s="71">
        <v>6</v>
      </c>
      <c r="IH20" s="71">
        <v>3</v>
      </c>
      <c r="II20" s="72">
        <v>34</v>
      </c>
      <c r="IJ20" s="73">
        <v>47</v>
      </c>
      <c r="IK20" s="70">
        <v>16</v>
      </c>
      <c r="IL20" s="71">
        <v>16</v>
      </c>
      <c r="IM20" s="72">
        <v>32</v>
      </c>
      <c r="IN20" s="241"/>
      <c r="IO20" s="71">
        <v>35</v>
      </c>
      <c r="IP20" s="71">
        <v>21</v>
      </c>
      <c r="IQ20" s="71">
        <v>15</v>
      </c>
      <c r="IR20" s="71">
        <v>11</v>
      </c>
      <c r="IS20" s="71">
        <v>13</v>
      </c>
      <c r="IT20" s="72">
        <v>95</v>
      </c>
      <c r="IU20" s="73">
        <v>127</v>
      </c>
      <c r="IV20" s="70">
        <v>23</v>
      </c>
      <c r="IW20" s="71">
        <v>16</v>
      </c>
      <c r="IX20" s="72">
        <v>39</v>
      </c>
      <c r="IY20" s="241"/>
      <c r="IZ20" s="71">
        <v>33</v>
      </c>
      <c r="JA20" s="71">
        <v>42</v>
      </c>
      <c r="JB20" s="71">
        <v>27</v>
      </c>
      <c r="JC20" s="71">
        <v>19</v>
      </c>
      <c r="JD20" s="71">
        <v>14</v>
      </c>
      <c r="JE20" s="72">
        <v>135</v>
      </c>
      <c r="JF20" s="73">
        <v>174</v>
      </c>
      <c r="JG20" s="70">
        <v>14</v>
      </c>
      <c r="JH20" s="71">
        <v>21</v>
      </c>
      <c r="JI20" s="72">
        <v>35</v>
      </c>
      <c r="JJ20" s="244">
        <v>0</v>
      </c>
      <c r="JK20" s="71">
        <v>33</v>
      </c>
      <c r="JL20" s="71">
        <v>30</v>
      </c>
      <c r="JM20" s="71">
        <v>28</v>
      </c>
      <c r="JN20" s="71">
        <v>19</v>
      </c>
      <c r="JO20" s="71">
        <v>9</v>
      </c>
      <c r="JP20" s="72">
        <v>119</v>
      </c>
      <c r="JQ20" s="73">
        <v>154</v>
      </c>
      <c r="JR20" s="70">
        <v>0</v>
      </c>
      <c r="JS20" s="71">
        <v>0</v>
      </c>
      <c r="JT20" s="72">
        <v>0</v>
      </c>
      <c r="JU20" s="241"/>
      <c r="JV20" s="71">
        <v>0</v>
      </c>
      <c r="JW20" s="71">
        <v>0</v>
      </c>
      <c r="JX20" s="71">
        <v>0</v>
      </c>
      <c r="JY20" s="71">
        <v>0</v>
      </c>
      <c r="JZ20" s="71">
        <v>0</v>
      </c>
      <c r="KA20" s="72">
        <v>0</v>
      </c>
      <c r="KB20" s="73">
        <v>0</v>
      </c>
      <c r="KC20" s="70">
        <v>67</v>
      </c>
      <c r="KD20" s="71">
        <v>62</v>
      </c>
      <c r="KE20" s="72">
        <v>129</v>
      </c>
      <c r="KF20" s="241"/>
      <c r="KG20" s="71">
        <v>114</v>
      </c>
      <c r="KH20" s="71">
        <v>119</v>
      </c>
      <c r="KI20" s="71">
        <v>82</v>
      </c>
      <c r="KJ20" s="71">
        <v>58</v>
      </c>
      <c r="KK20" s="71">
        <v>44</v>
      </c>
      <c r="KL20" s="72">
        <v>417</v>
      </c>
      <c r="KM20" s="73">
        <v>546</v>
      </c>
    </row>
    <row r="21" spans="2:299" ht="19.5" customHeight="1" x14ac:dyDescent="0.2">
      <c r="B21" s="126" t="s">
        <v>18</v>
      </c>
      <c r="C21" s="316">
        <v>81</v>
      </c>
      <c r="D21" s="82">
        <v>88</v>
      </c>
      <c r="E21" s="83">
        <v>169</v>
      </c>
      <c r="F21" s="241"/>
      <c r="G21" s="82">
        <v>152</v>
      </c>
      <c r="H21" s="82">
        <v>129</v>
      </c>
      <c r="I21" s="82">
        <v>80</v>
      </c>
      <c r="J21" s="82">
        <v>70</v>
      </c>
      <c r="K21" s="82">
        <v>32</v>
      </c>
      <c r="L21" s="84">
        <v>463</v>
      </c>
      <c r="M21" s="85">
        <v>632</v>
      </c>
      <c r="N21" s="70">
        <v>0</v>
      </c>
      <c r="O21" s="71">
        <v>3</v>
      </c>
      <c r="P21" s="72">
        <v>3</v>
      </c>
      <c r="Q21" s="241"/>
      <c r="R21" s="71">
        <v>3</v>
      </c>
      <c r="S21" s="71">
        <v>4</v>
      </c>
      <c r="T21" s="71">
        <v>0</v>
      </c>
      <c r="U21" s="71">
        <v>3</v>
      </c>
      <c r="V21" s="71">
        <v>0</v>
      </c>
      <c r="W21" s="72">
        <v>10</v>
      </c>
      <c r="X21" s="73">
        <v>13</v>
      </c>
      <c r="Y21" s="70">
        <v>2</v>
      </c>
      <c r="Z21" s="71">
        <v>6</v>
      </c>
      <c r="AA21" s="72">
        <v>8</v>
      </c>
      <c r="AB21" s="241"/>
      <c r="AC21" s="71">
        <v>7</v>
      </c>
      <c r="AD21" s="71">
        <v>3</v>
      </c>
      <c r="AE21" s="71">
        <v>7</v>
      </c>
      <c r="AF21" s="71">
        <v>4</v>
      </c>
      <c r="AG21" s="71">
        <v>1</v>
      </c>
      <c r="AH21" s="72">
        <v>22</v>
      </c>
      <c r="AI21" s="73">
        <v>30</v>
      </c>
      <c r="AJ21" s="70">
        <v>7</v>
      </c>
      <c r="AK21" s="71">
        <v>8</v>
      </c>
      <c r="AL21" s="72">
        <v>15</v>
      </c>
      <c r="AM21" s="241"/>
      <c r="AN21" s="71">
        <v>16</v>
      </c>
      <c r="AO21" s="71">
        <v>11</v>
      </c>
      <c r="AP21" s="71">
        <v>8</v>
      </c>
      <c r="AQ21" s="71">
        <v>4</v>
      </c>
      <c r="AR21" s="71">
        <v>4</v>
      </c>
      <c r="AS21" s="72">
        <v>43</v>
      </c>
      <c r="AT21" s="73">
        <v>58</v>
      </c>
      <c r="AU21" s="70">
        <v>22</v>
      </c>
      <c r="AV21" s="71">
        <v>15</v>
      </c>
      <c r="AW21" s="72">
        <v>37</v>
      </c>
      <c r="AX21" s="241"/>
      <c r="AY21" s="71">
        <v>27</v>
      </c>
      <c r="AZ21" s="71">
        <v>22</v>
      </c>
      <c r="BA21" s="71">
        <v>17</v>
      </c>
      <c r="BB21" s="71">
        <v>10</v>
      </c>
      <c r="BC21" s="71">
        <v>12</v>
      </c>
      <c r="BD21" s="72">
        <v>88</v>
      </c>
      <c r="BE21" s="73">
        <v>125</v>
      </c>
      <c r="BF21" s="70">
        <v>22</v>
      </c>
      <c r="BG21" s="71">
        <v>32</v>
      </c>
      <c r="BH21" s="72">
        <v>54</v>
      </c>
      <c r="BI21" s="241"/>
      <c r="BJ21" s="71">
        <v>52</v>
      </c>
      <c r="BK21" s="71">
        <v>47</v>
      </c>
      <c r="BL21" s="71">
        <v>27</v>
      </c>
      <c r="BM21" s="71">
        <v>27</v>
      </c>
      <c r="BN21" s="71">
        <v>7</v>
      </c>
      <c r="BO21" s="72">
        <v>160</v>
      </c>
      <c r="BP21" s="73">
        <v>214</v>
      </c>
      <c r="BQ21" s="70">
        <v>28</v>
      </c>
      <c r="BR21" s="71">
        <v>24</v>
      </c>
      <c r="BS21" s="72">
        <v>52</v>
      </c>
      <c r="BT21" s="241"/>
      <c r="BU21" s="71">
        <v>47</v>
      </c>
      <c r="BV21" s="71">
        <v>42</v>
      </c>
      <c r="BW21" s="71">
        <v>21</v>
      </c>
      <c r="BX21" s="71">
        <v>22</v>
      </c>
      <c r="BY21" s="71">
        <v>8</v>
      </c>
      <c r="BZ21" s="72">
        <v>140</v>
      </c>
      <c r="CA21" s="73">
        <v>192</v>
      </c>
      <c r="CB21" s="70">
        <v>0</v>
      </c>
      <c r="CC21" s="71">
        <v>0</v>
      </c>
      <c r="CD21" s="72">
        <v>0</v>
      </c>
      <c r="CE21" s="241"/>
      <c r="CF21" s="71">
        <v>0</v>
      </c>
      <c r="CG21" s="71">
        <v>0</v>
      </c>
      <c r="CH21" s="71">
        <v>0</v>
      </c>
      <c r="CI21" s="71">
        <v>0</v>
      </c>
      <c r="CJ21" s="71">
        <v>0</v>
      </c>
      <c r="CK21" s="72">
        <v>0</v>
      </c>
      <c r="CL21" s="73">
        <v>0</v>
      </c>
      <c r="CM21" s="70">
        <v>81</v>
      </c>
      <c r="CN21" s="71">
        <v>88</v>
      </c>
      <c r="CO21" s="72">
        <v>169</v>
      </c>
      <c r="CP21" s="241"/>
      <c r="CQ21" s="71">
        <v>152</v>
      </c>
      <c r="CR21" s="71">
        <v>129</v>
      </c>
      <c r="CS21" s="71">
        <v>80</v>
      </c>
      <c r="CT21" s="71">
        <v>70</v>
      </c>
      <c r="CU21" s="71">
        <v>32</v>
      </c>
      <c r="CV21" s="72">
        <v>463</v>
      </c>
      <c r="CW21" s="73">
        <v>632</v>
      </c>
      <c r="CX21" s="123">
        <v>10</v>
      </c>
      <c r="CY21" s="82">
        <v>14</v>
      </c>
      <c r="CZ21" s="83">
        <v>24</v>
      </c>
      <c r="DA21" s="241"/>
      <c r="DB21" s="82">
        <v>15</v>
      </c>
      <c r="DC21" s="82">
        <v>17</v>
      </c>
      <c r="DD21" s="82">
        <v>14</v>
      </c>
      <c r="DE21" s="82">
        <v>6</v>
      </c>
      <c r="DF21" s="82">
        <v>7</v>
      </c>
      <c r="DG21" s="84">
        <v>59</v>
      </c>
      <c r="DH21" s="85">
        <v>83</v>
      </c>
      <c r="DI21" s="70">
        <v>0</v>
      </c>
      <c r="DJ21" s="71">
        <v>0</v>
      </c>
      <c r="DK21" s="72">
        <v>0</v>
      </c>
      <c r="DL21" s="241"/>
      <c r="DM21" s="71">
        <v>0</v>
      </c>
      <c r="DN21" s="71">
        <v>0</v>
      </c>
      <c r="DO21" s="71">
        <v>1</v>
      </c>
      <c r="DP21" s="71">
        <v>0</v>
      </c>
      <c r="DQ21" s="71">
        <v>1</v>
      </c>
      <c r="DR21" s="72">
        <v>2</v>
      </c>
      <c r="DS21" s="73">
        <v>2</v>
      </c>
      <c r="DT21" s="70">
        <v>1</v>
      </c>
      <c r="DU21" s="71">
        <v>1</v>
      </c>
      <c r="DV21" s="72">
        <v>2</v>
      </c>
      <c r="DW21" s="241"/>
      <c r="DX21" s="71">
        <v>3</v>
      </c>
      <c r="DY21" s="71">
        <v>1</v>
      </c>
      <c r="DZ21" s="71">
        <v>1</v>
      </c>
      <c r="EA21" s="71">
        <v>1</v>
      </c>
      <c r="EB21" s="71">
        <v>0</v>
      </c>
      <c r="EC21" s="72">
        <v>6</v>
      </c>
      <c r="ED21" s="73">
        <v>8</v>
      </c>
      <c r="EE21" s="70">
        <v>1</v>
      </c>
      <c r="EF21" s="71">
        <v>5</v>
      </c>
      <c r="EG21" s="72">
        <v>6</v>
      </c>
      <c r="EH21" s="241"/>
      <c r="EI21" s="71">
        <v>1</v>
      </c>
      <c r="EJ21" s="71">
        <v>3</v>
      </c>
      <c r="EK21" s="71">
        <v>2</v>
      </c>
      <c r="EL21" s="71">
        <v>1</v>
      </c>
      <c r="EM21" s="71">
        <v>0</v>
      </c>
      <c r="EN21" s="72">
        <v>7</v>
      </c>
      <c r="EO21" s="73">
        <v>13</v>
      </c>
      <c r="EP21" s="70">
        <v>5</v>
      </c>
      <c r="EQ21" s="71">
        <v>6</v>
      </c>
      <c r="ER21" s="72">
        <v>11</v>
      </c>
      <c r="ES21" s="241"/>
      <c r="ET21" s="71">
        <v>2</v>
      </c>
      <c r="EU21" s="71">
        <v>2</v>
      </c>
      <c r="EV21" s="71">
        <v>2</v>
      </c>
      <c r="EW21" s="71">
        <v>0</v>
      </c>
      <c r="EX21" s="71">
        <v>1</v>
      </c>
      <c r="EY21" s="72">
        <v>7</v>
      </c>
      <c r="EZ21" s="73">
        <v>18</v>
      </c>
      <c r="FA21" s="70">
        <v>2</v>
      </c>
      <c r="FB21" s="71">
        <v>2</v>
      </c>
      <c r="FC21" s="72">
        <v>4</v>
      </c>
      <c r="FD21" s="241"/>
      <c r="FE21" s="71">
        <v>6</v>
      </c>
      <c r="FF21" s="71">
        <v>8</v>
      </c>
      <c r="FG21" s="71">
        <v>2</v>
      </c>
      <c r="FH21" s="71">
        <v>2</v>
      </c>
      <c r="FI21" s="71">
        <v>4</v>
      </c>
      <c r="FJ21" s="72">
        <v>22</v>
      </c>
      <c r="FK21" s="73">
        <v>26</v>
      </c>
      <c r="FL21" s="70">
        <v>1</v>
      </c>
      <c r="FM21" s="71">
        <v>0</v>
      </c>
      <c r="FN21" s="72">
        <v>1</v>
      </c>
      <c r="FO21" s="241"/>
      <c r="FP21" s="71">
        <v>3</v>
      </c>
      <c r="FQ21" s="71">
        <v>3</v>
      </c>
      <c r="FR21" s="71">
        <v>6</v>
      </c>
      <c r="FS21" s="71">
        <v>2</v>
      </c>
      <c r="FT21" s="71">
        <v>1</v>
      </c>
      <c r="FU21" s="72">
        <v>15</v>
      </c>
      <c r="FV21" s="73">
        <v>16</v>
      </c>
      <c r="FW21" s="70">
        <v>0</v>
      </c>
      <c r="FX21" s="71">
        <v>0</v>
      </c>
      <c r="FY21" s="72">
        <v>0</v>
      </c>
      <c r="FZ21" s="241"/>
      <c r="GA21" s="71">
        <v>0</v>
      </c>
      <c r="GB21" s="71">
        <v>0</v>
      </c>
      <c r="GC21" s="71">
        <v>0</v>
      </c>
      <c r="GD21" s="71">
        <v>0</v>
      </c>
      <c r="GE21" s="71">
        <v>0</v>
      </c>
      <c r="GF21" s="72">
        <v>0</v>
      </c>
      <c r="GG21" s="73">
        <v>0</v>
      </c>
      <c r="GH21" s="70">
        <v>10</v>
      </c>
      <c r="GI21" s="71">
        <v>14</v>
      </c>
      <c r="GJ21" s="72">
        <v>24</v>
      </c>
      <c r="GK21" s="241"/>
      <c r="GL21" s="71">
        <v>15</v>
      </c>
      <c r="GM21" s="71">
        <v>17</v>
      </c>
      <c r="GN21" s="71">
        <v>14</v>
      </c>
      <c r="GO21" s="71">
        <v>6</v>
      </c>
      <c r="GP21" s="71">
        <v>7</v>
      </c>
      <c r="GQ21" s="72">
        <v>59</v>
      </c>
      <c r="GR21" s="73">
        <v>83</v>
      </c>
      <c r="GS21" s="123">
        <v>91</v>
      </c>
      <c r="GT21" s="82">
        <v>102</v>
      </c>
      <c r="GU21" s="83">
        <v>193</v>
      </c>
      <c r="GV21" s="241"/>
      <c r="GW21" s="82">
        <v>167</v>
      </c>
      <c r="GX21" s="82">
        <v>146</v>
      </c>
      <c r="GY21" s="82">
        <v>94</v>
      </c>
      <c r="GZ21" s="82">
        <v>76</v>
      </c>
      <c r="HA21" s="82">
        <v>39</v>
      </c>
      <c r="HB21" s="84">
        <v>522</v>
      </c>
      <c r="HC21" s="85">
        <v>715</v>
      </c>
      <c r="HD21" s="70">
        <v>0</v>
      </c>
      <c r="HE21" s="71">
        <v>3</v>
      </c>
      <c r="HF21" s="72">
        <v>3</v>
      </c>
      <c r="HG21" s="241"/>
      <c r="HH21" s="71">
        <v>3</v>
      </c>
      <c r="HI21" s="71">
        <v>4</v>
      </c>
      <c r="HJ21" s="71">
        <v>1</v>
      </c>
      <c r="HK21" s="71">
        <v>3</v>
      </c>
      <c r="HL21" s="71">
        <v>1</v>
      </c>
      <c r="HM21" s="72">
        <v>12</v>
      </c>
      <c r="HN21" s="73">
        <v>15</v>
      </c>
      <c r="HO21" s="70">
        <v>3</v>
      </c>
      <c r="HP21" s="71">
        <v>7</v>
      </c>
      <c r="HQ21" s="72">
        <v>10</v>
      </c>
      <c r="HR21" s="241"/>
      <c r="HS21" s="71">
        <v>10</v>
      </c>
      <c r="HT21" s="71">
        <v>4</v>
      </c>
      <c r="HU21" s="71">
        <v>8</v>
      </c>
      <c r="HV21" s="71">
        <v>5</v>
      </c>
      <c r="HW21" s="71">
        <v>1</v>
      </c>
      <c r="HX21" s="72">
        <v>28</v>
      </c>
      <c r="HY21" s="73">
        <v>38</v>
      </c>
      <c r="HZ21" s="70">
        <v>8</v>
      </c>
      <c r="IA21" s="71">
        <v>13</v>
      </c>
      <c r="IB21" s="72">
        <v>21</v>
      </c>
      <c r="IC21" s="241"/>
      <c r="ID21" s="71">
        <v>17</v>
      </c>
      <c r="IE21" s="71">
        <v>14</v>
      </c>
      <c r="IF21" s="71">
        <v>10</v>
      </c>
      <c r="IG21" s="71">
        <v>5</v>
      </c>
      <c r="IH21" s="71">
        <v>4</v>
      </c>
      <c r="II21" s="72">
        <v>50</v>
      </c>
      <c r="IJ21" s="73">
        <v>71</v>
      </c>
      <c r="IK21" s="70">
        <v>27</v>
      </c>
      <c r="IL21" s="71">
        <v>21</v>
      </c>
      <c r="IM21" s="72">
        <v>48</v>
      </c>
      <c r="IN21" s="241"/>
      <c r="IO21" s="71">
        <v>29</v>
      </c>
      <c r="IP21" s="71">
        <v>24</v>
      </c>
      <c r="IQ21" s="71">
        <v>19</v>
      </c>
      <c r="IR21" s="71">
        <v>10</v>
      </c>
      <c r="IS21" s="71">
        <v>13</v>
      </c>
      <c r="IT21" s="72">
        <v>95</v>
      </c>
      <c r="IU21" s="73">
        <v>143</v>
      </c>
      <c r="IV21" s="70">
        <v>24</v>
      </c>
      <c r="IW21" s="71">
        <v>34</v>
      </c>
      <c r="IX21" s="72">
        <v>58</v>
      </c>
      <c r="IY21" s="241"/>
      <c r="IZ21" s="71">
        <v>58</v>
      </c>
      <c r="JA21" s="71">
        <v>55</v>
      </c>
      <c r="JB21" s="71">
        <v>29</v>
      </c>
      <c r="JC21" s="71">
        <v>29</v>
      </c>
      <c r="JD21" s="71">
        <v>11</v>
      </c>
      <c r="JE21" s="72">
        <v>182</v>
      </c>
      <c r="JF21" s="73">
        <v>240</v>
      </c>
      <c r="JG21" s="70">
        <v>29</v>
      </c>
      <c r="JH21" s="71">
        <v>24</v>
      </c>
      <c r="JI21" s="72">
        <v>53</v>
      </c>
      <c r="JJ21" s="244">
        <v>0</v>
      </c>
      <c r="JK21" s="71">
        <v>50</v>
      </c>
      <c r="JL21" s="71">
        <v>45</v>
      </c>
      <c r="JM21" s="71">
        <v>27</v>
      </c>
      <c r="JN21" s="71">
        <v>24</v>
      </c>
      <c r="JO21" s="71">
        <v>9</v>
      </c>
      <c r="JP21" s="72">
        <v>155</v>
      </c>
      <c r="JQ21" s="73">
        <v>208</v>
      </c>
      <c r="JR21" s="70">
        <v>0</v>
      </c>
      <c r="JS21" s="71">
        <v>0</v>
      </c>
      <c r="JT21" s="72">
        <v>0</v>
      </c>
      <c r="JU21" s="241"/>
      <c r="JV21" s="71">
        <v>0</v>
      </c>
      <c r="JW21" s="71">
        <v>0</v>
      </c>
      <c r="JX21" s="71">
        <v>0</v>
      </c>
      <c r="JY21" s="71">
        <v>0</v>
      </c>
      <c r="JZ21" s="71">
        <v>0</v>
      </c>
      <c r="KA21" s="72">
        <v>0</v>
      </c>
      <c r="KB21" s="73">
        <v>0</v>
      </c>
      <c r="KC21" s="70">
        <v>91</v>
      </c>
      <c r="KD21" s="71">
        <v>102</v>
      </c>
      <c r="KE21" s="72">
        <v>193</v>
      </c>
      <c r="KF21" s="241"/>
      <c r="KG21" s="71">
        <v>167</v>
      </c>
      <c r="KH21" s="71">
        <v>146</v>
      </c>
      <c r="KI21" s="71">
        <v>94</v>
      </c>
      <c r="KJ21" s="71">
        <v>76</v>
      </c>
      <c r="KK21" s="71">
        <v>39</v>
      </c>
      <c r="KL21" s="72">
        <v>522</v>
      </c>
      <c r="KM21" s="73">
        <v>715</v>
      </c>
    </row>
    <row r="22" spans="2:299" ht="19.5" customHeight="1" x14ac:dyDescent="0.2">
      <c r="B22" s="126" t="s">
        <v>19</v>
      </c>
      <c r="C22" s="316">
        <v>30</v>
      </c>
      <c r="D22" s="82">
        <v>27</v>
      </c>
      <c r="E22" s="83">
        <v>57</v>
      </c>
      <c r="F22" s="241"/>
      <c r="G22" s="82">
        <v>72</v>
      </c>
      <c r="H22" s="82">
        <v>49</v>
      </c>
      <c r="I22" s="82">
        <v>23</v>
      </c>
      <c r="J22" s="82">
        <v>23</v>
      </c>
      <c r="K22" s="82">
        <v>13</v>
      </c>
      <c r="L22" s="84">
        <v>180</v>
      </c>
      <c r="M22" s="85">
        <v>237</v>
      </c>
      <c r="N22" s="86">
        <v>1</v>
      </c>
      <c r="O22" s="71">
        <v>0</v>
      </c>
      <c r="P22" s="72">
        <v>1</v>
      </c>
      <c r="Q22" s="241"/>
      <c r="R22" s="71">
        <v>2</v>
      </c>
      <c r="S22" s="71">
        <v>2</v>
      </c>
      <c r="T22" s="71">
        <v>2</v>
      </c>
      <c r="U22" s="71">
        <v>0</v>
      </c>
      <c r="V22" s="71">
        <v>0</v>
      </c>
      <c r="W22" s="72">
        <v>6</v>
      </c>
      <c r="X22" s="73">
        <v>7</v>
      </c>
      <c r="Y22" s="70">
        <v>0</v>
      </c>
      <c r="Z22" s="71">
        <v>1</v>
      </c>
      <c r="AA22" s="72">
        <v>1</v>
      </c>
      <c r="AB22" s="241"/>
      <c r="AC22" s="71">
        <v>0</v>
      </c>
      <c r="AD22" s="71">
        <v>2</v>
      </c>
      <c r="AE22" s="71">
        <v>1</v>
      </c>
      <c r="AF22" s="71">
        <v>1</v>
      </c>
      <c r="AG22" s="71">
        <v>0</v>
      </c>
      <c r="AH22" s="72">
        <v>4</v>
      </c>
      <c r="AI22" s="73">
        <v>5</v>
      </c>
      <c r="AJ22" s="86">
        <v>3</v>
      </c>
      <c r="AK22" s="71">
        <v>1</v>
      </c>
      <c r="AL22" s="72">
        <v>4</v>
      </c>
      <c r="AM22" s="241"/>
      <c r="AN22" s="71">
        <v>5</v>
      </c>
      <c r="AO22" s="71">
        <v>4</v>
      </c>
      <c r="AP22" s="71">
        <v>0</v>
      </c>
      <c r="AQ22" s="71">
        <v>2</v>
      </c>
      <c r="AR22" s="71">
        <v>0</v>
      </c>
      <c r="AS22" s="72">
        <v>11</v>
      </c>
      <c r="AT22" s="73">
        <v>15</v>
      </c>
      <c r="AU22" s="70">
        <v>9</v>
      </c>
      <c r="AV22" s="71">
        <v>6</v>
      </c>
      <c r="AW22" s="72">
        <v>15</v>
      </c>
      <c r="AX22" s="241"/>
      <c r="AY22" s="71">
        <v>11</v>
      </c>
      <c r="AZ22" s="71">
        <v>10</v>
      </c>
      <c r="BA22" s="71">
        <v>5</v>
      </c>
      <c r="BB22" s="71">
        <v>8</v>
      </c>
      <c r="BC22" s="71">
        <v>3</v>
      </c>
      <c r="BD22" s="72">
        <v>37</v>
      </c>
      <c r="BE22" s="73">
        <v>52</v>
      </c>
      <c r="BF22" s="86">
        <v>7</v>
      </c>
      <c r="BG22" s="71">
        <v>12</v>
      </c>
      <c r="BH22" s="72">
        <v>19</v>
      </c>
      <c r="BI22" s="241"/>
      <c r="BJ22" s="71">
        <v>30</v>
      </c>
      <c r="BK22" s="71">
        <v>15</v>
      </c>
      <c r="BL22" s="71">
        <v>9</v>
      </c>
      <c r="BM22" s="71">
        <v>4</v>
      </c>
      <c r="BN22" s="71">
        <v>3</v>
      </c>
      <c r="BO22" s="72">
        <v>61</v>
      </c>
      <c r="BP22" s="73">
        <v>80</v>
      </c>
      <c r="BQ22" s="70">
        <v>10</v>
      </c>
      <c r="BR22" s="71">
        <v>7</v>
      </c>
      <c r="BS22" s="72">
        <v>17</v>
      </c>
      <c r="BT22" s="241"/>
      <c r="BU22" s="71">
        <v>24</v>
      </c>
      <c r="BV22" s="71">
        <v>16</v>
      </c>
      <c r="BW22" s="71">
        <v>6</v>
      </c>
      <c r="BX22" s="71">
        <v>8</v>
      </c>
      <c r="BY22" s="71">
        <v>7</v>
      </c>
      <c r="BZ22" s="72">
        <v>61</v>
      </c>
      <c r="CA22" s="73">
        <v>78</v>
      </c>
      <c r="CB22" s="70">
        <v>0</v>
      </c>
      <c r="CC22" s="71">
        <v>0</v>
      </c>
      <c r="CD22" s="72">
        <v>0</v>
      </c>
      <c r="CE22" s="241"/>
      <c r="CF22" s="71">
        <v>0</v>
      </c>
      <c r="CG22" s="71">
        <v>0</v>
      </c>
      <c r="CH22" s="71">
        <v>0</v>
      </c>
      <c r="CI22" s="71">
        <v>0</v>
      </c>
      <c r="CJ22" s="71">
        <v>0</v>
      </c>
      <c r="CK22" s="72">
        <v>0</v>
      </c>
      <c r="CL22" s="73">
        <v>0</v>
      </c>
      <c r="CM22" s="70">
        <v>30</v>
      </c>
      <c r="CN22" s="71">
        <v>27</v>
      </c>
      <c r="CO22" s="72">
        <v>57</v>
      </c>
      <c r="CP22" s="241"/>
      <c r="CQ22" s="71">
        <v>72</v>
      </c>
      <c r="CR22" s="71">
        <v>49</v>
      </c>
      <c r="CS22" s="71">
        <v>23</v>
      </c>
      <c r="CT22" s="71">
        <v>23</v>
      </c>
      <c r="CU22" s="71">
        <v>13</v>
      </c>
      <c r="CV22" s="72">
        <v>180</v>
      </c>
      <c r="CW22" s="73">
        <v>237</v>
      </c>
      <c r="CX22" s="123">
        <v>3</v>
      </c>
      <c r="CY22" s="82">
        <v>3</v>
      </c>
      <c r="CZ22" s="83">
        <v>6</v>
      </c>
      <c r="DA22" s="241"/>
      <c r="DB22" s="82">
        <v>8</v>
      </c>
      <c r="DC22" s="82">
        <v>8</v>
      </c>
      <c r="DD22" s="82">
        <v>8</v>
      </c>
      <c r="DE22" s="82">
        <v>5</v>
      </c>
      <c r="DF22" s="82">
        <v>4</v>
      </c>
      <c r="DG22" s="84">
        <v>33</v>
      </c>
      <c r="DH22" s="85">
        <v>39</v>
      </c>
      <c r="DI22" s="86">
        <v>0</v>
      </c>
      <c r="DJ22" s="71">
        <v>0</v>
      </c>
      <c r="DK22" s="72">
        <v>0</v>
      </c>
      <c r="DL22" s="241"/>
      <c r="DM22" s="71">
        <v>0</v>
      </c>
      <c r="DN22" s="71">
        <v>0</v>
      </c>
      <c r="DO22" s="71">
        <v>0</v>
      </c>
      <c r="DP22" s="71">
        <v>0</v>
      </c>
      <c r="DQ22" s="71">
        <v>0</v>
      </c>
      <c r="DR22" s="72">
        <v>0</v>
      </c>
      <c r="DS22" s="73">
        <v>0</v>
      </c>
      <c r="DT22" s="70">
        <v>0</v>
      </c>
      <c r="DU22" s="71">
        <v>0</v>
      </c>
      <c r="DV22" s="72">
        <v>0</v>
      </c>
      <c r="DW22" s="241"/>
      <c r="DX22" s="71">
        <v>0</v>
      </c>
      <c r="DY22" s="71">
        <v>1</v>
      </c>
      <c r="DZ22" s="71">
        <v>0</v>
      </c>
      <c r="EA22" s="71">
        <v>0</v>
      </c>
      <c r="EB22" s="71">
        <v>0</v>
      </c>
      <c r="EC22" s="72">
        <v>1</v>
      </c>
      <c r="ED22" s="73">
        <v>1</v>
      </c>
      <c r="EE22" s="86">
        <v>2</v>
      </c>
      <c r="EF22" s="71">
        <v>0</v>
      </c>
      <c r="EG22" s="72">
        <v>2</v>
      </c>
      <c r="EH22" s="241"/>
      <c r="EI22" s="71">
        <v>3</v>
      </c>
      <c r="EJ22" s="71">
        <v>1</v>
      </c>
      <c r="EK22" s="71">
        <v>1</v>
      </c>
      <c r="EL22" s="71">
        <v>0</v>
      </c>
      <c r="EM22" s="71">
        <v>0</v>
      </c>
      <c r="EN22" s="72">
        <v>5</v>
      </c>
      <c r="EO22" s="73">
        <v>7</v>
      </c>
      <c r="EP22" s="70">
        <v>1</v>
      </c>
      <c r="EQ22" s="71">
        <v>2</v>
      </c>
      <c r="ER22" s="72">
        <v>3</v>
      </c>
      <c r="ES22" s="241"/>
      <c r="ET22" s="71">
        <v>1</v>
      </c>
      <c r="EU22" s="71">
        <v>1</v>
      </c>
      <c r="EV22" s="71">
        <v>2</v>
      </c>
      <c r="EW22" s="71">
        <v>1</v>
      </c>
      <c r="EX22" s="71">
        <v>1</v>
      </c>
      <c r="EY22" s="72">
        <v>6</v>
      </c>
      <c r="EZ22" s="73">
        <v>9</v>
      </c>
      <c r="FA22" s="86">
        <v>0</v>
      </c>
      <c r="FB22" s="71">
        <v>0</v>
      </c>
      <c r="FC22" s="72">
        <v>0</v>
      </c>
      <c r="FD22" s="241"/>
      <c r="FE22" s="71">
        <v>2</v>
      </c>
      <c r="FF22" s="71">
        <v>2</v>
      </c>
      <c r="FG22" s="71">
        <v>1</v>
      </c>
      <c r="FH22" s="71">
        <v>0</v>
      </c>
      <c r="FI22" s="71">
        <v>0</v>
      </c>
      <c r="FJ22" s="72">
        <v>5</v>
      </c>
      <c r="FK22" s="73">
        <v>5</v>
      </c>
      <c r="FL22" s="70">
        <v>0</v>
      </c>
      <c r="FM22" s="71">
        <v>1</v>
      </c>
      <c r="FN22" s="72">
        <v>1</v>
      </c>
      <c r="FO22" s="241"/>
      <c r="FP22" s="71">
        <v>2</v>
      </c>
      <c r="FQ22" s="71">
        <v>3</v>
      </c>
      <c r="FR22" s="71">
        <v>4</v>
      </c>
      <c r="FS22" s="71">
        <v>4</v>
      </c>
      <c r="FT22" s="71">
        <v>3</v>
      </c>
      <c r="FU22" s="72">
        <v>16</v>
      </c>
      <c r="FV22" s="73">
        <v>17</v>
      </c>
      <c r="FW22" s="70">
        <v>0</v>
      </c>
      <c r="FX22" s="71">
        <v>0</v>
      </c>
      <c r="FY22" s="72">
        <v>0</v>
      </c>
      <c r="FZ22" s="241"/>
      <c r="GA22" s="71">
        <v>0</v>
      </c>
      <c r="GB22" s="71">
        <v>0</v>
      </c>
      <c r="GC22" s="71">
        <v>0</v>
      </c>
      <c r="GD22" s="71">
        <v>0</v>
      </c>
      <c r="GE22" s="71">
        <v>0</v>
      </c>
      <c r="GF22" s="72">
        <v>0</v>
      </c>
      <c r="GG22" s="73">
        <v>0</v>
      </c>
      <c r="GH22" s="70">
        <v>3</v>
      </c>
      <c r="GI22" s="71">
        <v>3</v>
      </c>
      <c r="GJ22" s="72">
        <v>6</v>
      </c>
      <c r="GK22" s="241"/>
      <c r="GL22" s="71">
        <v>8</v>
      </c>
      <c r="GM22" s="71">
        <v>8</v>
      </c>
      <c r="GN22" s="71">
        <v>8</v>
      </c>
      <c r="GO22" s="71">
        <v>5</v>
      </c>
      <c r="GP22" s="71">
        <v>4</v>
      </c>
      <c r="GQ22" s="72">
        <v>33</v>
      </c>
      <c r="GR22" s="73">
        <v>39</v>
      </c>
      <c r="GS22" s="123">
        <v>33</v>
      </c>
      <c r="GT22" s="82">
        <v>30</v>
      </c>
      <c r="GU22" s="83">
        <v>63</v>
      </c>
      <c r="GV22" s="241"/>
      <c r="GW22" s="82">
        <v>80</v>
      </c>
      <c r="GX22" s="82">
        <v>57</v>
      </c>
      <c r="GY22" s="82">
        <v>31</v>
      </c>
      <c r="GZ22" s="82">
        <v>28</v>
      </c>
      <c r="HA22" s="82">
        <v>17</v>
      </c>
      <c r="HB22" s="84">
        <v>213</v>
      </c>
      <c r="HC22" s="85">
        <v>276</v>
      </c>
      <c r="HD22" s="86">
        <v>1</v>
      </c>
      <c r="HE22" s="71">
        <v>0</v>
      </c>
      <c r="HF22" s="72">
        <v>1</v>
      </c>
      <c r="HG22" s="241"/>
      <c r="HH22" s="71">
        <v>2</v>
      </c>
      <c r="HI22" s="71">
        <v>2</v>
      </c>
      <c r="HJ22" s="71">
        <v>2</v>
      </c>
      <c r="HK22" s="71">
        <v>0</v>
      </c>
      <c r="HL22" s="71">
        <v>0</v>
      </c>
      <c r="HM22" s="72">
        <v>6</v>
      </c>
      <c r="HN22" s="73">
        <v>7</v>
      </c>
      <c r="HO22" s="70">
        <v>0</v>
      </c>
      <c r="HP22" s="71">
        <v>1</v>
      </c>
      <c r="HQ22" s="72">
        <v>1</v>
      </c>
      <c r="HR22" s="241"/>
      <c r="HS22" s="71">
        <v>0</v>
      </c>
      <c r="HT22" s="71">
        <v>3</v>
      </c>
      <c r="HU22" s="71">
        <v>1</v>
      </c>
      <c r="HV22" s="71">
        <v>1</v>
      </c>
      <c r="HW22" s="71">
        <v>0</v>
      </c>
      <c r="HX22" s="72">
        <v>5</v>
      </c>
      <c r="HY22" s="73">
        <v>6</v>
      </c>
      <c r="HZ22" s="86">
        <v>5</v>
      </c>
      <c r="IA22" s="71">
        <v>1</v>
      </c>
      <c r="IB22" s="72">
        <v>6</v>
      </c>
      <c r="IC22" s="241"/>
      <c r="ID22" s="71">
        <v>8</v>
      </c>
      <c r="IE22" s="71">
        <v>5</v>
      </c>
      <c r="IF22" s="71">
        <v>1</v>
      </c>
      <c r="IG22" s="71">
        <v>2</v>
      </c>
      <c r="IH22" s="71">
        <v>0</v>
      </c>
      <c r="II22" s="72">
        <v>16</v>
      </c>
      <c r="IJ22" s="73">
        <v>22</v>
      </c>
      <c r="IK22" s="70">
        <v>10</v>
      </c>
      <c r="IL22" s="71">
        <v>8</v>
      </c>
      <c r="IM22" s="72">
        <v>18</v>
      </c>
      <c r="IN22" s="241"/>
      <c r="IO22" s="71">
        <v>12</v>
      </c>
      <c r="IP22" s="71">
        <v>11</v>
      </c>
      <c r="IQ22" s="71">
        <v>7</v>
      </c>
      <c r="IR22" s="71">
        <v>9</v>
      </c>
      <c r="IS22" s="71">
        <v>4</v>
      </c>
      <c r="IT22" s="72">
        <v>43</v>
      </c>
      <c r="IU22" s="73">
        <v>61</v>
      </c>
      <c r="IV22" s="86">
        <v>7</v>
      </c>
      <c r="IW22" s="71">
        <v>12</v>
      </c>
      <c r="IX22" s="72">
        <v>19</v>
      </c>
      <c r="IY22" s="241"/>
      <c r="IZ22" s="71">
        <v>32</v>
      </c>
      <c r="JA22" s="71">
        <v>17</v>
      </c>
      <c r="JB22" s="71">
        <v>10</v>
      </c>
      <c r="JC22" s="71">
        <v>4</v>
      </c>
      <c r="JD22" s="71">
        <v>3</v>
      </c>
      <c r="JE22" s="72">
        <v>66</v>
      </c>
      <c r="JF22" s="73">
        <v>85</v>
      </c>
      <c r="JG22" s="70">
        <v>10</v>
      </c>
      <c r="JH22" s="71">
        <v>8</v>
      </c>
      <c r="JI22" s="72">
        <v>18</v>
      </c>
      <c r="JJ22" s="244">
        <v>0</v>
      </c>
      <c r="JK22" s="71">
        <v>26</v>
      </c>
      <c r="JL22" s="71">
        <v>19</v>
      </c>
      <c r="JM22" s="71">
        <v>10</v>
      </c>
      <c r="JN22" s="71">
        <v>12</v>
      </c>
      <c r="JO22" s="71">
        <v>10</v>
      </c>
      <c r="JP22" s="72">
        <v>77</v>
      </c>
      <c r="JQ22" s="73">
        <v>95</v>
      </c>
      <c r="JR22" s="70">
        <v>0</v>
      </c>
      <c r="JS22" s="71">
        <v>0</v>
      </c>
      <c r="JT22" s="72">
        <v>0</v>
      </c>
      <c r="JU22" s="241"/>
      <c r="JV22" s="71">
        <v>0</v>
      </c>
      <c r="JW22" s="71">
        <v>0</v>
      </c>
      <c r="JX22" s="71">
        <v>0</v>
      </c>
      <c r="JY22" s="71">
        <v>0</v>
      </c>
      <c r="JZ22" s="71">
        <v>0</v>
      </c>
      <c r="KA22" s="72">
        <v>0</v>
      </c>
      <c r="KB22" s="73">
        <v>0</v>
      </c>
      <c r="KC22" s="70">
        <v>33</v>
      </c>
      <c r="KD22" s="71">
        <v>30</v>
      </c>
      <c r="KE22" s="72">
        <v>63</v>
      </c>
      <c r="KF22" s="241"/>
      <c r="KG22" s="71">
        <v>80</v>
      </c>
      <c r="KH22" s="71">
        <v>57</v>
      </c>
      <c r="KI22" s="71">
        <v>31</v>
      </c>
      <c r="KJ22" s="71">
        <v>28</v>
      </c>
      <c r="KK22" s="71">
        <v>17</v>
      </c>
      <c r="KL22" s="72">
        <v>213</v>
      </c>
      <c r="KM22" s="73">
        <v>276</v>
      </c>
    </row>
    <row r="23" spans="2:299" ht="19.5" customHeight="1" x14ac:dyDescent="0.2">
      <c r="B23" s="126" t="s">
        <v>20</v>
      </c>
      <c r="C23" s="316">
        <v>49</v>
      </c>
      <c r="D23" s="82">
        <v>76</v>
      </c>
      <c r="E23" s="83">
        <v>125</v>
      </c>
      <c r="F23" s="241"/>
      <c r="G23" s="82">
        <v>106</v>
      </c>
      <c r="H23" s="82">
        <v>70</v>
      </c>
      <c r="I23" s="82">
        <v>49</v>
      </c>
      <c r="J23" s="82">
        <v>34</v>
      </c>
      <c r="K23" s="82">
        <v>13</v>
      </c>
      <c r="L23" s="84">
        <v>272</v>
      </c>
      <c r="M23" s="85">
        <v>397</v>
      </c>
      <c r="N23" s="70">
        <v>1</v>
      </c>
      <c r="O23" s="71">
        <v>2</v>
      </c>
      <c r="P23" s="72">
        <v>3</v>
      </c>
      <c r="Q23" s="241"/>
      <c r="R23" s="71">
        <v>3</v>
      </c>
      <c r="S23" s="71">
        <v>1</v>
      </c>
      <c r="T23" s="71">
        <v>0</v>
      </c>
      <c r="U23" s="71">
        <v>0</v>
      </c>
      <c r="V23" s="71">
        <v>0</v>
      </c>
      <c r="W23" s="72">
        <v>4</v>
      </c>
      <c r="X23" s="73">
        <v>7</v>
      </c>
      <c r="Y23" s="70">
        <v>2</v>
      </c>
      <c r="Z23" s="71">
        <v>3</v>
      </c>
      <c r="AA23" s="72">
        <v>5</v>
      </c>
      <c r="AB23" s="241"/>
      <c r="AC23" s="71">
        <v>6</v>
      </c>
      <c r="AD23" s="71">
        <v>2</v>
      </c>
      <c r="AE23" s="71">
        <v>3</v>
      </c>
      <c r="AF23" s="71">
        <v>4</v>
      </c>
      <c r="AG23" s="71">
        <v>1</v>
      </c>
      <c r="AH23" s="72">
        <v>16</v>
      </c>
      <c r="AI23" s="73">
        <v>21</v>
      </c>
      <c r="AJ23" s="70">
        <v>9</v>
      </c>
      <c r="AK23" s="71">
        <v>8</v>
      </c>
      <c r="AL23" s="72">
        <v>17</v>
      </c>
      <c r="AM23" s="241"/>
      <c r="AN23" s="71">
        <v>9</v>
      </c>
      <c r="AO23" s="71">
        <v>4</v>
      </c>
      <c r="AP23" s="71">
        <v>8</v>
      </c>
      <c r="AQ23" s="71">
        <v>5</v>
      </c>
      <c r="AR23" s="71">
        <v>4</v>
      </c>
      <c r="AS23" s="72">
        <v>30</v>
      </c>
      <c r="AT23" s="73">
        <v>47</v>
      </c>
      <c r="AU23" s="70">
        <v>7</v>
      </c>
      <c r="AV23" s="71">
        <v>16</v>
      </c>
      <c r="AW23" s="72">
        <v>23</v>
      </c>
      <c r="AX23" s="241"/>
      <c r="AY23" s="71">
        <v>25</v>
      </c>
      <c r="AZ23" s="71">
        <v>22</v>
      </c>
      <c r="BA23" s="71">
        <v>10</v>
      </c>
      <c r="BB23" s="71">
        <v>7</v>
      </c>
      <c r="BC23" s="71">
        <v>2</v>
      </c>
      <c r="BD23" s="72">
        <v>66</v>
      </c>
      <c r="BE23" s="73">
        <v>89</v>
      </c>
      <c r="BF23" s="70">
        <v>18</v>
      </c>
      <c r="BG23" s="71">
        <v>28</v>
      </c>
      <c r="BH23" s="72">
        <v>46</v>
      </c>
      <c r="BI23" s="241"/>
      <c r="BJ23" s="71">
        <v>41</v>
      </c>
      <c r="BK23" s="71">
        <v>21</v>
      </c>
      <c r="BL23" s="71">
        <v>12</v>
      </c>
      <c r="BM23" s="71">
        <v>4</v>
      </c>
      <c r="BN23" s="71">
        <v>3</v>
      </c>
      <c r="BO23" s="72">
        <v>81</v>
      </c>
      <c r="BP23" s="73">
        <v>127</v>
      </c>
      <c r="BQ23" s="70">
        <v>12</v>
      </c>
      <c r="BR23" s="71">
        <v>19</v>
      </c>
      <c r="BS23" s="72">
        <v>31</v>
      </c>
      <c r="BT23" s="241"/>
      <c r="BU23" s="71">
        <v>22</v>
      </c>
      <c r="BV23" s="71">
        <v>20</v>
      </c>
      <c r="BW23" s="71">
        <v>16</v>
      </c>
      <c r="BX23" s="71">
        <v>14</v>
      </c>
      <c r="BY23" s="71">
        <v>3</v>
      </c>
      <c r="BZ23" s="72">
        <v>75</v>
      </c>
      <c r="CA23" s="73">
        <v>106</v>
      </c>
      <c r="CB23" s="70">
        <v>0</v>
      </c>
      <c r="CC23" s="71">
        <v>0</v>
      </c>
      <c r="CD23" s="72">
        <v>0</v>
      </c>
      <c r="CE23" s="241"/>
      <c r="CF23" s="71">
        <v>0</v>
      </c>
      <c r="CG23" s="71">
        <v>0</v>
      </c>
      <c r="CH23" s="71">
        <v>0</v>
      </c>
      <c r="CI23" s="71">
        <v>0</v>
      </c>
      <c r="CJ23" s="71">
        <v>0</v>
      </c>
      <c r="CK23" s="72">
        <v>0</v>
      </c>
      <c r="CL23" s="73">
        <v>0</v>
      </c>
      <c r="CM23" s="70">
        <v>49</v>
      </c>
      <c r="CN23" s="71">
        <v>76</v>
      </c>
      <c r="CO23" s="72">
        <v>125</v>
      </c>
      <c r="CP23" s="241"/>
      <c r="CQ23" s="71">
        <v>106</v>
      </c>
      <c r="CR23" s="71">
        <v>70</v>
      </c>
      <c r="CS23" s="71">
        <v>49</v>
      </c>
      <c r="CT23" s="71">
        <v>34</v>
      </c>
      <c r="CU23" s="71">
        <v>13</v>
      </c>
      <c r="CV23" s="72">
        <v>272</v>
      </c>
      <c r="CW23" s="73">
        <v>397</v>
      </c>
      <c r="CX23" s="123">
        <v>8</v>
      </c>
      <c r="CY23" s="82">
        <v>6</v>
      </c>
      <c r="CZ23" s="83">
        <v>14</v>
      </c>
      <c r="DA23" s="241"/>
      <c r="DB23" s="82">
        <v>9</v>
      </c>
      <c r="DC23" s="82">
        <v>7</v>
      </c>
      <c r="DD23" s="82">
        <v>5</v>
      </c>
      <c r="DE23" s="82">
        <v>7</v>
      </c>
      <c r="DF23" s="82">
        <v>0</v>
      </c>
      <c r="DG23" s="84">
        <v>28</v>
      </c>
      <c r="DH23" s="85">
        <v>42</v>
      </c>
      <c r="DI23" s="70">
        <v>0</v>
      </c>
      <c r="DJ23" s="71">
        <v>0</v>
      </c>
      <c r="DK23" s="72">
        <v>0</v>
      </c>
      <c r="DL23" s="241"/>
      <c r="DM23" s="71">
        <v>0</v>
      </c>
      <c r="DN23" s="71">
        <v>0</v>
      </c>
      <c r="DO23" s="71">
        <v>0</v>
      </c>
      <c r="DP23" s="71">
        <v>0</v>
      </c>
      <c r="DQ23" s="71">
        <v>0</v>
      </c>
      <c r="DR23" s="72">
        <v>0</v>
      </c>
      <c r="DS23" s="73">
        <v>0</v>
      </c>
      <c r="DT23" s="70">
        <v>0</v>
      </c>
      <c r="DU23" s="71">
        <v>0</v>
      </c>
      <c r="DV23" s="72">
        <v>0</v>
      </c>
      <c r="DW23" s="241"/>
      <c r="DX23" s="71">
        <v>0</v>
      </c>
      <c r="DY23" s="71">
        <v>1</v>
      </c>
      <c r="DZ23" s="71">
        <v>0</v>
      </c>
      <c r="EA23" s="71">
        <v>1</v>
      </c>
      <c r="EB23" s="71">
        <v>0</v>
      </c>
      <c r="EC23" s="72">
        <v>2</v>
      </c>
      <c r="ED23" s="73">
        <v>2</v>
      </c>
      <c r="EE23" s="70">
        <v>1</v>
      </c>
      <c r="EF23" s="71">
        <v>0</v>
      </c>
      <c r="EG23" s="72">
        <v>1</v>
      </c>
      <c r="EH23" s="241"/>
      <c r="EI23" s="71">
        <v>0</v>
      </c>
      <c r="EJ23" s="71">
        <v>2</v>
      </c>
      <c r="EK23" s="71">
        <v>0</v>
      </c>
      <c r="EL23" s="71">
        <v>0</v>
      </c>
      <c r="EM23" s="71">
        <v>0</v>
      </c>
      <c r="EN23" s="72">
        <v>2</v>
      </c>
      <c r="EO23" s="73">
        <v>3</v>
      </c>
      <c r="EP23" s="70">
        <v>5</v>
      </c>
      <c r="EQ23" s="71">
        <v>3</v>
      </c>
      <c r="ER23" s="72">
        <v>8</v>
      </c>
      <c r="ES23" s="241"/>
      <c r="ET23" s="71">
        <v>1</v>
      </c>
      <c r="EU23" s="71">
        <v>0</v>
      </c>
      <c r="EV23" s="71">
        <v>1</v>
      </c>
      <c r="EW23" s="71">
        <v>1</v>
      </c>
      <c r="EX23" s="71">
        <v>0</v>
      </c>
      <c r="EY23" s="72">
        <v>3</v>
      </c>
      <c r="EZ23" s="73">
        <v>11</v>
      </c>
      <c r="FA23" s="70">
        <v>2</v>
      </c>
      <c r="FB23" s="71">
        <v>1</v>
      </c>
      <c r="FC23" s="72">
        <v>3</v>
      </c>
      <c r="FD23" s="241"/>
      <c r="FE23" s="71">
        <v>5</v>
      </c>
      <c r="FF23" s="71">
        <v>1</v>
      </c>
      <c r="FG23" s="71">
        <v>2</v>
      </c>
      <c r="FH23" s="71">
        <v>0</v>
      </c>
      <c r="FI23" s="71">
        <v>0</v>
      </c>
      <c r="FJ23" s="72">
        <v>8</v>
      </c>
      <c r="FK23" s="73">
        <v>11</v>
      </c>
      <c r="FL23" s="70">
        <v>0</v>
      </c>
      <c r="FM23" s="71">
        <v>2</v>
      </c>
      <c r="FN23" s="72">
        <v>2</v>
      </c>
      <c r="FO23" s="241"/>
      <c r="FP23" s="71">
        <v>3</v>
      </c>
      <c r="FQ23" s="71">
        <v>3</v>
      </c>
      <c r="FR23" s="71">
        <v>2</v>
      </c>
      <c r="FS23" s="71">
        <v>5</v>
      </c>
      <c r="FT23" s="71">
        <v>0</v>
      </c>
      <c r="FU23" s="72">
        <v>13</v>
      </c>
      <c r="FV23" s="73">
        <v>15</v>
      </c>
      <c r="FW23" s="70">
        <v>0</v>
      </c>
      <c r="FX23" s="71">
        <v>0</v>
      </c>
      <c r="FY23" s="72">
        <v>0</v>
      </c>
      <c r="FZ23" s="241"/>
      <c r="GA23" s="71">
        <v>0</v>
      </c>
      <c r="GB23" s="71">
        <v>0</v>
      </c>
      <c r="GC23" s="71">
        <v>0</v>
      </c>
      <c r="GD23" s="71">
        <v>0</v>
      </c>
      <c r="GE23" s="71">
        <v>0</v>
      </c>
      <c r="GF23" s="72">
        <v>0</v>
      </c>
      <c r="GG23" s="73">
        <v>0</v>
      </c>
      <c r="GH23" s="70">
        <v>8</v>
      </c>
      <c r="GI23" s="71">
        <v>6</v>
      </c>
      <c r="GJ23" s="72">
        <v>14</v>
      </c>
      <c r="GK23" s="241"/>
      <c r="GL23" s="71">
        <v>9</v>
      </c>
      <c r="GM23" s="71">
        <v>7</v>
      </c>
      <c r="GN23" s="71">
        <v>5</v>
      </c>
      <c r="GO23" s="71">
        <v>7</v>
      </c>
      <c r="GP23" s="71">
        <v>0</v>
      </c>
      <c r="GQ23" s="72">
        <v>28</v>
      </c>
      <c r="GR23" s="73">
        <v>42</v>
      </c>
      <c r="GS23" s="123">
        <v>57</v>
      </c>
      <c r="GT23" s="82">
        <v>82</v>
      </c>
      <c r="GU23" s="83">
        <v>139</v>
      </c>
      <c r="GV23" s="241"/>
      <c r="GW23" s="82">
        <v>115</v>
      </c>
      <c r="GX23" s="82">
        <v>77</v>
      </c>
      <c r="GY23" s="82">
        <v>54</v>
      </c>
      <c r="GZ23" s="82">
        <v>41</v>
      </c>
      <c r="HA23" s="82">
        <v>13</v>
      </c>
      <c r="HB23" s="84">
        <v>300</v>
      </c>
      <c r="HC23" s="85">
        <v>439</v>
      </c>
      <c r="HD23" s="70">
        <v>1</v>
      </c>
      <c r="HE23" s="71">
        <v>2</v>
      </c>
      <c r="HF23" s="72">
        <v>3</v>
      </c>
      <c r="HG23" s="241"/>
      <c r="HH23" s="71">
        <v>3</v>
      </c>
      <c r="HI23" s="71">
        <v>1</v>
      </c>
      <c r="HJ23" s="71">
        <v>0</v>
      </c>
      <c r="HK23" s="71">
        <v>0</v>
      </c>
      <c r="HL23" s="71">
        <v>0</v>
      </c>
      <c r="HM23" s="72">
        <v>4</v>
      </c>
      <c r="HN23" s="73">
        <v>7</v>
      </c>
      <c r="HO23" s="70">
        <v>2</v>
      </c>
      <c r="HP23" s="71">
        <v>3</v>
      </c>
      <c r="HQ23" s="72">
        <v>5</v>
      </c>
      <c r="HR23" s="241"/>
      <c r="HS23" s="71">
        <v>6</v>
      </c>
      <c r="HT23" s="71">
        <v>3</v>
      </c>
      <c r="HU23" s="71">
        <v>3</v>
      </c>
      <c r="HV23" s="71">
        <v>5</v>
      </c>
      <c r="HW23" s="71">
        <v>1</v>
      </c>
      <c r="HX23" s="72">
        <v>18</v>
      </c>
      <c r="HY23" s="73">
        <v>23</v>
      </c>
      <c r="HZ23" s="70">
        <v>10</v>
      </c>
      <c r="IA23" s="71">
        <v>8</v>
      </c>
      <c r="IB23" s="72">
        <v>18</v>
      </c>
      <c r="IC23" s="241"/>
      <c r="ID23" s="71">
        <v>9</v>
      </c>
      <c r="IE23" s="71">
        <v>6</v>
      </c>
      <c r="IF23" s="71">
        <v>8</v>
      </c>
      <c r="IG23" s="71">
        <v>5</v>
      </c>
      <c r="IH23" s="71">
        <v>4</v>
      </c>
      <c r="II23" s="72">
        <v>32</v>
      </c>
      <c r="IJ23" s="73">
        <v>50</v>
      </c>
      <c r="IK23" s="70">
        <v>12</v>
      </c>
      <c r="IL23" s="71">
        <v>19</v>
      </c>
      <c r="IM23" s="72">
        <v>31</v>
      </c>
      <c r="IN23" s="241"/>
      <c r="IO23" s="71">
        <v>26</v>
      </c>
      <c r="IP23" s="71">
        <v>22</v>
      </c>
      <c r="IQ23" s="71">
        <v>11</v>
      </c>
      <c r="IR23" s="71">
        <v>8</v>
      </c>
      <c r="IS23" s="71">
        <v>2</v>
      </c>
      <c r="IT23" s="72">
        <v>69</v>
      </c>
      <c r="IU23" s="73">
        <v>100</v>
      </c>
      <c r="IV23" s="70">
        <v>20</v>
      </c>
      <c r="IW23" s="71">
        <v>29</v>
      </c>
      <c r="IX23" s="72">
        <v>49</v>
      </c>
      <c r="IY23" s="241"/>
      <c r="IZ23" s="71">
        <v>46</v>
      </c>
      <c r="JA23" s="71">
        <v>22</v>
      </c>
      <c r="JB23" s="71">
        <v>14</v>
      </c>
      <c r="JC23" s="71">
        <v>4</v>
      </c>
      <c r="JD23" s="71">
        <v>3</v>
      </c>
      <c r="JE23" s="72">
        <v>89</v>
      </c>
      <c r="JF23" s="73">
        <v>138</v>
      </c>
      <c r="JG23" s="70">
        <v>12</v>
      </c>
      <c r="JH23" s="71">
        <v>21</v>
      </c>
      <c r="JI23" s="72">
        <v>33</v>
      </c>
      <c r="JJ23" s="244">
        <v>0</v>
      </c>
      <c r="JK23" s="71">
        <v>25</v>
      </c>
      <c r="JL23" s="71">
        <v>23</v>
      </c>
      <c r="JM23" s="71">
        <v>18</v>
      </c>
      <c r="JN23" s="71">
        <v>19</v>
      </c>
      <c r="JO23" s="71">
        <v>3</v>
      </c>
      <c r="JP23" s="72">
        <v>88</v>
      </c>
      <c r="JQ23" s="73">
        <v>121</v>
      </c>
      <c r="JR23" s="70">
        <v>0</v>
      </c>
      <c r="JS23" s="71">
        <v>0</v>
      </c>
      <c r="JT23" s="72">
        <v>0</v>
      </c>
      <c r="JU23" s="241"/>
      <c r="JV23" s="71">
        <v>0</v>
      </c>
      <c r="JW23" s="71">
        <v>0</v>
      </c>
      <c r="JX23" s="71">
        <v>0</v>
      </c>
      <c r="JY23" s="71">
        <v>0</v>
      </c>
      <c r="JZ23" s="71">
        <v>0</v>
      </c>
      <c r="KA23" s="72">
        <v>0</v>
      </c>
      <c r="KB23" s="73">
        <v>0</v>
      </c>
      <c r="KC23" s="70">
        <v>57</v>
      </c>
      <c r="KD23" s="71">
        <v>82</v>
      </c>
      <c r="KE23" s="72">
        <v>139</v>
      </c>
      <c r="KF23" s="241"/>
      <c r="KG23" s="71">
        <v>115</v>
      </c>
      <c r="KH23" s="71">
        <v>77</v>
      </c>
      <c r="KI23" s="71">
        <v>54</v>
      </c>
      <c r="KJ23" s="71">
        <v>41</v>
      </c>
      <c r="KK23" s="71">
        <v>13</v>
      </c>
      <c r="KL23" s="72">
        <v>300</v>
      </c>
      <c r="KM23" s="73">
        <v>439</v>
      </c>
    </row>
    <row r="24" spans="2:299" ht="19.5" customHeight="1" x14ac:dyDescent="0.2">
      <c r="B24" s="126" t="s">
        <v>21</v>
      </c>
      <c r="C24" s="316">
        <v>50</v>
      </c>
      <c r="D24" s="82">
        <v>50</v>
      </c>
      <c r="E24" s="83">
        <v>100</v>
      </c>
      <c r="F24" s="241"/>
      <c r="G24" s="82">
        <v>69</v>
      </c>
      <c r="H24" s="82">
        <v>62</v>
      </c>
      <c r="I24" s="82">
        <v>41</v>
      </c>
      <c r="J24" s="82">
        <v>40</v>
      </c>
      <c r="K24" s="82">
        <v>18</v>
      </c>
      <c r="L24" s="84">
        <v>230</v>
      </c>
      <c r="M24" s="85">
        <v>330</v>
      </c>
      <c r="N24" s="70">
        <v>0</v>
      </c>
      <c r="O24" s="71">
        <v>1</v>
      </c>
      <c r="P24" s="72">
        <v>1</v>
      </c>
      <c r="Q24" s="241"/>
      <c r="R24" s="71">
        <v>1</v>
      </c>
      <c r="S24" s="71">
        <v>0</v>
      </c>
      <c r="T24" s="71">
        <v>0</v>
      </c>
      <c r="U24" s="71">
        <v>1</v>
      </c>
      <c r="V24" s="71">
        <v>1</v>
      </c>
      <c r="W24" s="72">
        <v>3</v>
      </c>
      <c r="X24" s="73">
        <v>4</v>
      </c>
      <c r="Y24" s="70">
        <v>5</v>
      </c>
      <c r="Z24" s="71">
        <v>3</v>
      </c>
      <c r="AA24" s="72">
        <v>8</v>
      </c>
      <c r="AB24" s="241"/>
      <c r="AC24" s="71">
        <v>6</v>
      </c>
      <c r="AD24" s="71">
        <v>4</v>
      </c>
      <c r="AE24" s="71">
        <v>3</v>
      </c>
      <c r="AF24" s="71">
        <v>4</v>
      </c>
      <c r="AG24" s="71">
        <v>0</v>
      </c>
      <c r="AH24" s="72">
        <v>17</v>
      </c>
      <c r="AI24" s="73">
        <v>25</v>
      </c>
      <c r="AJ24" s="70">
        <v>7</v>
      </c>
      <c r="AK24" s="71">
        <v>7</v>
      </c>
      <c r="AL24" s="72">
        <v>14</v>
      </c>
      <c r="AM24" s="241"/>
      <c r="AN24" s="71">
        <v>7</v>
      </c>
      <c r="AO24" s="71">
        <v>6</v>
      </c>
      <c r="AP24" s="71">
        <v>2</v>
      </c>
      <c r="AQ24" s="71">
        <v>5</v>
      </c>
      <c r="AR24" s="71">
        <v>1</v>
      </c>
      <c r="AS24" s="72">
        <v>21</v>
      </c>
      <c r="AT24" s="73">
        <v>35</v>
      </c>
      <c r="AU24" s="70">
        <v>7</v>
      </c>
      <c r="AV24" s="71">
        <v>11</v>
      </c>
      <c r="AW24" s="72">
        <v>18</v>
      </c>
      <c r="AX24" s="241"/>
      <c r="AY24" s="71">
        <v>12</v>
      </c>
      <c r="AZ24" s="71">
        <v>12</v>
      </c>
      <c r="BA24" s="71">
        <v>8</v>
      </c>
      <c r="BB24" s="71">
        <v>6</v>
      </c>
      <c r="BC24" s="71">
        <v>3</v>
      </c>
      <c r="BD24" s="72">
        <v>41</v>
      </c>
      <c r="BE24" s="73">
        <v>59</v>
      </c>
      <c r="BF24" s="70">
        <v>19</v>
      </c>
      <c r="BG24" s="71">
        <v>15</v>
      </c>
      <c r="BH24" s="72">
        <v>34</v>
      </c>
      <c r="BI24" s="241"/>
      <c r="BJ24" s="71">
        <v>27</v>
      </c>
      <c r="BK24" s="71">
        <v>22</v>
      </c>
      <c r="BL24" s="71">
        <v>14</v>
      </c>
      <c r="BM24" s="71">
        <v>14</v>
      </c>
      <c r="BN24" s="71">
        <v>4</v>
      </c>
      <c r="BO24" s="72">
        <v>81</v>
      </c>
      <c r="BP24" s="73">
        <v>115</v>
      </c>
      <c r="BQ24" s="70">
        <v>12</v>
      </c>
      <c r="BR24" s="71">
        <v>13</v>
      </c>
      <c r="BS24" s="72">
        <v>25</v>
      </c>
      <c r="BT24" s="241"/>
      <c r="BU24" s="71">
        <v>16</v>
      </c>
      <c r="BV24" s="71">
        <v>18</v>
      </c>
      <c r="BW24" s="71">
        <v>14</v>
      </c>
      <c r="BX24" s="71">
        <v>10</v>
      </c>
      <c r="BY24" s="71">
        <v>9</v>
      </c>
      <c r="BZ24" s="72">
        <v>67</v>
      </c>
      <c r="CA24" s="73">
        <v>92</v>
      </c>
      <c r="CB24" s="70">
        <v>0</v>
      </c>
      <c r="CC24" s="71">
        <v>0</v>
      </c>
      <c r="CD24" s="72">
        <v>0</v>
      </c>
      <c r="CE24" s="241"/>
      <c r="CF24" s="71">
        <v>0</v>
      </c>
      <c r="CG24" s="71">
        <v>0</v>
      </c>
      <c r="CH24" s="71">
        <v>0</v>
      </c>
      <c r="CI24" s="71">
        <v>0</v>
      </c>
      <c r="CJ24" s="71">
        <v>0</v>
      </c>
      <c r="CK24" s="72">
        <v>0</v>
      </c>
      <c r="CL24" s="73">
        <v>0</v>
      </c>
      <c r="CM24" s="70">
        <v>50</v>
      </c>
      <c r="CN24" s="71">
        <v>50</v>
      </c>
      <c r="CO24" s="72">
        <v>100</v>
      </c>
      <c r="CP24" s="241"/>
      <c r="CQ24" s="71">
        <v>69</v>
      </c>
      <c r="CR24" s="71">
        <v>62</v>
      </c>
      <c r="CS24" s="71">
        <v>41</v>
      </c>
      <c r="CT24" s="71">
        <v>40</v>
      </c>
      <c r="CU24" s="71">
        <v>18</v>
      </c>
      <c r="CV24" s="72">
        <v>230</v>
      </c>
      <c r="CW24" s="73">
        <v>330</v>
      </c>
      <c r="CX24" s="123">
        <v>8</v>
      </c>
      <c r="CY24" s="82">
        <v>4</v>
      </c>
      <c r="CZ24" s="83">
        <v>12</v>
      </c>
      <c r="DA24" s="241"/>
      <c r="DB24" s="82">
        <v>11</v>
      </c>
      <c r="DC24" s="82">
        <v>6</v>
      </c>
      <c r="DD24" s="82">
        <v>11</v>
      </c>
      <c r="DE24" s="82">
        <v>6</v>
      </c>
      <c r="DF24" s="82">
        <v>7</v>
      </c>
      <c r="DG24" s="84">
        <v>41</v>
      </c>
      <c r="DH24" s="85">
        <v>53</v>
      </c>
      <c r="DI24" s="70">
        <v>0</v>
      </c>
      <c r="DJ24" s="71">
        <v>0</v>
      </c>
      <c r="DK24" s="72">
        <v>0</v>
      </c>
      <c r="DL24" s="241"/>
      <c r="DM24" s="71">
        <v>0</v>
      </c>
      <c r="DN24" s="71">
        <v>1</v>
      </c>
      <c r="DO24" s="71">
        <v>1</v>
      </c>
      <c r="DP24" s="71">
        <v>0</v>
      </c>
      <c r="DQ24" s="71">
        <v>1</v>
      </c>
      <c r="DR24" s="72">
        <v>3</v>
      </c>
      <c r="DS24" s="73">
        <v>3</v>
      </c>
      <c r="DT24" s="70">
        <v>1</v>
      </c>
      <c r="DU24" s="71">
        <v>0</v>
      </c>
      <c r="DV24" s="72">
        <v>1</v>
      </c>
      <c r="DW24" s="241"/>
      <c r="DX24" s="71">
        <v>1</v>
      </c>
      <c r="DY24" s="71">
        <v>0</v>
      </c>
      <c r="DZ24" s="71">
        <v>0</v>
      </c>
      <c r="EA24" s="71">
        <v>0</v>
      </c>
      <c r="EB24" s="71">
        <v>0</v>
      </c>
      <c r="EC24" s="72">
        <v>1</v>
      </c>
      <c r="ED24" s="73">
        <v>2</v>
      </c>
      <c r="EE24" s="70">
        <v>0</v>
      </c>
      <c r="EF24" s="71">
        <v>0</v>
      </c>
      <c r="EG24" s="72">
        <v>0</v>
      </c>
      <c r="EH24" s="241"/>
      <c r="EI24" s="71">
        <v>0</v>
      </c>
      <c r="EJ24" s="71">
        <v>0</v>
      </c>
      <c r="EK24" s="71">
        <v>0</v>
      </c>
      <c r="EL24" s="71">
        <v>0</v>
      </c>
      <c r="EM24" s="71">
        <v>0</v>
      </c>
      <c r="EN24" s="72">
        <v>0</v>
      </c>
      <c r="EO24" s="73">
        <v>0</v>
      </c>
      <c r="EP24" s="70">
        <v>0</v>
      </c>
      <c r="EQ24" s="71">
        <v>2</v>
      </c>
      <c r="ER24" s="72">
        <v>2</v>
      </c>
      <c r="ES24" s="241"/>
      <c r="ET24" s="71">
        <v>2</v>
      </c>
      <c r="EU24" s="71">
        <v>1</v>
      </c>
      <c r="EV24" s="71">
        <v>1</v>
      </c>
      <c r="EW24" s="71">
        <v>2</v>
      </c>
      <c r="EX24" s="71">
        <v>0</v>
      </c>
      <c r="EY24" s="72">
        <v>6</v>
      </c>
      <c r="EZ24" s="73">
        <v>8</v>
      </c>
      <c r="FA24" s="70">
        <v>3</v>
      </c>
      <c r="FB24" s="71">
        <v>1</v>
      </c>
      <c r="FC24" s="72">
        <v>4</v>
      </c>
      <c r="FD24" s="241"/>
      <c r="FE24" s="71">
        <v>4</v>
      </c>
      <c r="FF24" s="71">
        <v>1</v>
      </c>
      <c r="FG24" s="71">
        <v>3</v>
      </c>
      <c r="FH24" s="71">
        <v>2</v>
      </c>
      <c r="FI24" s="71">
        <v>3</v>
      </c>
      <c r="FJ24" s="72">
        <v>13</v>
      </c>
      <c r="FK24" s="73">
        <v>17</v>
      </c>
      <c r="FL24" s="70">
        <v>4</v>
      </c>
      <c r="FM24" s="71">
        <v>1</v>
      </c>
      <c r="FN24" s="72">
        <v>5</v>
      </c>
      <c r="FO24" s="241"/>
      <c r="FP24" s="71">
        <v>4</v>
      </c>
      <c r="FQ24" s="71">
        <v>3</v>
      </c>
      <c r="FR24" s="71">
        <v>6</v>
      </c>
      <c r="FS24" s="71">
        <v>2</v>
      </c>
      <c r="FT24" s="71">
        <v>3</v>
      </c>
      <c r="FU24" s="72">
        <v>18</v>
      </c>
      <c r="FV24" s="73">
        <v>23</v>
      </c>
      <c r="FW24" s="70">
        <v>0</v>
      </c>
      <c r="FX24" s="71">
        <v>0</v>
      </c>
      <c r="FY24" s="72">
        <v>0</v>
      </c>
      <c r="FZ24" s="241"/>
      <c r="GA24" s="71">
        <v>0</v>
      </c>
      <c r="GB24" s="71">
        <v>0</v>
      </c>
      <c r="GC24" s="71">
        <v>0</v>
      </c>
      <c r="GD24" s="71">
        <v>0</v>
      </c>
      <c r="GE24" s="71">
        <v>0</v>
      </c>
      <c r="GF24" s="72">
        <v>0</v>
      </c>
      <c r="GG24" s="73">
        <v>0</v>
      </c>
      <c r="GH24" s="70">
        <v>8</v>
      </c>
      <c r="GI24" s="71">
        <v>4</v>
      </c>
      <c r="GJ24" s="72">
        <v>12</v>
      </c>
      <c r="GK24" s="241"/>
      <c r="GL24" s="71">
        <v>11</v>
      </c>
      <c r="GM24" s="71">
        <v>6</v>
      </c>
      <c r="GN24" s="71">
        <v>11</v>
      </c>
      <c r="GO24" s="71">
        <v>6</v>
      </c>
      <c r="GP24" s="71">
        <v>7</v>
      </c>
      <c r="GQ24" s="72">
        <v>41</v>
      </c>
      <c r="GR24" s="73">
        <v>53</v>
      </c>
      <c r="GS24" s="123">
        <v>58</v>
      </c>
      <c r="GT24" s="82">
        <v>54</v>
      </c>
      <c r="GU24" s="83">
        <v>112</v>
      </c>
      <c r="GV24" s="241"/>
      <c r="GW24" s="82">
        <v>80</v>
      </c>
      <c r="GX24" s="82">
        <v>68</v>
      </c>
      <c r="GY24" s="82">
        <v>52</v>
      </c>
      <c r="GZ24" s="82">
        <v>46</v>
      </c>
      <c r="HA24" s="82">
        <v>25</v>
      </c>
      <c r="HB24" s="84">
        <v>271</v>
      </c>
      <c r="HC24" s="85">
        <v>383</v>
      </c>
      <c r="HD24" s="70">
        <v>0</v>
      </c>
      <c r="HE24" s="71">
        <v>1</v>
      </c>
      <c r="HF24" s="72">
        <v>1</v>
      </c>
      <c r="HG24" s="241"/>
      <c r="HH24" s="71">
        <v>1</v>
      </c>
      <c r="HI24" s="71">
        <v>1</v>
      </c>
      <c r="HJ24" s="71">
        <v>1</v>
      </c>
      <c r="HK24" s="71">
        <v>1</v>
      </c>
      <c r="HL24" s="71">
        <v>2</v>
      </c>
      <c r="HM24" s="72">
        <v>6</v>
      </c>
      <c r="HN24" s="73">
        <v>7</v>
      </c>
      <c r="HO24" s="70">
        <v>6</v>
      </c>
      <c r="HP24" s="71">
        <v>3</v>
      </c>
      <c r="HQ24" s="72">
        <v>9</v>
      </c>
      <c r="HR24" s="241"/>
      <c r="HS24" s="71">
        <v>7</v>
      </c>
      <c r="HT24" s="71">
        <v>4</v>
      </c>
      <c r="HU24" s="71">
        <v>3</v>
      </c>
      <c r="HV24" s="71">
        <v>4</v>
      </c>
      <c r="HW24" s="71">
        <v>0</v>
      </c>
      <c r="HX24" s="72">
        <v>18</v>
      </c>
      <c r="HY24" s="73">
        <v>27</v>
      </c>
      <c r="HZ24" s="70">
        <v>7</v>
      </c>
      <c r="IA24" s="71">
        <v>7</v>
      </c>
      <c r="IB24" s="72">
        <v>14</v>
      </c>
      <c r="IC24" s="241"/>
      <c r="ID24" s="71">
        <v>7</v>
      </c>
      <c r="IE24" s="71">
        <v>6</v>
      </c>
      <c r="IF24" s="71">
        <v>2</v>
      </c>
      <c r="IG24" s="71">
        <v>5</v>
      </c>
      <c r="IH24" s="71">
        <v>1</v>
      </c>
      <c r="II24" s="72">
        <v>21</v>
      </c>
      <c r="IJ24" s="73">
        <v>35</v>
      </c>
      <c r="IK24" s="70">
        <v>7</v>
      </c>
      <c r="IL24" s="71">
        <v>13</v>
      </c>
      <c r="IM24" s="72">
        <v>20</v>
      </c>
      <c r="IN24" s="241"/>
      <c r="IO24" s="71">
        <v>14</v>
      </c>
      <c r="IP24" s="71">
        <v>13</v>
      </c>
      <c r="IQ24" s="71">
        <v>9</v>
      </c>
      <c r="IR24" s="71">
        <v>8</v>
      </c>
      <c r="IS24" s="71">
        <v>3</v>
      </c>
      <c r="IT24" s="72">
        <v>47</v>
      </c>
      <c r="IU24" s="73">
        <v>67</v>
      </c>
      <c r="IV24" s="70">
        <v>22</v>
      </c>
      <c r="IW24" s="71">
        <v>16</v>
      </c>
      <c r="IX24" s="72">
        <v>38</v>
      </c>
      <c r="IY24" s="241"/>
      <c r="IZ24" s="71">
        <v>31</v>
      </c>
      <c r="JA24" s="71">
        <v>23</v>
      </c>
      <c r="JB24" s="71">
        <v>17</v>
      </c>
      <c r="JC24" s="71">
        <v>16</v>
      </c>
      <c r="JD24" s="71">
        <v>7</v>
      </c>
      <c r="JE24" s="72">
        <v>94</v>
      </c>
      <c r="JF24" s="73">
        <v>132</v>
      </c>
      <c r="JG24" s="70">
        <v>16</v>
      </c>
      <c r="JH24" s="71">
        <v>14</v>
      </c>
      <c r="JI24" s="72">
        <v>30</v>
      </c>
      <c r="JJ24" s="244">
        <v>0</v>
      </c>
      <c r="JK24" s="71">
        <v>20</v>
      </c>
      <c r="JL24" s="71">
        <v>21</v>
      </c>
      <c r="JM24" s="71">
        <v>20</v>
      </c>
      <c r="JN24" s="71">
        <v>12</v>
      </c>
      <c r="JO24" s="71">
        <v>12</v>
      </c>
      <c r="JP24" s="72">
        <v>85</v>
      </c>
      <c r="JQ24" s="73">
        <v>115</v>
      </c>
      <c r="JR24" s="70">
        <v>0</v>
      </c>
      <c r="JS24" s="71">
        <v>0</v>
      </c>
      <c r="JT24" s="72">
        <v>0</v>
      </c>
      <c r="JU24" s="241"/>
      <c r="JV24" s="71">
        <v>0</v>
      </c>
      <c r="JW24" s="71">
        <v>0</v>
      </c>
      <c r="JX24" s="71">
        <v>0</v>
      </c>
      <c r="JY24" s="71">
        <v>0</v>
      </c>
      <c r="JZ24" s="71">
        <v>0</v>
      </c>
      <c r="KA24" s="72">
        <v>0</v>
      </c>
      <c r="KB24" s="73">
        <v>0</v>
      </c>
      <c r="KC24" s="70">
        <v>58</v>
      </c>
      <c r="KD24" s="71">
        <v>54</v>
      </c>
      <c r="KE24" s="72">
        <v>112</v>
      </c>
      <c r="KF24" s="241"/>
      <c r="KG24" s="71">
        <v>80</v>
      </c>
      <c r="KH24" s="71">
        <v>68</v>
      </c>
      <c r="KI24" s="71">
        <v>52</v>
      </c>
      <c r="KJ24" s="71">
        <v>46</v>
      </c>
      <c r="KK24" s="71">
        <v>25</v>
      </c>
      <c r="KL24" s="72">
        <v>271</v>
      </c>
      <c r="KM24" s="73">
        <v>383</v>
      </c>
    </row>
    <row r="25" spans="2:299" ht="19.5" customHeight="1" x14ac:dyDescent="0.2">
      <c r="B25" s="126" t="s">
        <v>22</v>
      </c>
      <c r="C25" s="316">
        <v>24</v>
      </c>
      <c r="D25" s="82">
        <v>14</v>
      </c>
      <c r="E25" s="83">
        <v>38</v>
      </c>
      <c r="F25" s="241"/>
      <c r="G25" s="82">
        <v>33</v>
      </c>
      <c r="H25" s="82">
        <v>37</v>
      </c>
      <c r="I25" s="82">
        <v>18</v>
      </c>
      <c r="J25" s="82">
        <v>17</v>
      </c>
      <c r="K25" s="82">
        <v>8</v>
      </c>
      <c r="L25" s="84">
        <v>113</v>
      </c>
      <c r="M25" s="85">
        <v>151</v>
      </c>
      <c r="N25" s="70">
        <v>0</v>
      </c>
      <c r="O25" s="71">
        <v>0</v>
      </c>
      <c r="P25" s="72">
        <v>0</v>
      </c>
      <c r="Q25" s="241"/>
      <c r="R25" s="71">
        <v>0</v>
      </c>
      <c r="S25" s="71">
        <v>1</v>
      </c>
      <c r="T25" s="71">
        <v>0</v>
      </c>
      <c r="U25" s="71">
        <v>0</v>
      </c>
      <c r="V25" s="71">
        <v>1</v>
      </c>
      <c r="W25" s="72">
        <v>2</v>
      </c>
      <c r="X25" s="73">
        <v>2</v>
      </c>
      <c r="Y25" s="70">
        <v>2</v>
      </c>
      <c r="Z25" s="71">
        <v>1</v>
      </c>
      <c r="AA25" s="72">
        <v>3</v>
      </c>
      <c r="AB25" s="241"/>
      <c r="AC25" s="71">
        <v>2</v>
      </c>
      <c r="AD25" s="71">
        <v>2</v>
      </c>
      <c r="AE25" s="71">
        <v>1</v>
      </c>
      <c r="AF25" s="71">
        <v>2</v>
      </c>
      <c r="AG25" s="71">
        <v>0</v>
      </c>
      <c r="AH25" s="72">
        <v>7</v>
      </c>
      <c r="AI25" s="73">
        <v>10</v>
      </c>
      <c r="AJ25" s="70">
        <v>3</v>
      </c>
      <c r="AK25" s="71">
        <v>1</v>
      </c>
      <c r="AL25" s="72">
        <v>4</v>
      </c>
      <c r="AM25" s="241"/>
      <c r="AN25" s="71">
        <v>3</v>
      </c>
      <c r="AO25" s="71">
        <v>2</v>
      </c>
      <c r="AP25" s="71">
        <v>7</v>
      </c>
      <c r="AQ25" s="71">
        <v>1</v>
      </c>
      <c r="AR25" s="71">
        <v>2</v>
      </c>
      <c r="AS25" s="72">
        <v>15</v>
      </c>
      <c r="AT25" s="73">
        <v>19</v>
      </c>
      <c r="AU25" s="70">
        <v>5</v>
      </c>
      <c r="AV25" s="71">
        <v>1</v>
      </c>
      <c r="AW25" s="72">
        <v>6</v>
      </c>
      <c r="AX25" s="241"/>
      <c r="AY25" s="71">
        <v>5</v>
      </c>
      <c r="AZ25" s="71">
        <v>10</v>
      </c>
      <c r="BA25" s="71">
        <v>3</v>
      </c>
      <c r="BB25" s="71">
        <v>7</v>
      </c>
      <c r="BC25" s="71">
        <v>2</v>
      </c>
      <c r="BD25" s="72">
        <v>27</v>
      </c>
      <c r="BE25" s="73">
        <v>33</v>
      </c>
      <c r="BF25" s="70">
        <v>5</v>
      </c>
      <c r="BG25" s="71">
        <v>8</v>
      </c>
      <c r="BH25" s="72">
        <v>13</v>
      </c>
      <c r="BI25" s="241"/>
      <c r="BJ25" s="71">
        <v>12</v>
      </c>
      <c r="BK25" s="71">
        <v>10</v>
      </c>
      <c r="BL25" s="71">
        <v>3</v>
      </c>
      <c r="BM25" s="71">
        <v>2</v>
      </c>
      <c r="BN25" s="71">
        <v>0</v>
      </c>
      <c r="BO25" s="72">
        <v>27</v>
      </c>
      <c r="BP25" s="73">
        <v>40</v>
      </c>
      <c r="BQ25" s="70">
        <v>9</v>
      </c>
      <c r="BR25" s="71">
        <v>3</v>
      </c>
      <c r="BS25" s="72">
        <v>12</v>
      </c>
      <c r="BT25" s="241"/>
      <c r="BU25" s="71">
        <v>11</v>
      </c>
      <c r="BV25" s="71">
        <v>12</v>
      </c>
      <c r="BW25" s="71">
        <v>4</v>
      </c>
      <c r="BX25" s="71">
        <v>5</v>
      </c>
      <c r="BY25" s="71">
        <v>3</v>
      </c>
      <c r="BZ25" s="72">
        <v>35</v>
      </c>
      <c r="CA25" s="73">
        <v>47</v>
      </c>
      <c r="CB25" s="70">
        <v>0</v>
      </c>
      <c r="CC25" s="71">
        <v>0</v>
      </c>
      <c r="CD25" s="72">
        <v>0</v>
      </c>
      <c r="CE25" s="241"/>
      <c r="CF25" s="71">
        <v>0</v>
      </c>
      <c r="CG25" s="71">
        <v>0</v>
      </c>
      <c r="CH25" s="71">
        <v>0</v>
      </c>
      <c r="CI25" s="71">
        <v>0</v>
      </c>
      <c r="CJ25" s="71">
        <v>0</v>
      </c>
      <c r="CK25" s="72">
        <v>0</v>
      </c>
      <c r="CL25" s="73">
        <v>0</v>
      </c>
      <c r="CM25" s="70">
        <v>24</v>
      </c>
      <c r="CN25" s="71">
        <v>14</v>
      </c>
      <c r="CO25" s="72">
        <v>38</v>
      </c>
      <c r="CP25" s="241"/>
      <c r="CQ25" s="71">
        <v>33</v>
      </c>
      <c r="CR25" s="71">
        <v>37</v>
      </c>
      <c r="CS25" s="71">
        <v>18</v>
      </c>
      <c r="CT25" s="71">
        <v>17</v>
      </c>
      <c r="CU25" s="71">
        <v>8</v>
      </c>
      <c r="CV25" s="72">
        <v>113</v>
      </c>
      <c r="CW25" s="73">
        <v>151</v>
      </c>
      <c r="CX25" s="123">
        <v>2</v>
      </c>
      <c r="CY25" s="82">
        <v>4</v>
      </c>
      <c r="CZ25" s="83">
        <v>6</v>
      </c>
      <c r="DA25" s="241"/>
      <c r="DB25" s="82">
        <v>8</v>
      </c>
      <c r="DC25" s="82">
        <v>4</v>
      </c>
      <c r="DD25" s="82">
        <v>1</v>
      </c>
      <c r="DE25" s="82">
        <v>4</v>
      </c>
      <c r="DF25" s="82">
        <v>4</v>
      </c>
      <c r="DG25" s="84">
        <v>21</v>
      </c>
      <c r="DH25" s="85">
        <v>27</v>
      </c>
      <c r="DI25" s="70">
        <v>0</v>
      </c>
      <c r="DJ25" s="71">
        <v>0</v>
      </c>
      <c r="DK25" s="72">
        <v>0</v>
      </c>
      <c r="DL25" s="241"/>
      <c r="DM25" s="71">
        <v>0</v>
      </c>
      <c r="DN25" s="71">
        <v>0</v>
      </c>
      <c r="DO25" s="71">
        <v>0</v>
      </c>
      <c r="DP25" s="71">
        <v>0</v>
      </c>
      <c r="DQ25" s="71">
        <v>0</v>
      </c>
      <c r="DR25" s="72">
        <v>0</v>
      </c>
      <c r="DS25" s="73">
        <v>0</v>
      </c>
      <c r="DT25" s="70">
        <v>0</v>
      </c>
      <c r="DU25" s="71">
        <v>1</v>
      </c>
      <c r="DV25" s="72">
        <v>1</v>
      </c>
      <c r="DW25" s="241"/>
      <c r="DX25" s="71">
        <v>0</v>
      </c>
      <c r="DY25" s="71">
        <v>0</v>
      </c>
      <c r="DZ25" s="71">
        <v>0</v>
      </c>
      <c r="EA25" s="71">
        <v>0</v>
      </c>
      <c r="EB25" s="71">
        <v>0</v>
      </c>
      <c r="EC25" s="72">
        <v>0</v>
      </c>
      <c r="ED25" s="73">
        <v>1</v>
      </c>
      <c r="EE25" s="70">
        <v>1</v>
      </c>
      <c r="EF25" s="71">
        <v>1</v>
      </c>
      <c r="EG25" s="72">
        <v>2</v>
      </c>
      <c r="EH25" s="241"/>
      <c r="EI25" s="71">
        <v>1</v>
      </c>
      <c r="EJ25" s="71">
        <v>0</v>
      </c>
      <c r="EK25" s="71">
        <v>1</v>
      </c>
      <c r="EL25" s="71">
        <v>0</v>
      </c>
      <c r="EM25" s="71">
        <v>0</v>
      </c>
      <c r="EN25" s="72">
        <v>2</v>
      </c>
      <c r="EO25" s="73">
        <v>4</v>
      </c>
      <c r="EP25" s="70">
        <v>0</v>
      </c>
      <c r="EQ25" s="71">
        <v>0</v>
      </c>
      <c r="ER25" s="72">
        <v>0</v>
      </c>
      <c r="ES25" s="241"/>
      <c r="ET25" s="71">
        <v>4</v>
      </c>
      <c r="EU25" s="71">
        <v>0</v>
      </c>
      <c r="EV25" s="71">
        <v>0</v>
      </c>
      <c r="EW25" s="71">
        <v>0</v>
      </c>
      <c r="EX25" s="71">
        <v>1</v>
      </c>
      <c r="EY25" s="72">
        <v>5</v>
      </c>
      <c r="EZ25" s="73">
        <v>5</v>
      </c>
      <c r="FA25" s="70">
        <v>0</v>
      </c>
      <c r="FB25" s="71">
        <v>2</v>
      </c>
      <c r="FC25" s="72">
        <v>2</v>
      </c>
      <c r="FD25" s="241"/>
      <c r="FE25" s="71">
        <v>2</v>
      </c>
      <c r="FF25" s="71">
        <v>1</v>
      </c>
      <c r="FG25" s="71">
        <v>0</v>
      </c>
      <c r="FH25" s="71">
        <v>0</v>
      </c>
      <c r="FI25" s="71">
        <v>2</v>
      </c>
      <c r="FJ25" s="72">
        <v>5</v>
      </c>
      <c r="FK25" s="73">
        <v>7</v>
      </c>
      <c r="FL25" s="70">
        <v>1</v>
      </c>
      <c r="FM25" s="71">
        <v>0</v>
      </c>
      <c r="FN25" s="72">
        <v>1</v>
      </c>
      <c r="FO25" s="241"/>
      <c r="FP25" s="71">
        <v>1</v>
      </c>
      <c r="FQ25" s="71">
        <v>3</v>
      </c>
      <c r="FR25" s="71">
        <v>0</v>
      </c>
      <c r="FS25" s="71">
        <v>4</v>
      </c>
      <c r="FT25" s="71">
        <v>1</v>
      </c>
      <c r="FU25" s="72">
        <v>9</v>
      </c>
      <c r="FV25" s="73">
        <v>10</v>
      </c>
      <c r="FW25" s="70">
        <v>0</v>
      </c>
      <c r="FX25" s="71">
        <v>0</v>
      </c>
      <c r="FY25" s="72">
        <v>0</v>
      </c>
      <c r="FZ25" s="241"/>
      <c r="GA25" s="71">
        <v>0</v>
      </c>
      <c r="GB25" s="71">
        <v>0</v>
      </c>
      <c r="GC25" s="71">
        <v>0</v>
      </c>
      <c r="GD25" s="71">
        <v>0</v>
      </c>
      <c r="GE25" s="71">
        <v>0</v>
      </c>
      <c r="GF25" s="72">
        <v>0</v>
      </c>
      <c r="GG25" s="73">
        <v>0</v>
      </c>
      <c r="GH25" s="70">
        <v>2</v>
      </c>
      <c r="GI25" s="71">
        <v>4</v>
      </c>
      <c r="GJ25" s="72">
        <v>6</v>
      </c>
      <c r="GK25" s="241"/>
      <c r="GL25" s="71">
        <v>8</v>
      </c>
      <c r="GM25" s="71">
        <v>4</v>
      </c>
      <c r="GN25" s="71">
        <v>1</v>
      </c>
      <c r="GO25" s="71">
        <v>4</v>
      </c>
      <c r="GP25" s="71">
        <v>4</v>
      </c>
      <c r="GQ25" s="72">
        <v>21</v>
      </c>
      <c r="GR25" s="73">
        <v>27</v>
      </c>
      <c r="GS25" s="123">
        <v>26</v>
      </c>
      <c r="GT25" s="82">
        <v>18</v>
      </c>
      <c r="GU25" s="83">
        <v>44</v>
      </c>
      <c r="GV25" s="241"/>
      <c r="GW25" s="82">
        <v>41</v>
      </c>
      <c r="GX25" s="82">
        <v>41</v>
      </c>
      <c r="GY25" s="82">
        <v>19</v>
      </c>
      <c r="GZ25" s="82">
        <v>21</v>
      </c>
      <c r="HA25" s="82">
        <v>12</v>
      </c>
      <c r="HB25" s="84">
        <v>134</v>
      </c>
      <c r="HC25" s="85">
        <v>178</v>
      </c>
      <c r="HD25" s="70">
        <v>0</v>
      </c>
      <c r="HE25" s="71">
        <v>0</v>
      </c>
      <c r="HF25" s="72">
        <v>0</v>
      </c>
      <c r="HG25" s="241"/>
      <c r="HH25" s="71">
        <v>0</v>
      </c>
      <c r="HI25" s="71">
        <v>1</v>
      </c>
      <c r="HJ25" s="71">
        <v>0</v>
      </c>
      <c r="HK25" s="71">
        <v>0</v>
      </c>
      <c r="HL25" s="71">
        <v>1</v>
      </c>
      <c r="HM25" s="72">
        <v>2</v>
      </c>
      <c r="HN25" s="73">
        <v>2</v>
      </c>
      <c r="HO25" s="70">
        <v>2</v>
      </c>
      <c r="HP25" s="71">
        <v>2</v>
      </c>
      <c r="HQ25" s="72">
        <v>4</v>
      </c>
      <c r="HR25" s="241"/>
      <c r="HS25" s="71">
        <v>2</v>
      </c>
      <c r="HT25" s="71">
        <v>2</v>
      </c>
      <c r="HU25" s="71">
        <v>1</v>
      </c>
      <c r="HV25" s="71">
        <v>2</v>
      </c>
      <c r="HW25" s="71">
        <v>0</v>
      </c>
      <c r="HX25" s="72">
        <v>7</v>
      </c>
      <c r="HY25" s="73">
        <v>11</v>
      </c>
      <c r="HZ25" s="70">
        <v>4</v>
      </c>
      <c r="IA25" s="71">
        <v>2</v>
      </c>
      <c r="IB25" s="72">
        <v>6</v>
      </c>
      <c r="IC25" s="241"/>
      <c r="ID25" s="71">
        <v>4</v>
      </c>
      <c r="IE25" s="71">
        <v>2</v>
      </c>
      <c r="IF25" s="71">
        <v>8</v>
      </c>
      <c r="IG25" s="71">
        <v>1</v>
      </c>
      <c r="IH25" s="71">
        <v>2</v>
      </c>
      <c r="II25" s="72">
        <v>17</v>
      </c>
      <c r="IJ25" s="73">
        <v>23</v>
      </c>
      <c r="IK25" s="70">
        <v>5</v>
      </c>
      <c r="IL25" s="71">
        <v>1</v>
      </c>
      <c r="IM25" s="72">
        <v>6</v>
      </c>
      <c r="IN25" s="241"/>
      <c r="IO25" s="71">
        <v>9</v>
      </c>
      <c r="IP25" s="71">
        <v>10</v>
      </c>
      <c r="IQ25" s="71">
        <v>3</v>
      </c>
      <c r="IR25" s="71">
        <v>7</v>
      </c>
      <c r="IS25" s="71">
        <v>3</v>
      </c>
      <c r="IT25" s="72">
        <v>32</v>
      </c>
      <c r="IU25" s="73">
        <v>38</v>
      </c>
      <c r="IV25" s="70">
        <v>5</v>
      </c>
      <c r="IW25" s="71">
        <v>10</v>
      </c>
      <c r="IX25" s="72">
        <v>15</v>
      </c>
      <c r="IY25" s="241"/>
      <c r="IZ25" s="71">
        <v>14</v>
      </c>
      <c r="JA25" s="71">
        <v>11</v>
      </c>
      <c r="JB25" s="71">
        <v>3</v>
      </c>
      <c r="JC25" s="71">
        <v>2</v>
      </c>
      <c r="JD25" s="71">
        <v>2</v>
      </c>
      <c r="JE25" s="72">
        <v>32</v>
      </c>
      <c r="JF25" s="73">
        <v>47</v>
      </c>
      <c r="JG25" s="70">
        <v>10</v>
      </c>
      <c r="JH25" s="71">
        <v>3</v>
      </c>
      <c r="JI25" s="72">
        <v>13</v>
      </c>
      <c r="JJ25" s="244">
        <v>0</v>
      </c>
      <c r="JK25" s="71">
        <v>12</v>
      </c>
      <c r="JL25" s="71">
        <v>15</v>
      </c>
      <c r="JM25" s="71">
        <v>4</v>
      </c>
      <c r="JN25" s="71">
        <v>9</v>
      </c>
      <c r="JO25" s="71">
        <v>4</v>
      </c>
      <c r="JP25" s="72">
        <v>44</v>
      </c>
      <c r="JQ25" s="73">
        <v>57</v>
      </c>
      <c r="JR25" s="70">
        <v>0</v>
      </c>
      <c r="JS25" s="71">
        <v>0</v>
      </c>
      <c r="JT25" s="72">
        <v>0</v>
      </c>
      <c r="JU25" s="241"/>
      <c r="JV25" s="71">
        <v>0</v>
      </c>
      <c r="JW25" s="71">
        <v>0</v>
      </c>
      <c r="JX25" s="71">
        <v>0</v>
      </c>
      <c r="JY25" s="71">
        <v>0</v>
      </c>
      <c r="JZ25" s="71">
        <v>0</v>
      </c>
      <c r="KA25" s="72">
        <v>0</v>
      </c>
      <c r="KB25" s="73">
        <v>0</v>
      </c>
      <c r="KC25" s="70">
        <v>26</v>
      </c>
      <c r="KD25" s="71">
        <v>18</v>
      </c>
      <c r="KE25" s="72">
        <v>44</v>
      </c>
      <c r="KF25" s="241"/>
      <c r="KG25" s="71">
        <v>41</v>
      </c>
      <c r="KH25" s="71">
        <v>41</v>
      </c>
      <c r="KI25" s="71">
        <v>19</v>
      </c>
      <c r="KJ25" s="71">
        <v>21</v>
      </c>
      <c r="KK25" s="71">
        <v>12</v>
      </c>
      <c r="KL25" s="72">
        <v>134</v>
      </c>
      <c r="KM25" s="73">
        <v>178</v>
      </c>
    </row>
    <row r="26" spans="2:299" ht="19.5" customHeight="1" x14ac:dyDescent="0.2">
      <c r="B26" s="126" t="s">
        <v>23</v>
      </c>
      <c r="C26" s="316">
        <v>32</v>
      </c>
      <c r="D26" s="82">
        <v>30</v>
      </c>
      <c r="E26" s="83">
        <v>62</v>
      </c>
      <c r="F26" s="241"/>
      <c r="G26" s="82">
        <v>47</v>
      </c>
      <c r="H26" s="82">
        <v>33</v>
      </c>
      <c r="I26" s="82">
        <v>26</v>
      </c>
      <c r="J26" s="82">
        <v>19</v>
      </c>
      <c r="K26" s="82">
        <v>8</v>
      </c>
      <c r="L26" s="84">
        <v>133</v>
      </c>
      <c r="M26" s="85">
        <v>195</v>
      </c>
      <c r="N26" s="70">
        <v>1</v>
      </c>
      <c r="O26" s="71">
        <v>1</v>
      </c>
      <c r="P26" s="72">
        <v>2</v>
      </c>
      <c r="Q26" s="241"/>
      <c r="R26" s="71">
        <v>0</v>
      </c>
      <c r="S26" s="71">
        <v>0</v>
      </c>
      <c r="T26" s="71">
        <v>1</v>
      </c>
      <c r="U26" s="71">
        <v>1</v>
      </c>
      <c r="V26" s="71">
        <v>0</v>
      </c>
      <c r="W26" s="72">
        <v>2</v>
      </c>
      <c r="X26" s="73">
        <v>4</v>
      </c>
      <c r="Y26" s="70">
        <v>1</v>
      </c>
      <c r="Z26" s="71">
        <v>0</v>
      </c>
      <c r="AA26" s="72">
        <v>1</v>
      </c>
      <c r="AB26" s="241"/>
      <c r="AC26" s="71">
        <v>4</v>
      </c>
      <c r="AD26" s="71">
        <v>1</v>
      </c>
      <c r="AE26" s="71">
        <v>0</v>
      </c>
      <c r="AF26" s="71">
        <v>2</v>
      </c>
      <c r="AG26" s="71">
        <v>3</v>
      </c>
      <c r="AH26" s="72">
        <v>10</v>
      </c>
      <c r="AI26" s="73">
        <v>11</v>
      </c>
      <c r="AJ26" s="70">
        <v>3</v>
      </c>
      <c r="AK26" s="71">
        <v>5</v>
      </c>
      <c r="AL26" s="72">
        <v>8</v>
      </c>
      <c r="AM26" s="241"/>
      <c r="AN26" s="71">
        <v>4</v>
      </c>
      <c r="AO26" s="71">
        <v>5</v>
      </c>
      <c r="AP26" s="71">
        <v>1</v>
      </c>
      <c r="AQ26" s="71">
        <v>3</v>
      </c>
      <c r="AR26" s="71">
        <v>1</v>
      </c>
      <c r="AS26" s="72">
        <v>14</v>
      </c>
      <c r="AT26" s="73">
        <v>22</v>
      </c>
      <c r="AU26" s="70">
        <v>10</v>
      </c>
      <c r="AV26" s="71">
        <v>10</v>
      </c>
      <c r="AW26" s="72">
        <v>20</v>
      </c>
      <c r="AX26" s="241"/>
      <c r="AY26" s="71">
        <v>16</v>
      </c>
      <c r="AZ26" s="71">
        <v>10</v>
      </c>
      <c r="BA26" s="71">
        <v>6</v>
      </c>
      <c r="BB26" s="71">
        <v>4</v>
      </c>
      <c r="BC26" s="71">
        <v>1</v>
      </c>
      <c r="BD26" s="72">
        <v>37</v>
      </c>
      <c r="BE26" s="73">
        <v>57</v>
      </c>
      <c r="BF26" s="70">
        <v>15</v>
      </c>
      <c r="BG26" s="71">
        <v>6</v>
      </c>
      <c r="BH26" s="72">
        <v>21</v>
      </c>
      <c r="BI26" s="241"/>
      <c r="BJ26" s="71">
        <v>15</v>
      </c>
      <c r="BK26" s="71">
        <v>9</v>
      </c>
      <c r="BL26" s="71">
        <v>7</v>
      </c>
      <c r="BM26" s="71">
        <v>3</v>
      </c>
      <c r="BN26" s="71">
        <v>1</v>
      </c>
      <c r="BO26" s="72">
        <v>35</v>
      </c>
      <c r="BP26" s="73">
        <v>56</v>
      </c>
      <c r="BQ26" s="70">
        <v>2</v>
      </c>
      <c r="BR26" s="71">
        <v>8</v>
      </c>
      <c r="BS26" s="72">
        <v>10</v>
      </c>
      <c r="BT26" s="241"/>
      <c r="BU26" s="71">
        <v>8</v>
      </c>
      <c r="BV26" s="71">
        <v>8</v>
      </c>
      <c r="BW26" s="71">
        <v>11</v>
      </c>
      <c r="BX26" s="71">
        <v>6</v>
      </c>
      <c r="BY26" s="71">
        <v>2</v>
      </c>
      <c r="BZ26" s="72">
        <v>35</v>
      </c>
      <c r="CA26" s="73">
        <v>45</v>
      </c>
      <c r="CB26" s="70">
        <v>0</v>
      </c>
      <c r="CC26" s="71">
        <v>0</v>
      </c>
      <c r="CD26" s="72">
        <v>0</v>
      </c>
      <c r="CE26" s="241"/>
      <c r="CF26" s="71">
        <v>0</v>
      </c>
      <c r="CG26" s="71">
        <v>0</v>
      </c>
      <c r="CH26" s="71">
        <v>0</v>
      </c>
      <c r="CI26" s="71">
        <v>0</v>
      </c>
      <c r="CJ26" s="71">
        <v>0</v>
      </c>
      <c r="CK26" s="72">
        <v>0</v>
      </c>
      <c r="CL26" s="73">
        <v>0</v>
      </c>
      <c r="CM26" s="70">
        <v>32</v>
      </c>
      <c r="CN26" s="71">
        <v>30</v>
      </c>
      <c r="CO26" s="72">
        <v>62</v>
      </c>
      <c r="CP26" s="241"/>
      <c r="CQ26" s="71">
        <v>47</v>
      </c>
      <c r="CR26" s="71">
        <v>33</v>
      </c>
      <c r="CS26" s="71">
        <v>26</v>
      </c>
      <c r="CT26" s="71">
        <v>19</v>
      </c>
      <c r="CU26" s="71">
        <v>8</v>
      </c>
      <c r="CV26" s="72">
        <v>133</v>
      </c>
      <c r="CW26" s="73">
        <v>195</v>
      </c>
      <c r="CX26" s="123">
        <v>0</v>
      </c>
      <c r="CY26" s="82">
        <v>3</v>
      </c>
      <c r="CZ26" s="83">
        <v>3</v>
      </c>
      <c r="DA26" s="241"/>
      <c r="DB26" s="82">
        <v>5</v>
      </c>
      <c r="DC26" s="82">
        <v>5</v>
      </c>
      <c r="DD26" s="82">
        <v>2</v>
      </c>
      <c r="DE26" s="82">
        <v>3</v>
      </c>
      <c r="DF26" s="82">
        <v>1</v>
      </c>
      <c r="DG26" s="84">
        <v>16</v>
      </c>
      <c r="DH26" s="85">
        <v>19</v>
      </c>
      <c r="DI26" s="70">
        <v>0</v>
      </c>
      <c r="DJ26" s="71">
        <v>0</v>
      </c>
      <c r="DK26" s="72">
        <v>0</v>
      </c>
      <c r="DL26" s="241"/>
      <c r="DM26" s="71">
        <v>0</v>
      </c>
      <c r="DN26" s="71">
        <v>1</v>
      </c>
      <c r="DO26" s="71">
        <v>0</v>
      </c>
      <c r="DP26" s="71">
        <v>1</v>
      </c>
      <c r="DQ26" s="71">
        <v>0</v>
      </c>
      <c r="DR26" s="72">
        <v>2</v>
      </c>
      <c r="DS26" s="73">
        <v>2</v>
      </c>
      <c r="DT26" s="70">
        <v>0</v>
      </c>
      <c r="DU26" s="71">
        <v>1</v>
      </c>
      <c r="DV26" s="72">
        <v>1</v>
      </c>
      <c r="DW26" s="241"/>
      <c r="DX26" s="71">
        <v>2</v>
      </c>
      <c r="DY26" s="71">
        <v>0</v>
      </c>
      <c r="DZ26" s="71">
        <v>0</v>
      </c>
      <c r="EA26" s="71">
        <v>0</v>
      </c>
      <c r="EB26" s="71">
        <v>0</v>
      </c>
      <c r="EC26" s="72">
        <v>2</v>
      </c>
      <c r="ED26" s="73">
        <v>3</v>
      </c>
      <c r="EE26" s="70">
        <v>0</v>
      </c>
      <c r="EF26" s="71">
        <v>0</v>
      </c>
      <c r="EG26" s="72">
        <v>0</v>
      </c>
      <c r="EH26" s="241"/>
      <c r="EI26" s="71">
        <v>0</v>
      </c>
      <c r="EJ26" s="71">
        <v>1</v>
      </c>
      <c r="EK26" s="71">
        <v>0</v>
      </c>
      <c r="EL26" s="71">
        <v>1</v>
      </c>
      <c r="EM26" s="71">
        <v>0</v>
      </c>
      <c r="EN26" s="72">
        <v>2</v>
      </c>
      <c r="EO26" s="73">
        <v>2</v>
      </c>
      <c r="EP26" s="70">
        <v>0</v>
      </c>
      <c r="EQ26" s="71">
        <v>1</v>
      </c>
      <c r="ER26" s="72">
        <v>1</v>
      </c>
      <c r="ES26" s="241"/>
      <c r="ET26" s="71">
        <v>2</v>
      </c>
      <c r="EU26" s="71">
        <v>1</v>
      </c>
      <c r="EV26" s="71">
        <v>1</v>
      </c>
      <c r="EW26" s="71">
        <v>0</v>
      </c>
      <c r="EX26" s="71">
        <v>0</v>
      </c>
      <c r="EY26" s="72">
        <v>4</v>
      </c>
      <c r="EZ26" s="73">
        <v>5</v>
      </c>
      <c r="FA26" s="70">
        <v>0</v>
      </c>
      <c r="FB26" s="71">
        <v>1</v>
      </c>
      <c r="FC26" s="72">
        <v>1</v>
      </c>
      <c r="FD26" s="241"/>
      <c r="FE26" s="71">
        <v>1</v>
      </c>
      <c r="FF26" s="71">
        <v>2</v>
      </c>
      <c r="FG26" s="71">
        <v>1</v>
      </c>
      <c r="FH26" s="71">
        <v>1</v>
      </c>
      <c r="FI26" s="71">
        <v>0</v>
      </c>
      <c r="FJ26" s="72">
        <v>5</v>
      </c>
      <c r="FK26" s="73">
        <v>6</v>
      </c>
      <c r="FL26" s="70">
        <v>0</v>
      </c>
      <c r="FM26" s="71">
        <v>0</v>
      </c>
      <c r="FN26" s="72">
        <v>0</v>
      </c>
      <c r="FO26" s="241"/>
      <c r="FP26" s="71">
        <v>0</v>
      </c>
      <c r="FQ26" s="71">
        <v>0</v>
      </c>
      <c r="FR26" s="71">
        <v>0</v>
      </c>
      <c r="FS26" s="71">
        <v>0</v>
      </c>
      <c r="FT26" s="71">
        <v>1</v>
      </c>
      <c r="FU26" s="72">
        <v>1</v>
      </c>
      <c r="FV26" s="73">
        <v>1</v>
      </c>
      <c r="FW26" s="70">
        <v>0</v>
      </c>
      <c r="FX26" s="71">
        <v>0</v>
      </c>
      <c r="FY26" s="72">
        <v>0</v>
      </c>
      <c r="FZ26" s="241"/>
      <c r="GA26" s="71">
        <v>0</v>
      </c>
      <c r="GB26" s="71">
        <v>0</v>
      </c>
      <c r="GC26" s="71">
        <v>0</v>
      </c>
      <c r="GD26" s="71">
        <v>0</v>
      </c>
      <c r="GE26" s="71">
        <v>0</v>
      </c>
      <c r="GF26" s="72">
        <v>0</v>
      </c>
      <c r="GG26" s="73">
        <v>0</v>
      </c>
      <c r="GH26" s="70">
        <v>0</v>
      </c>
      <c r="GI26" s="71">
        <v>3</v>
      </c>
      <c r="GJ26" s="72">
        <v>3</v>
      </c>
      <c r="GK26" s="241"/>
      <c r="GL26" s="71">
        <v>5</v>
      </c>
      <c r="GM26" s="71">
        <v>5</v>
      </c>
      <c r="GN26" s="71">
        <v>2</v>
      </c>
      <c r="GO26" s="71">
        <v>3</v>
      </c>
      <c r="GP26" s="71">
        <v>1</v>
      </c>
      <c r="GQ26" s="72">
        <v>16</v>
      </c>
      <c r="GR26" s="73">
        <v>19</v>
      </c>
      <c r="GS26" s="123">
        <v>32</v>
      </c>
      <c r="GT26" s="82">
        <v>33</v>
      </c>
      <c r="GU26" s="83">
        <v>65</v>
      </c>
      <c r="GV26" s="241"/>
      <c r="GW26" s="82">
        <v>52</v>
      </c>
      <c r="GX26" s="82">
        <v>38</v>
      </c>
      <c r="GY26" s="82">
        <v>28</v>
      </c>
      <c r="GZ26" s="82">
        <v>22</v>
      </c>
      <c r="HA26" s="82">
        <v>9</v>
      </c>
      <c r="HB26" s="84">
        <v>149</v>
      </c>
      <c r="HC26" s="85">
        <v>214</v>
      </c>
      <c r="HD26" s="70">
        <v>1</v>
      </c>
      <c r="HE26" s="71">
        <v>1</v>
      </c>
      <c r="HF26" s="72">
        <v>2</v>
      </c>
      <c r="HG26" s="241"/>
      <c r="HH26" s="71">
        <v>0</v>
      </c>
      <c r="HI26" s="71">
        <v>1</v>
      </c>
      <c r="HJ26" s="71">
        <v>1</v>
      </c>
      <c r="HK26" s="71">
        <v>2</v>
      </c>
      <c r="HL26" s="71">
        <v>0</v>
      </c>
      <c r="HM26" s="72">
        <v>4</v>
      </c>
      <c r="HN26" s="73">
        <v>6</v>
      </c>
      <c r="HO26" s="70">
        <v>1</v>
      </c>
      <c r="HP26" s="71">
        <v>1</v>
      </c>
      <c r="HQ26" s="72">
        <v>2</v>
      </c>
      <c r="HR26" s="241"/>
      <c r="HS26" s="71">
        <v>6</v>
      </c>
      <c r="HT26" s="71">
        <v>1</v>
      </c>
      <c r="HU26" s="71">
        <v>0</v>
      </c>
      <c r="HV26" s="71">
        <v>2</v>
      </c>
      <c r="HW26" s="71">
        <v>3</v>
      </c>
      <c r="HX26" s="72">
        <v>12</v>
      </c>
      <c r="HY26" s="73">
        <v>14</v>
      </c>
      <c r="HZ26" s="70">
        <v>3</v>
      </c>
      <c r="IA26" s="71">
        <v>5</v>
      </c>
      <c r="IB26" s="72">
        <v>8</v>
      </c>
      <c r="IC26" s="241"/>
      <c r="ID26" s="71">
        <v>4</v>
      </c>
      <c r="IE26" s="71">
        <v>6</v>
      </c>
      <c r="IF26" s="71">
        <v>1</v>
      </c>
      <c r="IG26" s="71">
        <v>4</v>
      </c>
      <c r="IH26" s="71">
        <v>1</v>
      </c>
      <c r="II26" s="72">
        <v>16</v>
      </c>
      <c r="IJ26" s="73">
        <v>24</v>
      </c>
      <c r="IK26" s="70">
        <v>10</v>
      </c>
      <c r="IL26" s="71">
        <v>11</v>
      </c>
      <c r="IM26" s="72">
        <v>21</v>
      </c>
      <c r="IN26" s="241"/>
      <c r="IO26" s="71">
        <v>18</v>
      </c>
      <c r="IP26" s="71">
        <v>11</v>
      </c>
      <c r="IQ26" s="71">
        <v>7</v>
      </c>
      <c r="IR26" s="71">
        <v>4</v>
      </c>
      <c r="IS26" s="71">
        <v>1</v>
      </c>
      <c r="IT26" s="72">
        <v>41</v>
      </c>
      <c r="IU26" s="73">
        <v>62</v>
      </c>
      <c r="IV26" s="70">
        <v>15</v>
      </c>
      <c r="IW26" s="71">
        <v>7</v>
      </c>
      <c r="IX26" s="72">
        <v>22</v>
      </c>
      <c r="IY26" s="241"/>
      <c r="IZ26" s="71">
        <v>16</v>
      </c>
      <c r="JA26" s="71">
        <v>11</v>
      </c>
      <c r="JB26" s="71">
        <v>8</v>
      </c>
      <c r="JC26" s="71">
        <v>4</v>
      </c>
      <c r="JD26" s="71">
        <v>1</v>
      </c>
      <c r="JE26" s="72">
        <v>40</v>
      </c>
      <c r="JF26" s="73">
        <v>62</v>
      </c>
      <c r="JG26" s="70">
        <v>2</v>
      </c>
      <c r="JH26" s="71">
        <v>8</v>
      </c>
      <c r="JI26" s="72">
        <v>10</v>
      </c>
      <c r="JJ26" s="244">
        <v>0</v>
      </c>
      <c r="JK26" s="71">
        <v>8</v>
      </c>
      <c r="JL26" s="71">
        <v>8</v>
      </c>
      <c r="JM26" s="71">
        <v>11</v>
      </c>
      <c r="JN26" s="71">
        <v>6</v>
      </c>
      <c r="JO26" s="71">
        <v>3</v>
      </c>
      <c r="JP26" s="72">
        <v>36</v>
      </c>
      <c r="JQ26" s="73">
        <v>46</v>
      </c>
      <c r="JR26" s="70">
        <v>0</v>
      </c>
      <c r="JS26" s="71">
        <v>0</v>
      </c>
      <c r="JT26" s="72">
        <v>0</v>
      </c>
      <c r="JU26" s="241"/>
      <c r="JV26" s="71">
        <v>0</v>
      </c>
      <c r="JW26" s="71">
        <v>0</v>
      </c>
      <c r="JX26" s="71">
        <v>0</v>
      </c>
      <c r="JY26" s="71">
        <v>0</v>
      </c>
      <c r="JZ26" s="71">
        <v>0</v>
      </c>
      <c r="KA26" s="72">
        <v>0</v>
      </c>
      <c r="KB26" s="73">
        <v>0</v>
      </c>
      <c r="KC26" s="70">
        <v>32</v>
      </c>
      <c r="KD26" s="71">
        <v>33</v>
      </c>
      <c r="KE26" s="72">
        <v>65</v>
      </c>
      <c r="KF26" s="241"/>
      <c r="KG26" s="71">
        <v>52</v>
      </c>
      <c r="KH26" s="71">
        <v>38</v>
      </c>
      <c r="KI26" s="71">
        <v>28</v>
      </c>
      <c r="KJ26" s="71">
        <v>22</v>
      </c>
      <c r="KK26" s="71">
        <v>9</v>
      </c>
      <c r="KL26" s="72">
        <v>149</v>
      </c>
      <c r="KM26" s="73">
        <v>214</v>
      </c>
    </row>
    <row r="27" spans="2:299" ht="19.5" customHeight="1" x14ac:dyDescent="0.2">
      <c r="B27" s="126" t="s">
        <v>24</v>
      </c>
      <c r="C27" s="316">
        <v>34</v>
      </c>
      <c r="D27" s="82">
        <v>21</v>
      </c>
      <c r="E27" s="83">
        <v>55</v>
      </c>
      <c r="F27" s="241"/>
      <c r="G27" s="82">
        <v>49</v>
      </c>
      <c r="H27" s="82">
        <v>30</v>
      </c>
      <c r="I27" s="82">
        <v>20</v>
      </c>
      <c r="J27" s="82">
        <v>13</v>
      </c>
      <c r="K27" s="82">
        <v>9</v>
      </c>
      <c r="L27" s="84">
        <v>121</v>
      </c>
      <c r="M27" s="85">
        <v>176</v>
      </c>
      <c r="N27" s="70">
        <v>0</v>
      </c>
      <c r="O27" s="71">
        <v>0</v>
      </c>
      <c r="P27" s="72">
        <v>0</v>
      </c>
      <c r="Q27" s="241"/>
      <c r="R27" s="71">
        <v>2</v>
      </c>
      <c r="S27" s="71">
        <v>0</v>
      </c>
      <c r="T27" s="71">
        <v>0</v>
      </c>
      <c r="U27" s="71">
        <v>0</v>
      </c>
      <c r="V27" s="71">
        <v>0</v>
      </c>
      <c r="W27" s="72">
        <v>2</v>
      </c>
      <c r="X27" s="73">
        <v>2</v>
      </c>
      <c r="Y27" s="70">
        <v>1</v>
      </c>
      <c r="Z27" s="71">
        <v>2</v>
      </c>
      <c r="AA27" s="72">
        <v>3</v>
      </c>
      <c r="AB27" s="241"/>
      <c r="AC27" s="71">
        <v>1</v>
      </c>
      <c r="AD27" s="71">
        <v>4</v>
      </c>
      <c r="AE27" s="71">
        <v>2</v>
      </c>
      <c r="AF27" s="71">
        <v>0</v>
      </c>
      <c r="AG27" s="71">
        <v>1</v>
      </c>
      <c r="AH27" s="72">
        <v>8</v>
      </c>
      <c r="AI27" s="73">
        <v>11</v>
      </c>
      <c r="AJ27" s="70">
        <v>3</v>
      </c>
      <c r="AK27" s="71">
        <v>3</v>
      </c>
      <c r="AL27" s="72">
        <v>6</v>
      </c>
      <c r="AM27" s="241"/>
      <c r="AN27" s="71">
        <v>4</v>
      </c>
      <c r="AO27" s="71">
        <v>3</v>
      </c>
      <c r="AP27" s="71">
        <v>0</v>
      </c>
      <c r="AQ27" s="71">
        <v>3</v>
      </c>
      <c r="AR27" s="71">
        <v>0</v>
      </c>
      <c r="AS27" s="72">
        <v>10</v>
      </c>
      <c r="AT27" s="73">
        <v>16</v>
      </c>
      <c r="AU27" s="70">
        <v>5</v>
      </c>
      <c r="AV27" s="71">
        <v>3</v>
      </c>
      <c r="AW27" s="72">
        <v>8</v>
      </c>
      <c r="AX27" s="241"/>
      <c r="AY27" s="71">
        <v>5</v>
      </c>
      <c r="AZ27" s="71">
        <v>5</v>
      </c>
      <c r="BA27" s="71">
        <v>1</v>
      </c>
      <c r="BB27" s="71">
        <v>2</v>
      </c>
      <c r="BC27" s="71">
        <v>4</v>
      </c>
      <c r="BD27" s="72">
        <v>17</v>
      </c>
      <c r="BE27" s="73">
        <v>25</v>
      </c>
      <c r="BF27" s="70">
        <v>9</v>
      </c>
      <c r="BG27" s="71">
        <v>4</v>
      </c>
      <c r="BH27" s="72">
        <v>13</v>
      </c>
      <c r="BI27" s="241"/>
      <c r="BJ27" s="71">
        <v>16</v>
      </c>
      <c r="BK27" s="71">
        <v>11</v>
      </c>
      <c r="BL27" s="71">
        <v>7</v>
      </c>
      <c r="BM27" s="71">
        <v>5</v>
      </c>
      <c r="BN27" s="71">
        <v>2</v>
      </c>
      <c r="BO27" s="72">
        <v>41</v>
      </c>
      <c r="BP27" s="73">
        <v>54</v>
      </c>
      <c r="BQ27" s="70">
        <v>16</v>
      </c>
      <c r="BR27" s="71">
        <v>9</v>
      </c>
      <c r="BS27" s="72">
        <v>25</v>
      </c>
      <c r="BT27" s="241"/>
      <c r="BU27" s="71">
        <v>21</v>
      </c>
      <c r="BV27" s="71">
        <v>7</v>
      </c>
      <c r="BW27" s="71">
        <v>10</v>
      </c>
      <c r="BX27" s="71">
        <v>3</v>
      </c>
      <c r="BY27" s="71">
        <v>2</v>
      </c>
      <c r="BZ27" s="72">
        <v>43</v>
      </c>
      <c r="CA27" s="73">
        <v>68</v>
      </c>
      <c r="CB27" s="70">
        <v>0</v>
      </c>
      <c r="CC27" s="71">
        <v>0</v>
      </c>
      <c r="CD27" s="72">
        <v>0</v>
      </c>
      <c r="CE27" s="241"/>
      <c r="CF27" s="71">
        <v>0</v>
      </c>
      <c r="CG27" s="71">
        <v>0</v>
      </c>
      <c r="CH27" s="71">
        <v>0</v>
      </c>
      <c r="CI27" s="71">
        <v>0</v>
      </c>
      <c r="CJ27" s="71">
        <v>0</v>
      </c>
      <c r="CK27" s="72">
        <v>0</v>
      </c>
      <c r="CL27" s="73">
        <v>0</v>
      </c>
      <c r="CM27" s="70">
        <v>34</v>
      </c>
      <c r="CN27" s="71">
        <v>21</v>
      </c>
      <c r="CO27" s="72">
        <v>55</v>
      </c>
      <c r="CP27" s="241"/>
      <c r="CQ27" s="71">
        <v>49</v>
      </c>
      <c r="CR27" s="71">
        <v>30</v>
      </c>
      <c r="CS27" s="71">
        <v>20</v>
      </c>
      <c r="CT27" s="71">
        <v>13</v>
      </c>
      <c r="CU27" s="71">
        <v>9</v>
      </c>
      <c r="CV27" s="72">
        <v>121</v>
      </c>
      <c r="CW27" s="73">
        <v>176</v>
      </c>
      <c r="CX27" s="123">
        <v>2</v>
      </c>
      <c r="CY27" s="82">
        <v>4</v>
      </c>
      <c r="CZ27" s="83">
        <v>6</v>
      </c>
      <c r="DA27" s="241"/>
      <c r="DB27" s="82">
        <v>7</v>
      </c>
      <c r="DC27" s="82">
        <v>4</v>
      </c>
      <c r="DD27" s="82">
        <v>4</v>
      </c>
      <c r="DE27" s="82">
        <v>3</v>
      </c>
      <c r="DF27" s="82">
        <v>3</v>
      </c>
      <c r="DG27" s="84">
        <v>21</v>
      </c>
      <c r="DH27" s="85">
        <v>27</v>
      </c>
      <c r="DI27" s="70">
        <v>0</v>
      </c>
      <c r="DJ27" s="71">
        <v>0</v>
      </c>
      <c r="DK27" s="72">
        <v>0</v>
      </c>
      <c r="DL27" s="241"/>
      <c r="DM27" s="71">
        <v>0</v>
      </c>
      <c r="DN27" s="71">
        <v>0</v>
      </c>
      <c r="DO27" s="71">
        <v>0</v>
      </c>
      <c r="DP27" s="71">
        <v>0</v>
      </c>
      <c r="DQ27" s="71">
        <v>0</v>
      </c>
      <c r="DR27" s="72">
        <v>0</v>
      </c>
      <c r="DS27" s="73">
        <v>0</v>
      </c>
      <c r="DT27" s="70">
        <v>1</v>
      </c>
      <c r="DU27" s="71">
        <v>0</v>
      </c>
      <c r="DV27" s="72">
        <v>1</v>
      </c>
      <c r="DW27" s="241"/>
      <c r="DX27" s="71">
        <v>0</v>
      </c>
      <c r="DY27" s="71">
        <v>0</v>
      </c>
      <c r="DZ27" s="71">
        <v>0</v>
      </c>
      <c r="EA27" s="71">
        <v>0</v>
      </c>
      <c r="EB27" s="71">
        <v>0</v>
      </c>
      <c r="EC27" s="72">
        <v>0</v>
      </c>
      <c r="ED27" s="73">
        <v>1</v>
      </c>
      <c r="EE27" s="70">
        <v>0</v>
      </c>
      <c r="EF27" s="71">
        <v>2</v>
      </c>
      <c r="EG27" s="72">
        <v>2</v>
      </c>
      <c r="EH27" s="241"/>
      <c r="EI27" s="71">
        <v>0</v>
      </c>
      <c r="EJ27" s="71">
        <v>0</v>
      </c>
      <c r="EK27" s="71">
        <v>1</v>
      </c>
      <c r="EL27" s="71">
        <v>0</v>
      </c>
      <c r="EM27" s="71">
        <v>0</v>
      </c>
      <c r="EN27" s="72">
        <v>1</v>
      </c>
      <c r="EO27" s="73">
        <v>3</v>
      </c>
      <c r="EP27" s="70">
        <v>0</v>
      </c>
      <c r="EQ27" s="71">
        <v>0</v>
      </c>
      <c r="ER27" s="72">
        <v>0</v>
      </c>
      <c r="ES27" s="241"/>
      <c r="ET27" s="71">
        <v>2</v>
      </c>
      <c r="EU27" s="71">
        <v>0</v>
      </c>
      <c r="EV27" s="71">
        <v>0</v>
      </c>
      <c r="EW27" s="71">
        <v>1</v>
      </c>
      <c r="EX27" s="71">
        <v>1</v>
      </c>
      <c r="EY27" s="72">
        <v>4</v>
      </c>
      <c r="EZ27" s="73">
        <v>4</v>
      </c>
      <c r="FA27" s="70">
        <v>1</v>
      </c>
      <c r="FB27" s="71">
        <v>2</v>
      </c>
      <c r="FC27" s="72">
        <v>3</v>
      </c>
      <c r="FD27" s="241"/>
      <c r="FE27" s="71">
        <v>1</v>
      </c>
      <c r="FF27" s="71">
        <v>4</v>
      </c>
      <c r="FG27" s="71">
        <v>1</v>
      </c>
      <c r="FH27" s="71">
        <v>0</v>
      </c>
      <c r="FI27" s="71">
        <v>0</v>
      </c>
      <c r="FJ27" s="72">
        <v>6</v>
      </c>
      <c r="FK27" s="73">
        <v>9</v>
      </c>
      <c r="FL27" s="70">
        <v>0</v>
      </c>
      <c r="FM27" s="71">
        <v>0</v>
      </c>
      <c r="FN27" s="72">
        <v>0</v>
      </c>
      <c r="FO27" s="241"/>
      <c r="FP27" s="71">
        <v>4</v>
      </c>
      <c r="FQ27" s="71">
        <v>0</v>
      </c>
      <c r="FR27" s="71">
        <v>2</v>
      </c>
      <c r="FS27" s="71">
        <v>2</v>
      </c>
      <c r="FT27" s="71">
        <v>2</v>
      </c>
      <c r="FU27" s="72">
        <v>10</v>
      </c>
      <c r="FV27" s="73">
        <v>10</v>
      </c>
      <c r="FW27" s="70">
        <v>0</v>
      </c>
      <c r="FX27" s="71">
        <v>0</v>
      </c>
      <c r="FY27" s="72">
        <v>0</v>
      </c>
      <c r="FZ27" s="241"/>
      <c r="GA27" s="71">
        <v>0</v>
      </c>
      <c r="GB27" s="71">
        <v>0</v>
      </c>
      <c r="GC27" s="71">
        <v>0</v>
      </c>
      <c r="GD27" s="71">
        <v>0</v>
      </c>
      <c r="GE27" s="71">
        <v>0</v>
      </c>
      <c r="GF27" s="72">
        <v>0</v>
      </c>
      <c r="GG27" s="73">
        <v>0</v>
      </c>
      <c r="GH27" s="70">
        <v>2</v>
      </c>
      <c r="GI27" s="71">
        <v>4</v>
      </c>
      <c r="GJ27" s="72">
        <v>6</v>
      </c>
      <c r="GK27" s="241"/>
      <c r="GL27" s="71">
        <v>7</v>
      </c>
      <c r="GM27" s="71">
        <v>4</v>
      </c>
      <c r="GN27" s="71">
        <v>4</v>
      </c>
      <c r="GO27" s="71">
        <v>3</v>
      </c>
      <c r="GP27" s="71">
        <v>3</v>
      </c>
      <c r="GQ27" s="72">
        <v>21</v>
      </c>
      <c r="GR27" s="73">
        <v>27</v>
      </c>
      <c r="GS27" s="123">
        <v>36</v>
      </c>
      <c r="GT27" s="82">
        <v>25</v>
      </c>
      <c r="GU27" s="83">
        <v>61</v>
      </c>
      <c r="GV27" s="241"/>
      <c r="GW27" s="82">
        <v>56</v>
      </c>
      <c r="GX27" s="82">
        <v>34</v>
      </c>
      <c r="GY27" s="82">
        <v>24</v>
      </c>
      <c r="GZ27" s="82">
        <v>16</v>
      </c>
      <c r="HA27" s="82">
        <v>12</v>
      </c>
      <c r="HB27" s="84">
        <v>142</v>
      </c>
      <c r="HC27" s="85">
        <v>203</v>
      </c>
      <c r="HD27" s="70">
        <v>0</v>
      </c>
      <c r="HE27" s="71">
        <v>0</v>
      </c>
      <c r="HF27" s="72">
        <v>0</v>
      </c>
      <c r="HG27" s="241"/>
      <c r="HH27" s="71">
        <v>2</v>
      </c>
      <c r="HI27" s="71">
        <v>0</v>
      </c>
      <c r="HJ27" s="71">
        <v>0</v>
      </c>
      <c r="HK27" s="71">
        <v>0</v>
      </c>
      <c r="HL27" s="71">
        <v>0</v>
      </c>
      <c r="HM27" s="72">
        <v>2</v>
      </c>
      <c r="HN27" s="73">
        <v>2</v>
      </c>
      <c r="HO27" s="70">
        <v>2</v>
      </c>
      <c r="HP27" s="71">
        <v>2</v>
      </c>
      <c r="HQ27" s="72">
        <v>4</v>
      </c>
      <c r="HR27" s="241"/>
      <c r="HS27" s="71">
        <v>1</v>
      </c>
      <c r="HT27" s="71">
        <v>4</v>
      </c>
      <c r="HU27" s="71">
        <v>2</v>
      </c>
      <c r="HV27" s="71">
        <v>0</v>
      </c>
      <c r="HW27" s="71">
        <v>1</v>
      </c>
      <c r="HX27" s="72">
        <v>8</v>
      </c>
      <c r="HY27" s="73">
        <v>12</v>
      </c>
      <c r="HZ27" s="70">
        <v>3</v>
      </c>
      <c r="IA27" s="71">
        <v>5</v>
      </c>
      <c r="IB27" s="72">
        <v>8</v>
      </c>
      <c r="IC27" s="241"/>
      <c r="ID27" s="71">
        <v>4</v>
      </c>
      <c r="IE27" s="71">
        <v>3</v>
      </c>
      <c r="IF27" s="71">
        <v>1</v>
      </c>
      <c r="IG27" s="71">
        <v>3</v>
      </c>
      <c r="IH27" s="71">
        <v>0</v>
      </c>
      <c r="II27" s="72">
        <v>11</v>
      </c>
      <c r="IJ27" s="73">
        <v>19</v>
      </c>
      <c r="IK27" s="70">
        <v>5</v>
      </c>
      <c r="IL27" s="71">
        <v>3</v>
      </c>
      <c r="IM27" s="72">
        <v>8</v>
      </c>
      <c r="IN27" s="241"/>
      <c r="IO27" s="71">
        <v>7</v>
      </c>
      <c r="IP27" s="71">
        <v>5</v>
      </c>
      <c r="IQ27" s="71">
        <v>1</v>
      </c>
      <c r="IR27" s="71">
        <v>3</v>
      </c>
      <c r="IS27" s="71">
        <v>5</v>
      </c>
      <c r="IT27" s="72">
        <v>21</v>
      </c>
      <c r="IU27" s="73">
        <v>29</v>
      </c>
      <c r="IV27" s="70">
        <v>10</v>
      </c>
      <c r="IW27" s="71">
        <v>6</v>
      </c>
      <c r="IX27" s="72">
        <v>16</v>
      </c>
      <c r="IY27" s="241"/>
      <c r="IZ27" s="71">
        <v>17</v>
      </c>
      <c r="JA27" s="71">
        <v>15</v>
      </c>
      <c r="JB27" s="71">
        <v>8</v>
      </c>
      <c r="JC27" s="71">
        <v>5</v>
      </c>
      <c r="JD27" s="71">
        <v>2</v>
      </c>
      <c r="JE27" s="72">
        <v>47</v>
      </c>
      <c r="JF27" s="73">
        <v>63</v>
      </c>
      <c r="JG27" s="70">
        <v>16</v>
      </c>
      <c r="JH27" s="71">
        <v>9</v>
      </c>
      <c r="JI27" s="72">
        <v>25</v>
      </c>
      <c r="JJ27" s="244">
        <v>0</v>
      </c>
      <c r="JK27" s="71">
        <v>25</v>
      </c>
      <c r="JL27" s="71">
        <v>7</v>
      </c>
      <c r="JM27" s="71">
        <v>12</v>
      </c>
      <c r="JN27" s="71">
        <v>5</v>
      </c>
      <c r="JO27" s="71">
        <v>4</v>
      </c>
      <c r="JP27" s="72">
        <v>53</v>
      </c>
      <c r="JQ27" s="73">
        <v>78</v>
      </c>
      <c r="JR27" s="70">
        <v>0</v>
      </c>
      <c r="JS27" s="71">
        <v>0</v>
      </c>
      <c r="JT27" s="72">
        <v>0</v>
      </c>
      <c r="JU27" s="241"/>
      <c r="JV27" s="71">
        <v>0</v>
      </c>
      <c r="JW27" s="71">
        <v>0</v>
      </c>
      <c r="JX27" s="71">
        <v>0</v>
      </c>
      <c r="JY27" s="71">
        <v>0</v>
      </c>
      <c r="JZ27" s="71">
        <v>0</v>
      </c>
      <c r="KA27" s="72">
        <v>0</v>
      </c>
      <c r="KB27" s="73">
        <v>0</v>
      </c>
      <c r="KC27" s="70">
        <v>36</v>
      </c>
      <c r="KD27" s="71">
        <v>25</v>
      </c>
      <c r="KE27" s="72">
        <v>61</v>
      </c>
      <c r="KF27" s="241"/>
      <c r="KG27" s="71">
        <v>56</v>
      </c>
      <c r="KH27" s="71">
        <v>34</v>
      </c>
      <c r="KI27" s="71">
        <v>24</v>
      </c>
      <c r="KJ27" s="71">
        <v>16</v>
      </c>
      <c r="KK27" s="71">
        <v>12</v>
      </c>
      <c r="KL27" s="72">
        <v>142</v>
      </c>
      <c r="KM27" s="73">
        <v>203</v>
      </c>
    </row>
    <row r="28" spans="2:299" ht="19.5" customHeight="1" x14ac:dyDescent="0.2">
      <c r="B28" s="126" t="s">
        <v>25</v>
      </c>
      <c r="C28" s="316">
        <v>16</v>
      </c>
      <c r="D28" s="82">
        <v>18</v>
      </c>
      <c r="E28" s="83">
        <v>34</v>
      </c>
      <c r="F28" s="241"/>
      <c r="G28" s="82">
        <v>36</v>
      </c>
      <c r="H28" s="82">
        <v>8</v>
      </c>
      <c r="I28" s="82">
        <v>14</v>
      </c>
      <c r="J28" s="82">
        <v>13</v>
      </c>
      <c r="K28" s="82">
        <v>5</v>
      </c>
      <c r="L28" s="84">
        <v>76</v>
      </c>
      <c r="M28" s="85">
        <v>110</v>
      </c>
      <c r="N28" s="70">
        <v>0</v>
      </c>
      <c r="O28" s="71">
        <v>0</v>
      </c>
      <c r="P28" s="72">
        <v>0</v>
      </c>
      <c r="Q28" s="241"/>
      <c r="R28" s="71">
        <v>1</v>
      </c>
      <c r="S28" s="71">
        <v>0</v>
      </c>
      <c r="T28" s="71">
        <v>0</v>
      </c>
      <c r="U28" s="71">
        <v>0</v>
      </c>
      <c r="V28" s="71">
        <v>0</v>
      </c>
      <c r="W28" s="72">
        <v>1</v>
      </c>
      <c r="X28" s="73">
        <v>1</v>
      </c>
      <c r="Y28" s="70">
        <v>1</v>
      </c>
      <c r="Z28" s="71">
        <v>3</v>
      </c>
      <c r="AA28" s="72">
        <v>4</v>
      </c>
      <c r="AB28" s="241"/>
      <c r="AC28" s="71">
        <v>1</v>
      </c>
      <c r="AD28" s="71">
        <v>2</v>
      </c>
      <c r="AE28" s="71">
        <v>0</v>
      </c>
      <c r="AF28" s="71">
        <v>1</v>
      </c>
      <c r="AG28" s="71">
        <v>0</v>
      </c>
      <c r="AH28" s="72">
        <v>4</v>
      </c>
      <c r="AI28" s="73">
        <v>8</v>
      </c>
      <c r="AJ28" s="70">
        <v>4</v>
      </c>
      <c r="AK28" s="71">
        <v>4</v>
      </c>
      <c r="AL28" s="72">
        <v>8</v>
      </c>
      <c r="AM28" s="241"/>
      <c r="AN28" s="71">
        <v>4</v>
      </c>
      <c r="AO28" s="71">
        <v>0</v>
      </c>
      <c r="AP28" s="71">
        <v>0</v>
      </c>
      <c r="AQ28" s="71">
        <v>1</v>
      </c>
      <c r="AR28" s="71">
        <v>1</v>
      </c>
      <c r="AS28" s="72">
        <v>6</v>
      </c>
      <c r="AT28" s="73">
        <v>14</v>
      </c>
      <c r="AU28" s="70">
        <v>2</v>
      </c>
      <c r="AV28" s="71">
        <v>5</v>
      </c>
      <c r="AW28" s="72">
        <v>7</v>
      </c>
      <c r="AX28" s="241"/>
      <c r="AY28" s="71">
        <v>11</v>
      </c>
      <c r="AZ28" s="71">
        <v>1</v>
      </c>
      <c r="BA28" s="71">
        <v>4</v>
      </c>
      <c r="BB28" s="71">
        <v>3</v>
      </c>
      <c r="BC28" s="71">
        <v>3</v>
      </c>
      <c r="BD28" s="72">
        <v>22</v>
      </c>
      <c r="BE28" s="73">
        <v>29</v>
      </c>
      <c r="BF28" s="70">
        <v>3</v>
      </c>
      <c r="BG28" s="71">
        <v>3</v>
      </c>
      <c r="BH28" s="72">
        <v>6</v>
      </c>
      <c r="BI28" s="241"/>
      <c r="BJ28" s="71">
        <v>8</v>
      </c>
      <c r="BK28" s="71">
        <v>5</v>
      </c>
      <c r="BL28" s="71">
        <v>3</v>
      </c>
      <c r="BM28" s="71">
        <v>2</v>
      </c>
      <c r="BN28" s="71">
        <v>0</v>
      </c>
      <c r="BO28" s="72">
        <v>18</v>
      </c>
      <c r="BP28" s="73">
        <v>24</v>
      </c>
      <c r="BQ28" s="70">
        <v>6</v>
      </c>
      <c r="BR28" s="71">
        <v>3</v>
      </c>
      <c r="BS28" s="72">
        <v>9</v>
      </c>
      <c r="BT28" s="241"/>
      <c r="BU28" s="71">
        <v>11</v>
      </c>
      <c r="BV28" s="71">
        <v>0</v>
      </c>
      <c r="BW28" s="71">
        <v>7</v>
      </c>
      <c r="BX28" s="71">
        <v>6</v>
      </c>
      <c r="BY28" s="71">
        <v>1</v>
      </c>
      <c r="BZ28" s="72">
        <v>25</v>
      </c>
      <c r="CA28" s="73">
        <v>34</v>
      </c>
      <c r="CB28" s="70">
        <v>0</v>
      </c>
      <c r="CC28" s="71">
        <v>0</v>
      </c>
      <c r="CD28" s="72">
        <v>0</v>
      </c>
      <c r="CE28" s="241"/>
      <c r="CF28" s="71">
        <v>0</v>
      </c>
      <c r="CG28" s="71">
        <v>0</v>
      </c>
      <c r="CH28" s="71">
        <v>0</v>
      </c>
      <c r="CI28" s="71">
        <v>0</v>
      </c>
      <c r="CJ28" s="71">
        <v>0</v>
      </c>
      <c r="CK28" s="72">
        <v>0</v>
      </c>
      <c r="CL28" s="73">
        <v>0</v>
      </c>
      <c r="CM28" s="70">
        <v>16</v>
      </c>
      <c r="CN28" s="71">
        <v>18</v>
      </c>
      <c r="CO28" s="72">
        <v>34</v>
      </c>
      <c r="CP28" s="241"/>
      <c r="CQ28" s="71">
        <v>36</v>
      </c>
      <c r="CR28" s="71">
        <v>8</v>
      </c>
      <c r="CS28" s="71">
        <v>14</v>
      </c>
      <c r="CT28" s="71">
        <v>13</v>
      </c>
      <c r="CU28" s="71">
        <v>5</v>
      </c>
      <c r="CV28" s="72">
        <v>76</v>
      </c>
      <c r="CW28" s="73">
        <v>110</v>
      </c>
      <c r="CX28" s="123">
        <v>1</v>
      </c>
      <c r="CY28" s="82">
        <v>4</v>
      </c>
      <c r="CZ28" s="83">
        <v>5</v>
      </c>
      <c r="DA28" s="241"/>
      <c r="DB28" s="82">
        <v>3</v>
      </c>
      <c r="DC28" s="82">
        <v>1</v>
      </c>
      <c r="DD28" s="82">
        <v>0</v>
      </c>
      <c r="DE28" s="82">
        <v>2</v>
      </c>
      <c r="DF28" s="82">
        <v>0</v>
      </c>
      <c r="DG28" s="84">
        <v>6</v>
      </c>
      <c r="DH28" s="85">
        <v>11</v>
      </c>
      <c r="DI28" s="70">
        <v>0</v>
      </c>
      <c r="DJ28" s="71">
        <v>0</v>
      </c>
      <c r="DK28" s="72">
        <v>0</v>
      </c>
      <c r="DL28" s="241"/>
      <c r="DM28" s="71">
        <v>0</v>
      </c>
      <c r="DN28" s="71">
        <v>0</v>
      </c>
      <c r="DO28" s="71">
        <v>0</v>
      </c>
      <c r="DP28" s="71">
        <v>0</v>
      </c>
      <c r="DQ28" s="71">
        <v>0</v>
      </c>
      <c r="DR28" s="72">
        <v>0</v>
      </c>
      <c r="DS28" s="73">
        <v>0</v>
      </c>
      <c r="DT28" s="70">
        <v>0</v>
      </c>
      <c r="DU28" s="71">
        <v>0</v>
      </c>
      <c r="DV28" s="72">
        <v>0</v>
      </c>
      <c r="DW28" s="241"/>
      <c r="DX28" s="71">
        <v>0</v>
      </c>
      <c r="DY28" s="71">
        <v>0</v>
      </c>
      <c r="DZ28" s="71">
        <v>0</v>
      </c>
      <c r="EA28" s="71">
        <v>0</v>
      </c>
      <c r="EB28" s="71">
        <v>0</v>
      </c>
      <c r="EC28" s="72">
        <v>0</v>
      </c>
      <c r="ED28" s="73">
        <v>0</v>
      </c>
      <c r="EE28" s="70">
        <v>0</v>
      </c>
      <c r="EF28" s="71">
        <v>1</v>
      </c>
      <c r="EG28" s="72">
        <v>1</v>
      </c>
      <c r="EH28" s="241"/>
      <c r="EI28" s="71">
        <v>0</v>
      </c>
      <c r="EJ28" s="71">
        <v>1</v>
      </c>
      <c r="EK28" s="71">
        <v>0</v>
      </c>
      <c r="EL28" s="71">
        <v>0</v>
      </c>
      <c r="EM28" s="71">
        <v>0</v>
      </c>
      <c r="EN28" s="72">
        <v>1</v>
      </c>
      <c r="EO28" s="73">
        <v>2</v>
      </c>
      <c r="EP28" s="70">
        <v>0</v>
      </c>
      <c r="EQ28" s="71">
        <v>1</v>
      </c>
      <c r="ER28" s="72">
        <v>1</v>
      </c>
      <c r="ES28" s="241"/>
      <c r="ET28" s="71">
        <v>0</v>
      </c>
      <c r="EU28" s="71">
        <v>0</v>
      </c>
      <c r="EV28" s="71">
        <v>0</v>
      </c>
      <c r="EW28" s="71">
        <v>0</v>
      </c>
      <c r="EX28" s="71">
        <v>0</v>
      </c>
      <c r="EY28" s="72">
        <v>0</v>
      </c>
      <c r="EZ28" s="73">
        <v>1</v>
      </c>
      <c r="FA28" s="70">
        <v>0</v>
      </c>
      <c r="FB28" s="71">
        <v>2</v>
      </c>
      <c r="FC28" s="72">
        <v>2</v>
      </c>
      <c r="FD28" s="241"/>
      <c r="FE28" s="71">
        <v>1</v>
      </c>
      <c r="FF28" s="71">
        <v>0</v>
      </c>
      <c r="FG28" s="71">
        <v>0</v>
      </c>
      <c r="FH28" s="71">
        <v>1</v>
      </c>
      <c r="FI28" s="71">
        <v>0</v>
      </c>
      <c r="FJ28" s="72">
        <v>2</v>
      </c>
      <c r="FK28" s="73">
        <v>4</v>
      </c>
      <c r="FL28" s="70">
        <v>1</v>
      </c>
      <c r="FM28" s="71">
        <v>0</v>
      </c>
      <c r="FN28" s="72">
        <v>1</v>
      </c>
      <c r="FO28" s="241"/>
      <c r="FP28" s="71">
        <v>2</v>
      </c>
      <c r="FQ28" s="71">
        <v>0</v>
      </c>
      <c r="FR28" s="71">
        <v>0</v>
      </c>
      <c r="FS28" s="71">
        <v>1</v>
      </c>
      <c r="FT28" s="71">
        <v>0</v>
      </c>
      <c r="FU28" s="72">
        <v>3</v>
      </c>
      <c r="FV28" s="73">
        <v>4</v>
      </c>
      <c r="FW28" s="70">
        <v>0</v>
      </c>
      <c r="FX28" s="71">
        <v>0</v>
      </c>
      <c r="FY28" s="72">
        <v>0</v>
      </c>
      <c r="FZ28" s="241"/>
      <c r="GA28" s="71">
        <v>0</v>
      </c>
      <c r="GB28" s="71">
        <v>0</v>
      </c>
      <c r="GC28" s="71">
        <v>0</v>
      </c>
      <c r="GD28" s="71">
        <v>0</v>
      </c>
      <c r="GE28" s="71">
        <v>0</v>
      </c>
      <c r="GF28" s="72">
        <v>0</v>
      </c>
      <c r="GG28" s="73">
        <v>0</v>
      </c>
      <c r="GH28" s="70">
        <v>1</v>
      </c>
      <c r="GI28" s="71">
        <v>4</v>
      </c>
      <c r="GJ28" s="72">
        <v>5</v>
      </c>
      <c r="GK28" s="241"/>
      <c r="GL28" s="71">
        <v>3</v>
      </c>
      <c r="GM28" s="71">
        <v>1</v>
      </c>
      <c r="GN28" s="71">
        <v>0</v>
      </c>
      <c r="GO28" s="71">
        <v>2</v>
      </c>
      <c r="GP28" s="71">
        <v>0</v>
      </c>
      <c r="GQ28" s="72">
        <v>6</v>
      </c>
      <c r="GR28" s="73">
        <v>11</v>
      </c>
      <c r="GS28" s="123">
        <v>17</v>
      </c>
      <c r="GT28" s="82">
        <v>22</v>
      </c>
      <c r="GU28" s="83">
        <v>39</v>
      </c>
      <c r="GV28" s="241"/>
      <c r="GW28" s="82">
        <v>39</v>
      </c>
      <c r="GX28" s="82">
        <v>9</v>
      </c>
      <c r="GY28" s="82">
        <v>14</v>
      </c>
      <c r="GZ28" s="82">
        <v>15</v>
      </c>
      <c r="HA28" s="82">
        <v>5</v>
      </c>
      <c r="HB28" s="84">
        <v>82</v>
      </c>
      <c r="HC28" s="85">
        <v>121</v>
      </c>
      <c r="HD28" s="70">
        <v>0</v>
      </c>
      <c r="HE28" s="71">
        <v>0</v>
      </c>
      <c r="HF28" s="72">
        <v>0</v>
      </c>
      <c r="HG28" s="241"/>
      <c r="HH28" s="71">
        <v>1</v>
      </c>
      <c r="HI28" s="71">
        <v>0</v>
      </c>
      <c r="HJ28" s="71">
        <v>0</v>
      </c>
      <c r="HK28" s="71">
        <v>0</v>
      </c>
      <c r="HL28" s="71">
        <v>0</v>
      </c>
      <c r="HM28" s="72">
        <v>1</v>
      </c>
      <c r="HN28" s="73">
        <v>1</v>
      </c>
      <c r="HO28" s="70">
        <v>1</v>
      </c>
      <c r="HP28" s="71">
        <v>3</v>
      </c>
      <c r="HQ28" s="72">
        <v>4</v>
      </c>
      <c r="HR28" s="241"/>
      <c r="HS28" s="71">
        <v>1</v>
      </c>
      <c r="HT28" s="71">
        <v>2</v>
      </c>
      <c r="HU28" s="71">
        <v>0</v>
      </c>
      <c r="HV28" s="71">
        <v>1</v>
      </c>
      <c r="HW28" s="71">
        <v>0</v>
      </c>
      <c r="HX28" s="72">
        <v>4</v>
      </c>
      <c r="HY28" s="73">
        <v>8</v>
      </c>
      <c r="HZ28" s="70">
        <v>4</v>
      </c>
      <c r="IA28" s="71">
        <v>5</v>
      </c>
      <c r="IB28" s="72">
        <v>9</v>
      </c>
      <c r="IC28" s="241"/>
      <c r="ID28" s="71">
        <v>4</v>
      </c>
      <c r="IE28" s="71">
        <v>1</v>
      </c>
      <c r="IF28" s="71">
        <v>0</v>
      </c>
      <c r="IG28" s="71">
        <v>1</v>
      </c>
      <c r="IH28" s="71">
        <v>1</v>
      </c>
      <c r="II28" s="72">
        <v>7</v>
      </c>
      <c r="IJ28" s="73">
        <v>16</v>
      </c>
      <c r="IK28" s="70">
        <v>2</v>
      </c>
      <c r="IL28" s="71">
        <v>6</v>
      </c>
      <c r="IM28" s="72">
        <v>8</v>
      </c>
      <c r="IN28" s="241"/>
      <c r="IO28" s="71">
        <v>11</v>
      </c>
      <c r="IP28" s="71">
        <v>1</v>
      </c>
      <c r="IQ28" s="71">
        <v>4</v>
      </c>
      <c r="IR28" s="71">
        <v>3</v>
      </c>
      <c r="IS28" s="71">
        <v>3</v>
      </c>
      <c r="IT28" s="72">
        <v>22</v>
      </c>
      <c r="IU28" s="73">
        <v>30</v>
      </c>
      <c r="IV28" s="70">
        <v>3</v>
      </c>
      <c r="IW28" s="71">
        <v>5</v>
      </c>
      <c r="IX28" s="72">
        <v>8</v>
      </c>
      <c r="IY28" s="241"/>
      <c r="IZ28" s="71">
        <v>9</v>
      </c>
      <c r="JA28" s="71">
        <v>5</v>
      </c>
      <c r="JB28" s="71">
        <v>3</v>
      </c>
      <c r="JC28" s="71">
        <v>3</v>
      </c>
      <c r="JD28" s="71">
        <v>0</v>
      </c>
      <c r="JE28" s="72">
        <v>20</v>
      </c>
      <c r="JF28" s="73">
        <v>28</v>
      </c>
      <c r="JG28" s="70">
        <v>7</v>
      </c>
      <c r="JH28" s="71">
        <v>3</v>
      </c>
      <c r="JI28" s="72">
        <v>10</v>
      </c>
      <c r="JJ28" s="244">
        <v>0</v>
      </c>
      <c r="JK28" s="71">
        <v>13</v>
      </c>
      <c r="JL28" s="71">
        <v>0</v>
      </c>
      <c r="JM28" s="71">
        <v>7</v>
      </c>
      <c r="JN28" s="71">
        <v>7</v>
      </c>
      <c r="JO28" s="71">
        <v>1</v>
      </c>
      <c r="JP28" s="72">
        <v>28</v>
      </c>
      <c r="JQ28" s="73">
        <v>38</v>
      </c>
      <c r="JR28" s="70">
        <v>0</v>
      </c>
      <c r="JS28" s="71">
        <v>0</v>
      </c>
      <c r="JT28" s="72">
        <v>0</v>
      </c>
      <c r="JU28" s="241"/>
      <c r="JV28" s="71">
        <v>0</v>
      </c>
      <c r="JW28" s="71">
        <v>0</v>
      </c>
      <c r="JX28" s="71">
        <v>0</v>
      </c>
      <c r="JY28" s="71">
        <v>0</v>
      </c>
      <c r="JZ28" s="71">
        <v>0</v>
      </c>
      <c r="KA28" s="72">
        <v>0</v>
      </c>
      <c r="KB28" s="73">
        <v>0</v>
      </c>
      <c r="KC28" s="70">
        <v>17</v>
      </c>
      <c r="KD28" s="71">
        <v>22</v>
      </c>
      <c r="KE28" s="72">
        <v>39</v>
      </c>
      <c r="KF28" s="241"/>
      <c r="KG28" s="71">
        <v>39</v>
      </c>
      <c r="KH28" s="71">
        <v>9</v>
      </c>
      <c r="KI28" s="71">
        <v>14</v>
      </c>
      <c r="KJ28" s="71">
        <v>15</v>
      </c>
      <c r="KK28" s="71">
        <v>5</v>
      </c>
      <c r="KL28" s="72">
        <v>82</v>
      </c>
      <c r="KM28" s="73">
        <v>121</v>
      </c>
    </row>
    <row r="29" spans="2:299" ht="19.5" customHeight="1" x14ac:dyDescent="0.2">
      <c r="B29" s="126" t="s">
        <v>26</v>
      </c>
      <c r="C29" s="316">
        <v>24</v>
      </c>
      <c r="D29" s="82">
        <v>11</v>
      </c>
      <c r="E29" s="83">
        <v>35</v>
      </c>
      <c r="F29" s="241"/>
      <c r="G29" s="82">
        <v>21</v>
      </c>
      <c r="H29" s="82">
        <v>27</v>
      </c>
      <c r="I29" s="82">
        <v>17</v>
      </c>
      <c r="J29" s="82">
        <v>19</v>
      </c>
      <c r="K29" s="82">
        <v>5</v>
      </c>
      <c r="L29" s="84">
        <v>89</v>
      </c>
      <c r="M29" s="85">
        <v>124</v>
      </c>
      <c r="N29" s="70">
        <v>0</v>
      </c>
      <c r="O29" s="71">
        <v>0</v>
      </c>
      <c r="P29" s="72">
        <v>0</v>
      </c>
      <c r="Q29" s="241"/>
      <c r="R29" s="71">
        <v>1</v>
      </c>
      <c r="S29" s="71">
        <v>0</v>
      </c>
      <c r="T29" s="71">
        <v>0</v>
      </c>
      <c r="U29" s="71">
        <v>0</v>
      </c>
      <c r="V29" s="71">
        <v>0</v>
      </c>
      <c r="W29" s="72">
        <v>1</v>
      </c>
      <c r="X29" s="73">
        <v>1</v>
      </c>
      <c r="Y29" s="70">
        <v>1</v>
      </c>
      <c r="Z29" s="71">
        <v>0</v>
      </c>
      <c r="AA29" s="72">
        <v>1</v>
      </c>
      <c r="AB29" s="241"/>
      <c r="AC29" s="71">
        <v>1</v>
      </c>
      <c r="AD29" s="71">
        <v>2</v>
      </c>
      <c r="AE29" s="71">
        <v>0</v>
      </c>
      <c r="AF29" s="71">
        <v>0</v>
      </c>
      <c r="AG29" s="71">
        <v>1</v>
      </c>
      <c r="AH29" s="72">
        <v>4</v>
      </c>
      <c r="AI29" s="73">
        <v>5</v>
      </c>
      <c r="AJ29" s="70">
        <v>2</v>
      </c>
      <c r="AK29" s="71">
        <v>2</v>
      </c>
      <c r="AL29" s="72">
        <v>4</v>
      </c>
      <c r="AM29" s="241"/>
      <c r="AN29" s="71">
        <v>2</v>
      </c>
      <c r="AO29" s="71">
        <v>2</v>
      </c>
      <c r="AP29" s="71">
        <v>2</v>
      </c>
      <c r="AQ29" s="71">
        <v>3</v>
      </c>
      <c r="AR29" s="71">
        <v>1</v>
      </c>
      <c r="AS29" s="72">
        <v>10</v>
      </c>
      <c r="AT29" s="73">
        <v>14</v>
      </c>
      <c r="AU29" s="70">
        <v>6</v>
      </c>
      <c r="AV29" s="71">
        <v>2</v>
      </c>
      <c r="AW29" s="72">
        <v>8</v>
      </c>
      <c r="AX29" s="241"/>
      <c r="AY29" s="71">
        <v>8</v>
      </c>
      <c r="AZ29" s="71">
        <v>4</v>
      </c>
      <c r="BA29" s="71">
        <v>3</v>
      </c>
      <c r="BB29" s="71">
        <v>3</v>
      </c>
      <c r="BC29" s="71">
        <v>0</v>
      </c>
      <c r="BD29" s="72">
        <v>18</v>
      </c>
      <c r="BE29" s="73">
        <v>26</v>
      </c>
      <c r="BF29" s="70">
        <v>7</v>
      </c>
      <c r="BG29" s="71">
        <v>2</v>
      </c>
      <c r="BH29" s="72">
        <v>9</v>
      </c>
      <c r="BI29" s="241"/>
      <c r="BJ29" s="71">
        <v>5</v>
      </c>
      <c r="BK29" s="71">
        <v>10</v>
      </c>
      <c r="BL29" s="71">
        <v>8</v>
      </c>
      <c r="BM29" s="71">
        <v>3</v>
      </c>
      <c r="BN29" s="71">
        <v>1</v>
      </c>
      <c r="BO29" s="72">
        <v>27</v>
      </c>
      <c r="BP29" s="73">
        <v>36</v>
      </c>
      <c r="BQ29" s="70">
        <v>8</v>
      </c>
      <c r="BR29" s="71">
        <v>5</v>
      </c>
      <c r="BS29" s="72">
        <v>13</v>
      </c>
      <c r="BT29" s="241"/>
      <c r="BU29" s="71">
        <v>4</v>
      </c>
      <c r="BV29" s="71">
        <v>9</v>
      </c>
      <c r="BW29" s="71">
        <v>4</v>
      </c>
      <c r="BX29" s="71">
        <v>10</v>
      </c>
      <c r="BY29" s="71">
        <v>2</v>
      </c>
      <c r="BZ29" s="72">
        <v>29</v>
      </c>
      <c r="CA29" s="73">
        <v>42</v>
      </c>
      <c r="CB29" s="70">
        <v>0</v>
      </c>
      <c r="CC29" s="71">
        <v>0</v>
      </c>
      <c r="CD29" s="72">
        <v>0</v>
      </c>
      <c r="CE29" s="241"/>
      <c r="CF29" s="71">
        <v>0</v>
      </c>
      <c r="CG29" s="71">
        <v>0</v>
      </c>
      <c r="CH29" s="71">
        <v>0</v>
      </c>
      <c r="CI29" s="71">
        <v>0</v>
      </c>
      <c r="CJ29" s="71">
        <v>0</v>
      </c>
      <c r="CK29" s="72">
        <v>0</v>
      </c>
      <c r="CL29" s="73">
        <v>0</v>
      </c>
      <c r="CM29" s="70">
        <v>24</v>
      </c>
      <c r="CN29" s="71">
        <v>11</v>
      </c>
      <c r="CO29" s="72">
        <v>35</v>
      </c>
      <c r="CP29" s="241"/>
      <c r="CQ29" s="71">
        <v>21</v>
      </c>
      <c r="CR29" s="71">
        <v>27</v>
      </c>
      <c r="CS29" s="71">
        <v>17</v>
      </c>
      <c r="CT29" s="71">
        <v>19</v>
      </c>
      <c r="CU29" s="71">
        <v>5</v>
      </c>
      <c r="CV29" s="72">
        <v>89</v>
      </c>
      <c r="CW29" s="73">
        <v>124</v>
      </c>
      <c r="CX29" s="123">
        <v>3</v>
      </c>
      <c r="CY29" s="82">
        <v>2</v>
      </c>
      <c r="CZ29" s="83">
        <v>5</v>
      </c>
      <c r="DA29" s="241"/>
      <c r="DB29" s="82">
        <v>2</v>
      </c>
      <c r="DC29" s="82">
        <v>2</v>
      </c>
      <c r="DD29" s="82">
        <v>1</v>
      </c>
      <c r="DE29" s="82">
        <v>2</v>
      </c>
      <c r="DF29" s="82">
        <v>3</v>
      </c>
      <c r="DG29" s="84">
        <v>10</v>
      </c>
      <c r="DH29" s="85">
        <v>15</v>
      </c>
      <c r="DI29" s="70">
        <v>0</v>
      </c>
      <c r="DJ29" s="71">
        <v>0</v>
      </c>
      <c r="DK29" s="72">
        <v>0</v>
      </c>
      <c r="DL29" s="241"/>
      <c r="DM29" s="71">
        <v>0</v>
      </c>
      <c r="DN29" s="71">
        <v>0</v>
      </c>
      <c r="DO29" s="71">
        <v>0</v>
      </c>
      <c r="DP29" s="71">
        <v>0</v>
      </c>
      <c r="DQ29" s="71">
        <v>0</v>
      </c>
      <c r="DR29" s="72">
        <v>0</v>
      </c>
      <c r="DS29" s="73">
        <v>0</v>
      </c>
      <c r="DT29" s="70">
        <v>1</v>
      </c>
      <c r="DU29" s="71">
        <v>0</v>
      </c>
      <c r="DV29" s="72">
        <v>1</v>
      </c>
      <c r="DW29" s="241"/>
      <c r="DX29" s="71">
        <v>0</v>
      </c>
      <c r="DY29" s="71">
        <v>0</v>
      </c>
      <c r="DZ29" s="71">
        <v>0</v>
      </c>
      <c r="EA29" s="71">
        <v>0</v>
      </c>
      <c r="EB29" s="71">
        <v>0</v>
      </c>
      <c r="EC29" s="72">
        <v>0</v>
      </c>
      <c r="ED29" s="73">
        <v>1</v>
      </c>
      <c r="EE29" s="70">
        <v>0</v>
      </c>
      <c r="EF29" s="71">
        <v>0</v>
      </c>
      <c r="EG29" s="72">
        <v>0</v>
      </c>
      <c r="EH29" s="241"/>
      <c r="EI29" s="71">
        <v>0</v>
      </c>
      <c r="EJ29" s="71">
        <v>0</v>
      </c>
      <c r="EK29" s="71">
        <v>0</v>
      </c>
      <c r="EL29" s="71">
        <v>0</v>
      </c>
      <c r="EM29" s="71">
        <v>0</v>
      </c>
      <c r="EN29" s="72">
        <v>0</v>
      </c>
      <c r="EO29" s="73">
        <v>0</v>
      </c>
      <c r="EP29" s="70">
        <v>0</v>
      </c>
      <c r="EQ29" s="71">
        <v>0</v>
      </c>
      <c r="ER29" s="72">
        <v>0</v>
      </c>
      <c r="ES29" s="241"/>
      <c r="ET29" s="71">
        <v>0</v>
      </c>
      <c r="EU29" s="71">
        <v>1</v>
      </c>
      <c r="EV29" s="71">
        <v>1</v>
      </c>
      <c r="EW29" s="71">
        <v>0</v>
      </c>
      <c r="EX29" s="71">
        <v>0</v>
      </c>
      <c r="EY29" s="72">
        <v>2</v>
      </c>
      <c r="EZ29" s="73">
        <v>2</v>
      </c>
      <c r="FA29" s="70">
        <v>1</v>
      </c>
      <c r="FB29" s="71">
        <v>2</v>
      </c>
      <c r="FC29" s="72">
        <v>3</v>
      </c>
      <c r="FD29" s="241"/>
      <c r="FE29" s="71">
        <v>1</v>
      </c>
      <c r="FF29" s="71">
        <v>0</v>
      </c>
      <c r="FG29" s="71">
        <v>0</v>
      </c>
      <c r="FH29" s="71">
        <v>2</v>
      </c>
      <c r="FI29" s="71">
        <v>0</v>
      </c>
      <c r="FJ29" s="72">
        <v>3</v>
      </c>
      <c r="FK29" s="73">
        <v>6</v>
      </c>
      <c r="FL29" s="70">
        <v>1</v>
      </c>
      <c r="FM29" s="71">
        <v>0</v>
      </c>
      <c r="FN29" s="72">
        <v>1</v>
      </c>
      <c r="FO29" s="241"/>
      <c r="FP29" s="71">
        <v>1</v>
      </c>
      <c r="FQ29" s="71">
        <v>1</v>
      </c>
      <c r="FR29" s="71">
        <v>0</v>
      </c>
      <c r="FS29" s="71">
        <v>0</v>
      </c>
      <c r="FT29" s="71">
        <v>3</v>
      </c>
      <c r="FU29" s="72">
        <v>5</v>
      </c>
      <c r="FV29" s="73">
        <v>6</v>
      </c>
      <c r="FW29" s="70">
        <v>0</v>
      </c>
      <c r="FX29" s="71">
        <v>0</v>
      </c>
      <c r="FY29" s="72">
        <v>0</v>
      </c>
      <c r="FZ29" s="241"/>
      <c r="GA29" s="71">
        <v>0</v>
      </c>
      <c r="GB29" s="71">
        <v>0</v>
      </c>
      <c r="GC29" s="71">
        <v>0</v>
      </c>
      <c r="GD29" s="71">
        <v>0</v>
      </c>
      <c r="GE29" s="71">
        <v>0</v>
      </c>
      <c r="GF29" s="72">
        <v>0</v>
      </c>
      <c r="GG29" s="73">
        <v>0</v>
      </c>
      <c r="GH29" s="70">
        <v>3</v>
      </c>
      <c r="GI29" s="71">
        <v>2</v>
      </c>
      <c r="GJ29" s="72">
        <v>5</v>
      </c>
      <c r="GK29" s="241"/>
      <c r="GL29" s="71">
        <v>2</v>
      </c>
      <c r="GM29" s="71">
        <v>2</v>
      </c>
      <c r="GN29" s="71">
        <v>1</v>
      </c>
      <c r="GO29" s="71">
        <v>2</v>
      </c>
      <c r="GP29" s="71">
        <v>3</v>
      </c>
      <c r="GQ29" s="72">
        <v>10</v>
      </c>
      <c r="GR29" s="73">
        <v>15</v>
      </c>
      <c r="GS29" s="123">
        <v>27</v>
      </c>
      <c r="GT29" s="82">
        <v>13</v>
      </c>
      <c r="GU29" s="83">
        <v>40</v>
      </c>
      <c r="GV29" s="241"/>
      <c r="GW29" s="82">
        <v>23</v>
      </c>
      <c r="GX29" s="82">
        <v>29</v>
      </c>
      <c r="GY29" s="82">
        <v>18</v>
      </c>
      <c r="GZ29" s="82">
        <v>21</v>
      </c>
      <c r="HA29" s="82">
        <v>8</v>
      </c>
      <c r="HB29" s="84">
        <v>99</v>
      </c>
      <c r="HC29" s="85">
        <v>139</v>
      </c>
      <c r="HD29" s="70">
        <v>0</v>
      </c>
      <c r="HE29" s="71">
        <v>0</v>
      </c>
      <c r="HF29" s="72">
        <v>0</v>
      </c>
      <c r="HG29" s="241"/>
      <c r="HH29" s="71">
        <v>1</v>
      </c>
      <c r="HI29" s="71">
        <v>0</v>
      </c>
      <c r="HJ29" s="71">
        <v>0</v>
      </c>
      <c r="HK29" s="71">
        <v>0</v>
      </c>
      <c r="HL29" s="71">
        <v>0</v>
      </c>
      <c r="HM29" s="72">
        <v>1</v>
      </c>
      <c r="HN29" s="73">
        <v>1</v>
      </c>
      <c r="HO29" s="70">
        <v>2</v>
      </c>
      <c r="HP29" s="71">
        <v>0</v>
      </c>
      <c r="HQ29" s="72">
        <v>2</v>
      </c>
      <c r="HR29" s="241"/>
      <c r="HS29" s="71">
        <v>1</v>
      </c>
      <c r="HT29" s="71">
        <v>2</v>
      </c>
      <c r="HU29" s="71">
        <v>0</v>
      </c>
      <c r="HV29" s="71">
        <v>0</v>
      </c>
      <c r="HW29" s="71">
        <v>1</v>
      </c>
      <c r="HX29" s="72">
        <v>4</v>
      </c>
      <c r="HY29" s="73">
        <v>6</v>
      </c>
      <c r="HZ29" s="70">
        <v>2</v>
      </c>
      <c r="IA29" s="71">
        <v>2</v>
      </c>
      <c r="IB29" s="72">
        <v>4</v>
      </c>
      <c r="IC29" s="241"/>
      <c r="ID29" s="71">
        <v>2</v>
      </c>
      <c r="IE29" s="71">
        <v>2</v>
      </c>
      <c r="IF29" s="71">
        <v>2</v>
      </c>
      <c r="IG29" s="71">
        <v>3</v>
      </c>
      <c r="IH29" s="71">
        <v>1</v>
      </c>
      <c r="II29" s="72">
        <v>10</v>
      </c>
      <c r="IJ29" s="73">
        <v>14</v>
      </c>
      <c r="IK29" s="70">
        <v>6</v>
      </c>
      <c r="IL29" s="71">
        <v>2</v>
      </c>
      <c r="IM29" s="72">
        <v>8</v>
      </c>
      <c r="IN29" s="241"/>
      <c r="IO29" s="71">
        <v>8</v>
      </c>
      <c r="IP29" s="71">
        <v>5</v>
      </c>
      <c r="IQ29" s="71">
        <v>4</v>
      </c>
      <c r="IR29" s="71">
        <v>3</v>
      </c>
      <c r="IS29" s="71">
        <v>0</v>
      </c>
      <c r="IT29" s="72">
        <v>20</v>
      </c>
      <c r="IU29" s="73">
        <v>28</v>
      </c>
      <c r="IV29" s="70">
        <v>8</v>
      </c>
      <c r="IW29" s="71">
        <v>4</v>
      </c>
      <c r="IX29" s="72">
        <v>12</v>
      </c>
      <c r="IY29" s="241"/>
      <c r="IZ29" s="71">
        <v>6</v>
      </c>
      <c r="JA29" s="71">
        <v>10</v>
      </c>
      <c r="JB29" s="71">
        <v>8</v>
      </c>
      <c r="JC29" s="71">
        <v>5</v>
      </c>
      <c r="JD29" s="71">
        <v>1</v>
      </c>
      <c r="JE29" s="72">
        <v>30</v>
      </c>
      <c r="JF29" s="73">
        <v>42</v>
      </c>
      <c r="JG29" s="70">
        <v>9</v>
      </c>
      <c r="JH29" s="71">
        <v>5</v>
      </c>
      <c r="JI29" s="72">
        <v>14</v>
      </c>
      <c r="JJ29" s="244">
        <v>0</v>
      </c>
      <c r="JK29" s="71">
        <v>5</v>
      </c>
      <c r="JL29" s="71">
        <v>10</v>
      </c>
      <c r="JM29" s="71">
        <v>4</v>
      </c>
      <c r="JN29" s="71">
        <v>10</v>
      </c>
      <c r="JO29" s="71">
        <v>5</v>
      </c>
      <c r="JP29" s="72">
        <v>34</v>
      </c>
      <c r="JQ29" s="73">
        <v>48</v>
      </c>
      <c r="JR29" s="70">
        <v>0</v>
      </c>
      <c r="JS29" s="71">
        <v>0</v>
      </c>
      <c r="JT29" s="72">
        <v>0</v>
      </c>
      <c r="JU29" s="241"/>
      <c r="JV29" s="71">
        <v>0</v>
      </c>
      <c r="JW29" s="71">
        <v>0</v>
      </c>
      <c r="JX29" s="71">
        <v>0</v>
      </c>
      <c r="JY29" s="71">
        <v>0</v>
      </c>
      <c r="JZ29" s="71">
        <v>0</v>
      </c>
      <c r="KA29" s="72">
        <v>0</v>
      </c>
      <c r="KB29" s="73">
        <v>0</v>
      </c>
      <c r="KC29" s="70">
        <v>27</v>
      </c>
      <c r="KD29" s="71">
        <v>13</v>
      </c>
      <c r="KE29" s="72">
        <v>40</v>
      </c>
      <c r="KF29" s="241"/>
      <c r="KG29" s="71">
        <v>23</v>
      </c>
      <c r="KH29" s="71">
        <v>29</v>
      </c>
      <c r="KI29" s="71">
        <v>18</v>
      </c>
      <c r="KJ29" s="71">
        <v>21</v>
      </c>
      <c r="KK29" s="71">
        <v>8</v>
      </c>
      <c r="KL29" s="72">
        <v>99</v>
      </c>
      <c r="KM29" s="73">
        <v>139</v>
      </c>
    </row>
    <row r="30" spans="2:299" ht="19.5" customHeight="1" x14ac:dyDescent="0.2">
      <c r="B30" s="126" t="s">
        <v>27</v>
      </c>
      <c r="C30" s="316">
        <v>16</v>
      </c>
      <c r="D30" s="82">
        <v>25</v>
      </c>
      <c r="E30" s="83">
        <v>41</v>
      </c>
      <c r="F30" s="241"/>
      <c r="G30" s="82">
        <v>20</v>
      </c>
      <c r="H30" s="82">
        <v>21</v>
      </c>
      <c r="I30" s="82">
        <v>21</v>
      </c>
      <c r="J30" s="82">
        <v>13</v>
      </c>
      <c r="K30" s="82">
        <v>11</v>
      </c>
      <c r="L30" s="84">
        <v>86</v>
      </c>
      <c r="M30" s="85">
        <v>127</v>
      </c>
      <c r="N30" s="70">
        <v>1</v>
      </c>
      <c r="O30" s="71">
        <v>0</v>
      </c>
      <c r="P30" s="72">
        <v>1</v>
      </c>
      <c r="Q30" s="241"/>
      <c r="R30" s="71">
        <v>0</v>
      </c>
      <c r="S30" s="71">
        <v>0</v>
      </c>
      <c r="T30" s="71">
        <v>0</v>
      </c>
      <c r="U30" s="71">
        <v>0</v>
      </c>
      <c r="V30" s="71">
        <v>0</v>
      </c>
      <c r="W30" s="72">
        <v>0</v>
      </c>
      <c r="X30" s="73">
        <v>1</v>
      </c>
      <c r="Y30" s="70">
        <v>0</v>
      </c>
      <c r="Z30" s="71">
        <v>2</v>
      </c>
      <c r="AA30" s="72">
        <v>2</v>
      </c>
      <c r="AB30" s="241"/>
      <c r="AC30" s="71">
        <v>1</v>
      </c>
      <c r="AD30" s="71">
        <v>3</v>
      </c>
      <c r="AE30" s="71">
        <v>0</v>
      </c>
      <c r="AF30" s="71">
        <v>1</v>
      </c>
      <c r="AG30" s="71">
        <v>1</v>
      </c>
      <c r="AH30" s="72">
        <v>6</v>
      </c>
      <c r="AI30" s="73">
        <v>8</v>
      </c>
      <c r="AJ30" s="70">
        <v>0</v>
      </c>
      <c r="AK30" s="71">
        <v>2</v>
      </c>
      <c r="AL30" s="72">
        <v>2</v>
      </c>
      <c r="AM30" s="241"/>
      <c r="AN30" s="71">
        <v>1</v>
      </c>
      <c r="AO30" s="71">
        <v>0</v>
      </c>
      <c r="AP30" s="71">
        <v>2</v>
      </c>
      <c r="AQ30" s="71">
        <v>0</v>
      </c>
      <c r="AR30" s="71">
        <v>1</v>
      </c>
      <c r="AS30" s="72">
        <v>4</v>
      </c>
      <c r="AT30" s="73">
        <v>6</v>
      </c>
      <c r="AU30" s="70">
        <v>4</v>
      </c>
      <c r="AV30" s="71">
        <v>2</v>
      </c>
      <c r="AW30" s="72">
        <v>6</v>
      </c>
      <c r="AX30" s="241"/>
      <c r="AY30" s="71">
        <v>9</v>
      </c>
      <c r="AZ30" s="71">
        <v>4</v>
      </c>
      <c r="BA30" s="71">
        <v>6</v>
      </c>
      <c r="BB30" s="71">
        <v>1</v>
      </c>
      <c r="BC30" s="71">
        <v>2</v>
      </c>
      <c r="BD30" s="72">
        <v>22</v>
      </c>
      <c r="BE30" s="73">
        <v>28</v>
      </c>
      <c r="BF30" s="70">
        <v>5</v>
      </c>
      <c r="BG30" s="71">
        <v>9</v>
      </c>
      <c r="BH30" s="72">
        <v>14</v>
      </c>
      <c r="BI30" s="241"/>
      <c r="BJ30" s="71">
        <v>3</v>
      </c>
      <c r="BK30" s="71">
        <v>8</v>
      </c>
      <c r="BL30" s="71">
        <v>6</v>
      </c>
      <c r="BM30" s="71">
        <v>6</v>
      </c>
      <c r="BN30" s="71">
        <v>5</v>
      </c>
      <c r="BO30" s="72">
        <v>28</v>
      </c>
      <c r="BP30" s="73">
        <v>42</v>
      </c>
      <c r="BQ30" s="70">
        <v>6</v>
      </c>
      <c r="BR30" s="71">
        <v>10</v>
      </c>
      <c r="BS30" s="72">
        <v>16</v>
      </c>
      <c r="BT30" s="241"/>
      <c r="BU30" s="71">
        <v>6</v>
      </c>
      <c r="BV30" s="71">
        <v>6</v>
      </c>
      <c r="BW30" s="71">
        <v>7</v>
      </c>
      <c r="BX30" s="71">
        <v>5</v>
      </c>
      <c r="BY30" s="71">
        <v>2</v>
      </c>
      <c r="BZ30" s="72">
        <v>26</v>
      </c>
      <c r="CA30" s="73">
        <v>42</v>
      </c>
      <c r="CB30" s="70">
        <v>0</v>
      </c>
      <c r="CC30" s="71">
        <v>0</v>
      </c>
      <c r="CD30" s="72">
        <v>0</v>
      </c>
      <c r="CE30" s="241"/>
      <c r="CF30" s="71">
        <v>0</v>
      </c>
      <c r="CG30" s="71">
        <v>0</v>
      </c>
      <c r="CH30" s="71">
        <v>0</v>
      </c>
      <c r="CI30" s="71">
        <v>0</v>
      </c>
      <c r="CJ30" s="71">
        <v>0</v>
      </c>
      <c r="CK30" s="72">
        <v>0</v>
      </c>
      <c r="CL30" s="73">
        <v>0</v>
      </c>
      <c r="CM30" s="70">
        <v>16</v>
      </c>
      <c r="CN30" s="71">
        <v>25</v>
      </c>
      <c r="CO30" s="72">
        <v>41</v>
      </c>
      <c r="CP30" s="241"/>
      <c r="CQ30" s="71">
        <v>20</v>
      </c>
      <c r="CR30" s="71">
        <v>21</v>
      </c>
      <c r="CS30" s="71">
        <v>21</v>
      </c>
      <c r="CT30" s="71">
        <v>13</v>
      </c>
      <c r="CU30" s="71">
        <v>11</v>
      </c>
      <c r="CV30" s="72">
        <v>86</v>
      </c>
      <c r="CW30" s="73">
        <v>127</v>
      </c>
      <c r="CX30" s="123">
        <v>4</v>
      </c>
      <c r="CY30" s="82">
        <v>1</v>
      </c>
      <c r="CZ30" s="83">
        <v>5</v>
      </c>
      <c r="DA30" s="241"/>
      <c r="DB30" s="82">
        <v>4</v>
      </c>
      <c r="DC30" s="82">
        <v>2</v>
      </c>
      <c r="DD30" s="82">
        <v>2</v>
      </c>
      <c r="DE30" s="82">
        <v>3</v>
      </c>
      <c r="DF30" s="82">
        <v>1</v>
      </c>
      <c r="DG30" s="84">
        <v>12</v>
      </c>
      <c r="DH30" s="85">
        <v>17</v>
      </c>
      <c r="DI30" s="70">
        <v>0</v>
      </c>
      <c r="DJ30" s="71">
        <v>0</v>
      </c>
      <c r="DK30" s="72">
        <v>0</v>
      </c>
      <c r="DL30" s="241"/>
      <c r="DM30" s="71">
        <v>0</v>
      </c>
      <c r="DN30" s="71">
        <v>0</v>
      </c>
      <c r="DO30" s="71">
        <v>0</v>
      </c>
      <c r="DP30" s="71">
        <v>0</v>
      </c>
      <c r="DQ30" s="71">
        <v>0</v>
      </c>
      <c r="DR30" s="72">
        <v>0</v>
      </c>
      <c r="DS30" s="73">
        <v>0</v>
      </c>
      <c r="DT30" s="70">
        <v>0</v>
      </c>
      <c r="DU30" s="71">
        <v>1</v>
      </c>
      <c r="DV30" s="72">
        <v>1</v>
      </c>
      <c r="DW30" s="241"/>
      <c r="DX30" s="71">
        <v>0</v>
      </c>
      <c r="DY30" s="71">
        <v>0</v>
      </c>
      <c r="DZ30" s="71">
        <v>0</v>
      </c>
      <c r="EA30" s="71">
        <v>0</v>
      </c>
      <c r="EB30" s="71">
        <v>0</v>
      </c>
      <c r="EC30" s="72">
        <v>0</v>
      </c>
      <c r="ED30" s="73">
        <v>1</v>
      </c>
      <c r="EE30" s="70">
        <v>0</v>
      </c>
      <c r="EF30" s="71">
        <v>0</v>
      </c>
      <c r="EG30" s="72">
        <v>0</v>
      </c>
      <c r="EH30" s="241"/>
      <c r="EI30" s="71">
        <v>0</v>
      </c>
      <c r="EJ30" s="71">
        <v>0</v>
      </c>
      <c r="EK30" s="71">
        <v>0</v>
      </c>
      <c r="EL30" s="71">
        <v>0</v>
      </c>
      <c r="EM30" s="71">
        <v>0</v>
      </c>
      <c r="EN30" s="72">
        <v>0</v>
      </c>
      <c r="EO30" s="73">
        <v>0</v>
      </c>
      <c r="EP30" s="70">
        <v>1</v>
      </c>
      <c r="EQ30" s="71">
        <v>0</v>
      </c>
      <c r="ER30" s="72">
        <v>1</v>
      </c>
      <c r="ES30" s="241"/>
      <c r="ET30" s="71">
        <v>1</v>
      </c>
      <c r="EU30" s="71">
        <v>0</v>
      </c>
      <c r="EV30" s="71">
        <v>0</v>
      </c>
      <c r="EW30" s="71">
        <v>0</v>
      </c>
      <c r="EX30" s="71">
        <v>0</v>
      </c>
      <c r="EY30" s="72">
        <v>1</v>
      </c>
      <c r="EZ30" s="73">
        <v>2</v>
      </c>
      <c r="FA30" s="70">
        <v>2</v>
      </c>
      <c r="FB30" s="71">
        <v>0</v>
      </c>
      <c r="FC30" s="72">
        <v>2</v>
      </c>
      <c r="FD30" s="241"/>
      <c r="FE30" s="71">
        <v>3</v>
      </c>
      <c r="FF30" s="71">
        <v>1</v>
      </c>
      <c r="FG30" s="71">
        <v>0</v>
      </c>
      <c r="FH30" s="71">
        <v>1</v>
      </c>
      <c r="FI30" s="71">
        <v>1</v>
      </c>
      <c r="FJ30" s="72">
        <v>6</v>
      </c>
      <c r="FK30" s="73">
        <v>8</v>
      </c>
      <c r="FL30" s="70">
        <v>1</v>
      </c>
      <c r="FM30" s="71">
        <v>0</v>
      </c>
      <c r="FN30" s="72">
        <v>1</v>
      </c>
      <c r="FO30" s="241"/>
      <c r="FP30" s="71">
        <v>0</v>
      </c>
      <c r="FQ30" s="71">
        <v>1</v>
      </c>
      <c r="FR30" s="71">
        <v>2</v>
      </c>
      <c r="FS30" s="71">
        <v>2</v>
      </c>
      <c r="FT30" s="71">
        <v>0</v>
      </c>
      <c r="FU30" s="72">
        <v>5</v>
      </c>
      <c r="FV30" s="73">
        <v>6</v>
      </c>
      <c r="FW30" s="70">
        <v>0</v>
      </c>
      <c r="FX30" s="71">
        <v>0</v>
      </c>
      <c r="FY30" s="72">
        <v>0</v>
      </c>
      <c r="FZ30" s="241"/>
      <c r="GA30" s="71">
        <v>0</v>
      </c>
      <c r="GB30" s="71">
        <v>0</v>
      </c>
      <c r="GC30" s="71">
        <v>0</v>
      </c>
      <c r="GD30" s="71">
        <v>0</v>
      </c>
      <c r="GE30" s="71">
        <v>0</v>
      </c>
      <c r="GF30" s="72">
        <v>0</v>
      </c>
      <c r="GG30" s="73">
        <v>0</v>
      </c>
      <c r="GH30" s="70">
        <v>4</v>
      </c>
      <c r="GI30" s="71">
        <v>1</v>
      </c>
      <c r="GJ30" s="72">
        <v>5</v>
      </c>
      <c r="GK30" s="241"/>
      <c r="GL30" s="71">
        <v>4</v>
      </c>
      <c r="GM30" s="71">
        <v>2</v>
      </c>
      <c r="GN30" s="71">
        <v>2</v>
      </c>
      <c r="GO30" s="71">
        <v>3</v>
      </c>
      <c r="GP30" s="71">
        <v>1</v>
      </c>
      <c r="GQ30" s="72">
        <v>12</v>
      </c>
      <c r="GR30" s="73">
        <v>17</v>
      </c>
      <c r="GS30" s="123">
        <v>20</v>
      </c>
      <c r="GT30" s="82">
        <v>26</v>
      </c>
      <c r="GU30" s="83">
        <v>46</v>
      </c>
      <c r="GV30" s="241"/>
      <c r="GW30" s="82">
        <v>24</v>
      </c>
      <c r="GX30" s="82">
        <v>23</v>
      </c>
      <c r="GY30" s="82">
        <v>23</v>
      </c>
      <c r="GZ30" s="82">
        <v>16</v>
      </c>
      <c r="HA30" s="82">
        <v>12</v>
      </c>
      <c r="HB30" s="84">
        <v>98</v>
      </c>
      <c r="HC30" s="85">
        <v>144</v>
      </c>
      <c r="HD30" s="70">
        <v>1</v>
      </c>
      <c r="HE30" s="71">
        <v>0</v>
      </c>
      <c r="HF30" s="72">
        <v>1</v>
      </c>
      <c r="HG30" s="241"/>
      <c r="HH30" s="71">
        <v>0</v>
      </c>
      <c r="HI30" s="71">
        <v>0</v>
      </c>
      <c r="HJ30" s="71">
        <v>0</v>
      </c>
      <c r="HK30" s="71">
        <v>0</v>
      </c>
      <c r="HL30" s="71">
        <v>0</v>
      </c>
      <c r="HM30" s="72">
        <v>0</v>
      </c>
      <c r="HN30" s="73">
        <v>1</v>
      </c>
      <c r="HO30" s="70">
        <v>0</v>
      </c>
      <c r="HP30" s="71">
        <v>3</v>
      </c>
      <c r="HQ30" s="72">
        <v>3</v>
      </c>
      <c r="HR30" s="241"/>
      <c r="HS30" s="71">
        <v>1</v>
      </c>
      <c r="HT30" s="71">
        <v>3</v>
      </c>
      <c r="HU30" s="71">
        <v>0</v>
      </c>
      <c r="HV30" s="71">
        <v>1</v>
      </c>
      <c r="HW30" s="71">
        <v>1</v>
      </c>
      <c r="HX30" s="72">
        <v>6</v>
      </c>
      <c r="HY30" s="73">
        <v>9</v>
      </c>
      <c r="HZ30" s="70">
        <v>0</v>
      </c>
      <c r="IA30" s="71">
        <v>2</v>
      </c>
      <c r="IB30" s="72">
        <v>2</v>
      </c>
      <c r="IC30" s="241"/>
      <c r="ID30" s="71">
        <v>1</v>
      </c>
      <c r="IE30" s="71">
        <v>0</v>
      </c>
      <c r="IF30" s="71">
        <v>2</v>
      </c>
      <c r="IG30" s="71">
        <v>0</v>
      </c>
      <c r="IH30" s="71">
        <v>1</v>
      </c>
      <c r="II30" s="72">
        <v>4</v>
      </c>
      <c r="IJ30" s="73">
        <v>6</v>
      </c>
      <c r="IK30" s="70">
        <v>5</v>
      </c>
      <c r="IL30" s="71">
        <v>2</v>
      </c>
      <c r="IM30" s="72">
        <v>7</v>
      </c>
      <c r="IN30" s="241"/>
      <c r="IO30" s="71">
        <v>10</v>
      </c>
      <c r="IP30" s="71">
        <v>4</v>
      </c>
      <c r="IQ30" s="71">
        <v>6</v>
      </c>
      <c r="IR30" s="71">
        <v>1</v>
      </c>
      <c r="IS30" s="71">
        <v>2</v>
      </c>
      <c r="IT30" s="72">
        <v>23</v>
      </c>
      <c r="IU30" s="73">
        <v>30</v>
      </c>
      <c r="IV30" s="70">
        <v>7</v>
      </c>
      <c r="IW30" s="71">
        <v>9</v>
      </c>
      <c r="IX30" s="72">
        <v>16</v>
      </c>
      <c r="IY30" s="241"/>
      <c r="IZ30" s="71">
        <v>6</v>
      </c>
      <c r="JA30" s="71">
        <v>9</v>
      </c>
      <c r="JB30" s="71">
        <v>6</v>
      </c>
      <c r="JC30" s="71">
        <v>7</v>
      </c>
      <c r="JD30" s="71">
        <v>6</v>
      </c>
      <c r="JE30" s="72">
        <v>34</v>
      </c>
      <c r="JF30" s="73">
        <v>50</v>
      </c>
      <c r="JG30" s="70">
        <v>7</v>
      </c>
      <c r="JH30" s="71">
        <v>10</v>
      </c>
      <c r="JI30" s="72">
        <v>17</v>
      </c>
      <c r="JJ30" s="244">
        <v>0</v>
      </c>
      <c r="JK30" s="71">
        <v>6</v>
      </c>
      <c r="JL30" s="71">
        <v>7</v>
      </c>
      <c r="JM30" s="71">
        <v>9</v>
      </c>
      <c r="JN30" s="71">
        <v>7</v>
      </c>
      <c r="JO30" s="71">
        <v>2</v>
      </c>
      <c r="JP30" s="72">
        <v>31</v>
      </c>
      <c r="JQ30" s="73">
        <v>48</v>
      </c>
      <c r="JR30" s="70">
        <v>0</v>
      </c>
      <c r="JS30" s="71">
        <v>0</v>
      </c>
      <c r="JT30" s="72">
        <v>0</v>
      </c>
      <c r="JU30" s="241"/>
      <c r="JV30" s="71">
        <v>0</v>
      </c>
      <c r="JW30" s="71">
        <v>0</v>
      </c>
      <c r="JX30" s="71">
        <v>0</v>
      </c>
      <c r="JY30" s="71">
        <v>0</v>
      </c>
      <c r="JZ30" s="71">
        <v>0</v>
      </c>
      <c r="KA30" s="72">
        <v>0</v>
      </c>
      <c r="KB30" s="73">
        <v>0</v>
      </c>
      <c r="KC30" s="70">
        <v>20</v>
      </c>
      <c r="KD30" s="71">
        <v>26</v>
      </c>
      <c r="KE30" s="72">
        <v>46</v>
      </c>
      <c r="KF30" s="241"/>
      <c r="KG30" s="71">
        <v>24</v>
      </c>
      <c r="KH30" s="71">
        <v>23</v>
      </c>
      <c r="KI30" s="71">
        <v>23</v>
      </c>
      <c r="KJ30" s="71">
        <v>16</v>
      </c>
      <c r="KK30" s="71">
        <v>12</v>
      </c>
      <c r="KL30" s="72">
        <v>98</v>
      </c>
      <c r="KM30" s="73">
        <v>144</v>
      </c>
    </row>
    <row r="31" spans="2:299" ht="19.5" customHeight="1" x14ac:dyDescent="0.2">
      <c r="B31" s="126" t="s">
        <v>28</v>
      </c>
      <c r="C31" s="316">
        <v>2</v>
      </c>
      <c r="D31" s="82">
        <v>4</v>
      </c>
      <c r="E31" s="83">
        <v>6</v>
      </c>
      <c r="F31" s="241"/>
      <c r="G31" s="82">
        <v>7</v>
      </c>
      <c r="H31" s="82">
        <v>7</v>
      </c>
      <c r="I31" s="82">
        <v>2</v>
      </c>
      <c r="J31" s="82">
        <v>4</v>
      </c>
      <c r="K31" s="82">
        <v>1</v>
      </c>
      <c r="L31" s="84">
        <v>21</v>
      </c>
      <c r="M31" s="85">
        <v>27</v>
      </c>
      <c r="N31" s="70">
        <v>0</v>
      </c>
      <c r="O31" s="71">
        <v>0</v>
      </c>
      <c r="P31" s="72">
        <v>0</v>
      </c>
      <c r="Q31" s="241"/>
      <c r="R31" s="71">
        <v>0</v>
      </c>
      <c r="S31" s="71">
        <v>0</v>
      </c>
      <c r="T31" s="71">
        <v>0</v>
      </c>
      <c r="U31" s="71">
        <v>0</v>
      </c>
      <c r="V31" s="71">
        <v>0</v>
      </c>
      <c r="W31" s="72">
        <v>0</v>
      </c>
      <c r="X31" s="73">
        <v>0</v>
      </c>
      <c r="Y31" s="70">
        <v>0</v>
      </c>
      <c r="Z31" s="71">
        <v>0</v>
      </c>
      <c r="AA31" s="72">
        <v>0</v>
      </c>
      <c r="AB31" s="241"/>
      <c r="AC31" s="71">
        <v>0</v>
      </c>
      <c r="AD31" s="71">
        <v>2</v>
      </c>
      <c r="AE31" s="71">
        <v>0</v>
      </c>
      <c r="AF31" s="71">
        <v>0</v>
      </c>
      <c r="AG31" s="71">
        <v>0</v>
      </c>
      <c r="AH31" s="72">
        <v>2</v>
      </c>
      <c r="AI31" s="73">
        <v>2</v>
      </c>
      <c r="AJ31" s="70">
        <v>0</v>
      </c>
      <c r="AK31" s="71">
        <v>1</v>
      </c>
      <c r="AL31" s="72">
        <v>1</v>
      </c>
      <c r="AM31" s="241"/>
      <c r="AN31" s="71">
        <v>0</v>
      </c>
      <c r="AO31" s="71">
        <v>1</v>
      </c>
      <c r="AP31" s="71">
        <v>0</v>
      </c>
      <c r="AQ31" s="71">
        <v>1</v>
      </c>
      <c r="AR31" s="71">
        <v>0</v>
      </c>
      <c r="AS31" s="72">
        <v>2</v>
      </c>
      <c r="AT31" s="73">
        <v>3</v>
      </c>
      <c r="AU31" s="70">
        <v>2</v>
      </c>
      <c r="AV31" s="71">
        <v>0</v>
      </c>
      <c r="AW31" s="72">
        <v>2</v>
      </c>
      <c r="AX31" s="241"/>
      <c r="AY31" s="71">
        <v>1</v>
      </c>
      <c r="AZ31" s="71">
        <v>2</v>
      </c>
      <c r="BA31" s="71">
        <v>0</v>
      </c>
      <c r="BB31" s="71">
        <v>1</v>
      </c>
      <c r="BC31" s="71">
        <v>0</v>
      </c>
      <c r="BD31" s="72">
        <v>4</v>
      </c>
      <c r="BE31" s="73">
        <v>6</v>
      </c>
      <c r="BF31" s="70">
        <v>0</v>
      </c>
      <c r="BG31" s="71">
        <v>2</v>
      </c>
      <c r="BH31" s="72">
        <v>2</v>
      </c>
      <c r="BI31" s="241"/>
      <c r="BJ31" s="71">
        <v>6</v>
      </c>
      <c r="BK31" s="71">
        <v>1</v>
      </c>
      <c r="BL31" s="71">
        <v>0</v>
      </c>
      <c r="BM31" s="71">
        <v>2</v>
      </c>
      <c r="BN31" s="71">
        <v>1</v>
      </c>
      <c r="BO31" s="72">
        <v>10</v>
      </c>
      <c r="BP31" s="73">
        <v>12</v>
      </c>
      <c r="BQ31" s="70">
        <v>0</v>
      </c>
      <c r="BR31" s="71">
        <v>1</v>
      </c>
      <c r="BS31" s="72">
        <v>1</v>
      </c>
      <c r="BT31" s="241"/>
      <c r="BU31" s="71">
        <v>0</v>
      </c>
      <c r="BV31" s="71">
        <v>1</v>
      </c>
      <c r="BW31" s="71">
        <v>2</v>
      </c>
      <c r="BX31" s="71">
        <v>0</v>
      </c>
      <c r="BY31" s="71">
        <v>0</v>
      </c>
      <c r="BZ31" s="72">
        <v>3</v>
      </c>
      <c r="CA31" s="73">
        <v>4</v>
      </c>
      <c r="CB31" s="70">
        <v>0</v>
      </c>
      <c r="CC31" s="71">
        <v>0</v>
      </c>
      <c r="CD31" s="72">
        <v>0</v>
      </c>
      <c r="CE31" s="241"/>
      <c r="CF31" s="71">
        <v>0</v>
      </c>
      <c r="CG31" s="71">
        <v>0</v>
      </c>
      <c r="CH31" s="71">
        <v>0</v>
      </c>
      <c r="CI31" s="71">
        <v>0</v>
      </c>
      <c r="CJ31" s="71">
        <v>0</v>
      </c>
      <c r="CK31" s="72">
        <v>0</v>
      </c>
      <c r="CL31" s="73">
        <v>0</v>
      </c>
      <c r="CM31" s="70">
        <v>2</v>
      </c>
      <c r="CN31" s="71">
        <v>4</v>
      </c>
      <c r="CO31" s="72">
        <v>6</v>
      </c>
      <c r="CP31" s="241"/>
      <c r="CQ31" s="71">
        <v>7</v>
      </c>
      <c r="CR31" s="71">
        <v>7</v>
      </c>
      <c r="CS31" s="71">
        <v>2</v>
      </c>
      <c r="CT31" s="71">
        <v>4</v>
      </c>
      <c r="CU31" s="71">
        <v>1</v>
      </c>
      <c r="CV31" s="72">
        <v>21</v>
      </c>
      <c r="CW31" s="73">
        <v>27</v>
      </c>
      <c r="CX31" s="123">
        <v>1</v>
      </c>
      <c r="CY31" s="82">
        <v>0</v>
      </c>
      <c r="CZ31" s="83">
        <v>1</v>
      </c>
      <c r="DA31" s="241"/>
      <c r="DB31" s="82">
        <v>2</v>
      </c>
      <c r="DC31" s="82">
        <v>2</v>
      </c>
      <c r="DD31" s="82">
        <v>0</v>
      </c>
      <c r="DE31" s="82">
        <v>0</v>
      </c>
      <c r="DF31" s="82">
        <v>1</v>
      </c>
      <c r="DG31" s="84">
        <v>5</v>
      </c>
      <c r="DH31" s="85">
        <v>6</v>
      </c>
      <c r="DI31" s="70">
        <v>0</v>
      </c>
      <c r="DJ31" s="71">
        <v>0</v>
      </c>
      <c r="DK31" s="72">
        <v>0</v>
      </c>
      <c r="DL31" s="241"/>
      <c r="DM31" s="71">
        <v>0</v>
      </c>
      <c r="DN31" s="71">
        <v>0</v>
      </c>
      <c r="DO31" s="71">
        <v>0</v>
      </c>
      <c r="DP31" s="71">
        <v>0</v>
      </c>
      <c r="DQ31" s="71">
        <v>0</v>
      </c>
      <c r="DR31" s="72">
        <v>0</v>
      </c>
      <c r="DS31" s="73">
        <v>0</v>
      </c>
      <c r="DT31" s="70">
        <v>0</v>
      </c>
      <c r="DU31" s="71">
        <v>0</v>
      </c>
      <c r="DV31" s="72">
        <v>0</v>
      </c>
      <c r="DW31" s="241"/>
      <c r="DX31" s="71">
        <v>0</v>
      </c>
      <c r="DY31" s="71">
        <v>0</v>
      </c>
      <c r="DZ31" s="71">
        <v>0</v>
      </c>
      <c r="EA31" s="71">
        <v>0</v>
      </c>
      <c r="EB31" s="71">
        <v>0</v>
      </c>
      <c r="EC31" s="72">
        <v>0</v>
      </c>
      <c r="ED31" s="73">
        <v>0</v>
      </c>
      <c r="EE31" s="70">
        <v>0</v>
      </c>
      <c r="EF31" s="71">
        <v>0</v>
      </c>
      <c r="EG31" s="72">
        <v>0</v>
      </c>
      <c r="EH31" s="241"/>
      <c r="EI31" s="71">
        <v>0</v>
      </c>
      <c r="EJ31" s="71">
        <v>0</v>
      </c>
      <c r="EK31" s="71">
        <v>0</v>
      </c>
      <c r="EL31" s="71">
        <v>0</v>
      </c>
      <c r="EM31" s="71">
        <v>0</v>
      </c>
      <c r="EN31" s="72">
        <v>0</v>
      </c>
      <c r="EO31" s="73">
        <v>0</v>
      </c>
      <c r="EP31" s="70">
        <v>1</v>
      </c>
      <c r="EQ31" s="71">
        <v>0</v>
      </c>
      <c r="ER31" s="72">
        <v>1</v>
      </c>
      <c r="ES31" s="241"/>
      <c r="ET31" s="71">
        <v>1</v>
      </c>
      <c r="EU31" s="71">
        <v>1</v>
      </c>
      <c r="EV31" s="71">
        <v>0</v>
      </c>
      <c r="EW31" s="71">
        <v>0</v>
      </c>
      <c r="EX31" s="71">
        <v>1</v>
      </c>
      <c r="EY31" s="72">
        <v>3</v>
      </c>
      <c r="EZ31" s="73">
        <v>4</v>
      </c>
      <c r="FA31" s="70">
        <v>0</v>
      </c>
      <c r="FB31" s="71">
        <v>0</v>
      </c>
      <c r="FC31" s="72">
        <v>0</v>
      </c>
      <c r="FD31" s="241"/>
      <c r="FE31" s="71">
        <v>0</v>
      </c>
      <c r="FF31" s="71">
        <v>0</v>
      </c>
      <c r="FG31" s="71">
        <v>0</v>
      </c>
      <c r="FH31" s="71">
        <v>0</v>
      </c>
      <c r="FI31" s="71">
        <v>0</v>
      </c>
      <c r="FJ31" s="72">
        <v>0</v>
      </c>
      <c r="FK31" s="73">
        <v>0</v>
      </c>
      <c r="FL31" s="70">
        <v>0</v>
      </c>
      <c r="FM31" s="71">
        <v>0</v>
      </c>
      <c r="FN31" s="72">
        <v>0</v>
      </c>
      <c r="FO31" s="241"/>
      <c r="FP31" s="71">
        <v>1</v>
      </c>
      <c r="FQ31" s="71">
        <v>1</v>
      </c>
      <c r="FR31" s="71">
        <v>0</v>
      </c>
      <c r="FS31" s="71">
        <v>0</v>
      </c>
      <c r="FT31" s="71">
        <v>0</v>
      </c>
      <c r="FU31" s="72">
        <v>2</v>
      </c>
      <c r="FV31" s="73">
        <v>2</v>
      </c>
      <c r="FW31" s="70">
        <v>0</v>
      </c>
      <c r="FX31" s="71">
        <v>0</v>
      </c>
      <c r="FY31" s="72">
        <v>0</v>
      </c>
      <c r="FZ31" s="241"/>
      <c r="GA31" s="71">
        <v>0</v>
      </c>
      <c r="GB31" s="71">
        <v>0</v>
      </c>
      <c r="GC31" s="71">
        <v>0</v>
      </c>
      <c r="GD31" s="71">
        <v>0</v>
      </c>
      <c r="GE31" s="71">
        <v>0</v>
      </c>
      <c r="GF31" s="72">
        <v>0</v>
      </c>
      <c r="GG31" s="73">
        <v>0</v>
      </c>
      <c r="GH31" s="70">
        <v>1</v>
      </c>
      <c r="GI31" s="71">
        <v>0</v>
      </c>
      <c r="GJ31" s="72">
        <v>1</v>
      </c>
      <c r="GK31" s="241"/>
      <c r="GL31" s="71">
        <v>2</v>
      </c>
      <c r="GM31" s="71">
        <v>2</v>
      </c>
      <c r="GN31" s="71">
        <v>0</v>
      </c>
      <c r="GO31" s="71">
        <v>0</v>
      </c>
      <c r="GP31" s="71">
        <v>1</v>
      </c>
      <c r="GQ31" s="72">
        <v>5</v>
      </c>
      <c r="GR31" s="73">
        <v>6</v>
      </c>
      <c r="GS31" s="123">
        <v>3</v>
      </c>
      <c r="GT31" s="82">
        <v>4</v>
      </c>
      <c r="GU31" s="83">
        <v>7</v>
      </c>
      <c r="GV31" s="241"/>
      <c r="GW31" s="82">
        <v>9</v>
      </c>
      <c r="GX31" s="82">
        <v>9</v>
      </c>
      <c r="GY31" s="82">
        <v>2</v>
      </c>
      <c r="GZ31" s="82">
        <v>4</v>
      </c>
      <c r="HA31" s="82">
        <v>2</v>
      </c>
      <c r="HB31" s="84">
        <v>26</v>
      </c>
      <c r="HC31" s="85">
        <v>33</v>
      </c>
      <c r="HD31" s="70">
        <v>0</v>
      </c>
      <c r="HE31" s="71">
        <v>0</v>
      </c>
      <c r="HF31" s="72">
        <v>0</v>
      </c>
      <c r="HG31" s="241"/>
      <c r="HH31" s="71">
        <v>0</v>
      </c>
      <c r="HI31" s="71">
        <v>0</v>
      </c>
      <c r="HJ31" s="71">
        <v>0</v>
      </c>
      <c r="HK31" s="71">
        <v>0</v>
      </c>
      <c r="HL31" s="71">
        <v>0</v>
      </c>
      <c r="HM31" s="72">
        <v>0</v>
      </c>
      <c r="HN31" s="73">
        <v>0</v>
      </c>
      <c r="HO31" s="70">
        <v>0</v>
      </c>
      <c r="HP31" s="71">
        <v>0</v>
      </c>
      <c r="HQ31" s="72">
        <v>0</v>
      </c>
      <c r="HR31" s="241"/>
      <c r="HS31" s="71">
        <v>0</v>
      </c>
      <c r="HT31" s="71">
        <v>2</v>
      </c>
      <c r="HU31" s="71">
        <v>0</v>
      </c>
      <c r="HV31" s="71">
        <v>0</v>
      </c>
      <c r="HW31" s="71">
        <v>0</v>
      </c>
      <c r="HX31" s="72">
        <v>2</v>
      </c>
      <c r="HY31" s="73">
        <v>2</v>
      </c>
      <c r="HZ31" s="70">
        <v>0</v>
      </c>
      <c r="IA31" s="71">
        <v>1</v>
      </c>
      <c r="IB31" s="72">
        <v>1</v>
      </c>
      <c r="IC31" s="241"/>
      <c r="ID31" s="71">
        <v>0</v>
      </c>
      <c r="IE31" s="71">
        <v>1</v>
      </c>
      <c r="IF31" s="71">
        <v>0</v>
      </c>
      <c r="IG31" s="71">
        <v>1</v>
      </c>
      <c r="IH31" s="71">
        <v>0</v>
      </c>
      <c r="II31" s="72">
        <v>2</v>
      </c>
      <c r="IJ31" s="73">
        <v>3</v>
      </c>
      <c r="IK31" s="70">
        <v>3</v>
      </c>
      <c r="IL31" s="71">
        <v>0</v>
      </c>
      <c r="IM31" s="72">
        <v>3</v>
      </c>
      <c r="IN31" s="241"/>
      <c r="IO31" s="71">
        <v>2</v>
      </c>
      <c r="IP31" s="71">
        <v>3</v>
      </c>
      <c r="IQ31" s="71">
        <v>0</v>
      </c>
      <c r="IR31" s="71">
        <v>1</v>
      </c>
      <c r="IS31" s="71">
        <v>1</v>
      </c>
      <c r="IT31" s="72">
        <v>7</v>
      </c>
      <c r="IU31" s="73">
        <v>10</v>
      </c>
      <c r="IV31" s="70">
        <v>0</v>
      </c>
      <c r="IW31" s="71">
        <v>2</v>
      </c>
      <c r="IX31" s="72">
        <v>2</v>
      </c>
      <c r="IY31" s="241"/>
      <c r="IZ31" s="71">
        <v>6</v>
      </c>
      <c r="JA31" s="71">
        <v>1</v>
      </c>
      <c r="JB31" s="71">
        <v>0</v>
      </c>
      <c r="JC31" s="71">
        <v>2</v>
      </c>
      <c r="JD31" s="71">
        <v>1</v>
      </c>
      <c r="JE31" s="72">
        <v>10</v>
      </c>
      <c r="JF31" s="73">
        <v>12</v>
      </c>
      <c r="JG31" s="70">
        <v>0</v>
      </c>
      <c r="JH31" s="71">
        <v>1</v>
      </c>
      <c r="JI31" s="72">
        <v>1</v>
      </c>
      <c r="JJ31" s="244">
        <v>0</v>
      </c>
      <c r="JK31" s="71">
        <v>1</v>
      </c>
      <c r="JL31" s="71">
        <v>2</v>
      </c>
      <c r="JM31" s="71">
        <v>2</v>
      </c>
      <c r="JN31" s="71">
        <v>0</v>
      </c>
      <c r="JO31" s="71">
        <v>0</v>
      </c>
      <c r="JP31" s="72">
        <v>5</v>
      </c>
      <c r="JQ31" s="73">
        <v>6</v>
      </c>
      <c r="JR31" s="70">
        <v>0</v>
      </c>
      <c r="JS31" s="71">
        <v>0</v>
      </c>
      <c r="JT31" s="72">
        <v>0</v>
      </c>
      <c r="JU31" s="241"/>
      <c r="JV31" s="71">
        <v>0</v>
      </c>
      <c r="JW31" s="71">
        <v>0</v>
      </c>
      <c r="JX31" s="71">
        <v>0</v>
      </c>
      <c r="JY31" s="71">
        <v>0</v>
      </c>
      <c r="JZ31" s="71">
        <v>0</v>
      </c>
      <c r="KA31" s="72">
        <v>0</v>
      </c>
      <c r="KB31" s="73">
        <v>0</v>
      </c>
      <c r="KC31" s="70">
        <v>3</v>
      </c>
      <c r="KD31" s="71">
        <v>4</v>
      </c>
      <c r="KE31" s="72">
        <v>7</v>
      </c>
      <c r="KF31" s="241"/>
      <c r="KG31" s="71">
        <v>9</v>
      </c>
      <c r="KH31" s="71">
        <v>9</v>
      </c>
      <c r="KI31" s="71">
        <v>2</v>
      </c>
      <c r="KJ31" s="71">
        <v>4</v>
      </c>
      <c r="KK31" s="71">
        <v>2</v>
      </c>
      <c r="KL31" s="72">
        <v>26</v>
      </c>
      <c r="KM31" s="73">
        <v>33</v>
      </c>
    </row>
    <row r="32" spans="2:299" ht="19.5" customHeight="1" x14ac:dyDescent="0.2">
      <c r="B32" s="126" t="s">
        <v>29</v>
      </c>
      <c r="C32" s="316">
        <v>3</v>
      </c>
      <c r="D32" s="82">
        <v>2</v>
      </c>
      <c r="E32" s="83">
        <v>5</v>
      </c>
      <c r="F32" s="241"/>
      <c r="G32" s="82">
        <v>5</v>
      </c>
      <c r="H32" s="82">
        <v>5</v>
      </c>
      <c r="I32" s="82">
        <v>4</v>
      </c>
      <c r="J32" s="82">
        <v>2</v>
      </c>
      <c r="K32" s="82">
        <v>4</v>
      </c>
      <c r="L32" s="84">
        <v>20</v>
      </c>
      <c r="M32" s="85">
        <v>25</v>
      </c>
      <c r="N32" s="70">
        <v>0</v>
      </c>
      <c r="O32" s="71">
        <v>0</v>
      </c>
      <c r="P32" s="72">
        <v>0</v>
      </c>
      <c r="Q32" s="241"/>
      <c r="R32" s="71">
        <v>0</v>
      </c>
      <c r="S32" s="71">
        <v>0</v>
      </c>
      <c r="T32" s="71">
        <v>1</v>
      </c>
      <c r="U32" s="71">
        <v>0</v>
      </c>
      <c r="V32" s="71">
        <v>0</v>
      </c>
      <c r="W32" s="72">
        <v>1</v>
      </c>
      <c r="X32" s="73">
        <v>1</v>
      </c>
      <c r="Y32" s="70">
        <v>0</v>
      </c>
      <c r="Z32" s="71">
        <v>0</v>
      </c>
      <c r="AA32" s="72">
        <v>0</v>
      </c>
      <c r="AB32" s="241"/>
      <c r="AC32" s="71">
        <v>0</v>
      </c>
      <c r="AD32" s="71">
        <v>0</v>
      </c>
      <c r="AE32" s="71">
        <v>0</v>
      </c>
      <c r="AF32" s="71">
        <v>0</v>
      </c>
      <c r="AG32" s="71">
        <v>0</v>
      </c>
      <c r="AH32" s="72">
        <v>0</v>
      </c>
      <c r="AI32" s="73">
        <v>0</v>
      </c>
      <c r="AJ32" s="70">
        <v>2</v>
      </c>
      <c r="AK32" s="71">
        <v>0</v>
      </c>
      <c r="AL32" s="72">
        <v>2</v>
      </c>
      <c r="AM32" s="241"/>
      <c r="AN32" s="71">
        <v>1</v>
      </c>
      <c r="AO32" s="71">
        <v>0</v>
      </c>
      <c r="AP32" s="71">
        <v>0</v>
      </c>
      <c r="AQ32" s="71">
        <v>0</v>
      </c>
      <c r="AR32" s="71">
        <v>1</v>
      </c>
      <c r="AS32" s="72">
        <v>2</v>
      </c>
      <c r="AT32" s="73">
        <v>4</v>
      </c>
      <c r="AU32" s="70">
        <v>1</v>
      </c>
      <c r="AV32" s="71">
        <v>1</v>
      </c>
      <c r="AW32" s="72">
        <v>2</v>
      </c>
      <c r="AX32" s="241"/>
      <c r="AY32" s="71">
        <v>1</v>
      </c>
      <c r="AZ32" s="71">
        <v>1</v>
      </c>
      <c r="BA32" s="71">
        <v>0</v>
      </c>
      <c r="BB32" s="71">
        <v>1</v>
      </c>
      <c r="BC32" s="71">
        <v>0</v>
      </c>
      <c r="BD32" s="72">
        <v>3</v>
      </c>
      <c r="BE32" s="73">
        <v>5</v>
      </c>
      <c r="BF32" s="70">
        <v>0</v>
      </c>
      <c r="BG32" s="71">
        <v>1</v>
      </c>
      <c r="BH32" s="72">
        <v>1</v>
      </c>
      <c r="BI32" s="241"/>
      <c r="BJ32" s="71">
        <v>3</v>
      </c>
      <c r="BK32" s="71">
        <v>3</v>
      </c>
      <c r="BL32" s="71">
        <v>1</v>
      </c>
      <c r="BM32" s="71">
        <v>1</v>
      </c>
      <c r="BN32" s="71">
        <v>1</v>
      </c>
      <c r="BO32" s="72">
        <v>9</v>
      </c>
      <c r="BP32" s="73">
        <v>10</v>
      </c>
      <c r="BQ32" s="70">
        <v>0</v>
      </c>
      <c r="BR32" s="71">
        <v>0</v>
      </c>
      <c r="BS32" s="72">
        <v>0</v>
      </c>
      <c r="BT32" s="241"/>
      <c r="BU32" s="71">
        <v>0</v>
      </c>
      <c r="BV32" s="71">
        <v>1</v>
      </c>
      <c r="BW32" s="71">
        <v>2</v>
      </c>
      <c r="BX32" s="71">
        <v>0</v>
      </c>
      <c r="BY32" s="71">
        <v>2</v>
      </c>
      <c r="BZ32" s="72">
        <v>5</v>
      </c>
      <c r="CA32" s="73">
        <v>5</v>
      </c>
      <c r="CB32" s="70">
        <v>0</v>
      </c>
      <c r="CC32" s="71">
        <v>0</v>
      </c>
      <c r="CD32" s="72">
        <v>0</v>
      </c>
      <c r="CE32" s="241"/>
      <c r="CF32" s="71">
        <v>0</v>
      </c>
      <c r="CG32" s="71">
        <v>0</v>
      </c>
      <c r="CH32" s="71">
        <v>0</v>
      </c>
      <c r="CI32" s="71">
        <v>0</v>
      </c>
      <c r="CJ32" s="71">
        <v>0</v>
      </c>
      <c r="CK32" s="72">
        <v>0</v>
      </c>
      <c r="CL32" s="73">
        <v>0</v>
      </c>
      <c r="CM32" s="70">
        <v>3</v>
      </c>
      <c r="CN32" s="71">
        <v>2</v>
      </c>
      <c r="CO32" s="72">
        <v>5</v>
      </c>
      <c r="CP32" s="241"/>
      <c r="CQ32" s="71">
        <v>5</v>
      </c>
      <c r="CR32" s="71">
        <v>5</v>
      </c>
      <c r="CS32" s="71">
        <v>4</v>
      </c>
      <c r="CT32" s="71">
        <v>2</v>
      </c>
      <c r="CU32" s="71">
        <v>4</v>
      </c>
      <c r="CV32" s="72">
        <v>20</v>
      </c>
      <c r="CW32" s="73">
        <v>25</v>
      </c>
      <c r="CX32" s="123">
        <v>1</v>
      </c>
      <c r="CY32" s="82">
        <v>0</v>
      </c>
      <c r="CZ32" s="83">
        <v>1</v>
      </c>
      <c r="DA32" s="241"/>
      <c r="DB32" s="82">
        <v>4</v>
      </c>
      <c r="DC32" s="82">
        <v>2</v>
      </c>
      <c r="DD32" s="82">
        <v>0</v>
      </c>
      <c r="DE32" s="82">
        <v>1</v>
      </c>
      <c r="DF32" s="82">
        <v>0</v>
      </c>
      <c r="DG32" s="84">
        <v>7</v>
      </c>
      <c r="DH32" s="85">
        <v>8</v>
      </c>
      <c r="DI32" s="70">
        <v>0</v>
      </c>
      <c r="DJ32" s="71">
        <v>0</v>
      </c>
      <c r="DK32" s="72">
        <v>0</v>
      </c>
      <c r="DL32" s="241"/>
      <c r="DM32" s="71">
        <v>1</v>
      </c>
      <c r="DN32" s="71">
        <v>0</v>
      </c>
      <c r="DO32" s="71">
        <v>0</v>
      </c>
      <c r="DP32" s="71">
        <v>0</v>
      </c>
      <c r="DQ32" s="71">
        <v>0</v>
      </c>
      <c r="DR32" s="72">
        <v>1</v>
      </c>
      <c r="DS32" s="73">
        <v>1</v>
      </c>
      <c r="DT32" s="70">
        <v>0</v>
      </c>
      <c r="DU32" s="71">
        <v>0</v>
      </c>
      <c r="DV32" s="72">
        <v>0</v>
      </c>
      <c r="DW32" s="241"/>
      <c r="DX32" s="71">
        <v>0</v>
      </c>
      <c r="DY32" s="71">
        <v>0</v>
      </c>
      <c r="DZ32" s="71">
        <v>0</v>
      </c>
      <c r="EA32" s="71">
        <v>0</v>
      </c>
      <c r="EB32" s="71">
        <v>0</v>
      </c>
      <c r="EC32" s="72">
        <v>0</v>
      </c>
      <c r="ED32" s="73">
        <v>0</v>
      </c>
      <c r="EE32" s="70">
        <v>0</v>
      </c>
      <c r="EF32" s="71">
        <v>0</v>
      </c>
      <c r="EG32" s="72">
        <v>0</v>
      </c>
      <c r="EH32" s="241"/>
      <c r="EI32" s="71">
        <v>0</v>
      </c>
      <c r="EJ32" s="71">
        <v>0</v>
      </c>
      <c r="EK32" s="71">
        <v>0</v>
      </c>
      <c r="EL32" s="71">
        <v>0</v>
      </c>
      <c r="EM32" s="71">
        <v>0</v>
      </c>
      <c r="EN32" s="72">
        <v>0</v>
      </c>
      <c r="EO32" s="73">
        <v>0</v>
      </c>
      <c r="EP32" s="70">
        <v>0</v>
      </c>
      <c r="EQ32" s="71">
        <v>0</v>
      </c>
      <c r="ER32" s="72">
        <v>0</v>
      </c>
      <c r="ES32" s="241"/>
      <c r="ET32" s="71">
        <v>1</v>
      </c>
      <c r="EU32" s="71">
        <v>0</v>
      </c>
      <c r="EV32" s="71">
        <v>0</v>
      </c>
      <c r="EW32" s="71">
        <v>0</v>
      </c>
      <c r="EX32" s="71">
        <v>0</v>
      </c>
      <c r="EY32" s="72">
        <v>1</v>
      </c>
      <c r="EZ32" s="73">
        <v>1</v>
      </c>
      <c r="FA32" s="70">
        <v>1</v>
      </c>
      <c r="FB32" s="71">
        <v>0</v>
      </c>
      <c r="FC32" s="72">
        <v>1</v>
      </c>
      <c r="FD32" s="241"/>
      <c r="FE32" s="71">
        <v>2</v>
      </c>
      <c r="FF32" s="71">
        <v>0</v>
      </c>
      <c r="FG32" s="71">
        <v>0</v>
      </c>
      <c r="FH32" s="71">
        <v>0</v>
      </c>
      <c r="FI32" s="71">
        <v>0</v>
      </c>
      <c r="FJ32" s="72">
        <v>2</v>
      </c>
      <c r="FK32" s="73">
        <v>3</v>
      </c>
      <c r="FL32" s="70">
        <v>0</v>
      </c>
      <c r="FM32" s="71">
        <v>0</v>
      </c>
      <c r="FN32" s="72">
        <v>0</v>
      </c>
      <c r="FO32" s="241"/>
      <c r="FP32" s="71">
        <v>0</v>
      </c>
      <c r="FQ32" s="71">
        <v>2</v>
      </c>
      <c r="FR32" s="71">
        <v>0</v>
      </c>
      <c r="FS32" s="71">
        <v>1</v>
      </c>
      <c r="FT32" s="71">
        <v>0</v>
      </c>
      <c r="FU32" s="72">
        <v>3</v>
      </c>
      <c r="FV32" s="73">
        <v>3</v>
      </c>
      <c r="FW32" s="70">
        <v>0</v>
      </c>
      <c r="FX32" s="71">
        <v>0</v>
      </c>
      <c r="FY32" s="72">
        <v>0</v>
      </c>
      <c r="FZ32" s="241"/>
      <c r="GA32" s="71">
        <v>0</v>
      </c>
      <c r="GB32" s="71">
        <v>0</v>
      </c>
      <c r="GC32" s="71">
        <v>0</v>
      </c>
      <c r="GD32" s="71">
        <v>0</v>
      </c>
      <c r="GE32" s="71">
        <v>0</v>
      </c>
      <c r="GF32" s="72">
        <v>0</v>
      </c>
      <c r="GG32" s="73">
        <v>0</v>
      </c>
      <c r="GH32" s="70">
        <v>1</v>
      </c>
      <c r="GI32" s="71">
        <v>0</v>
      </c>
      <c r="GJ32" s="72">
        <v>1</v>
      </c>
      <c r="GK32" s="241"/>
      <c r="GL32" s="71">
        <v>4</v>
      </c>
      <c r="GM32" s="71">
        <v>2</v>
      </c>
      <c r="GN32" s="71">
        <v>0</v>
      </c>
      <c r="GO32" s="71">
        <v>1</v>
      </c>
      <c r="GP32" s="71">
        <v>0</v>
      </c>
      <c r="GQ32" s="72">
        <v>7</v>
      </c>
      <c r="GR32" s="73">
        <v>8</v>
      </c>
      <c r="GS32" s="123">
        <v>4</v>
      </c>
      <c r="GT32" s="82">
        <v>2</v>
      </c>
      <c r="GU32" s="83">
        <v>6</v>
      </c>
      <c r="GV32" s="241"/>
      <c r="GW32" s="82">
        <v>9</v>
      </c>
      <c r="GX32" s="82">
        <v>7</v>
      </c>
      <c r="GY32" s="82">
        <v>4</v>
      </c>
      <c r="GZ32" s="82">
        <v>3</v>
      </c>
      <c r="HA32" s="82">
        <v>4</v>
      </c>
      <c r="HB32" s="84">
        <v>27</v>
      </c>
      <c r="HC32" s="85">
        <v>33</v>
      </c>
      <c r="HD32" s="70">
        <v>0</v>
      </c>
      <c r="HE32" s="71">
        <v>0</v>
      </c>
      <c r="HF32" s="72">
        <v>0</v>
      </c>
      <c r="HG32" s="241"/>
      <c r="HH32" s="71">
        <v>1</v>
      </c>
      <c r="HI32" s="71">
        <v>0</v>
      </c>
      <c r="HJ32" s="71">
        <v>1</v>
      </c>
      <c r="HK32" s="71">
        <v>0</v>
      </c>
      <c r="HL32" s="71">
        <v>0</v>
      </c>
      <c r="HM32" s="72">
        <v>2</v>
      </c>
      <c r="HN32" s="73">
        <v>2</v>
      </c>
      <c r="HO32" s="70">
        <v>0</v>
      </c>
      <c r="HP32" s="71">
        <v>0</v>
      </c>
      <c r="HQ32" s="72">
        <v>0</v>
      </c>
      <c r="HR32" s="241"/>
      <c r="HS32" s="71">
        <v>0</v>
      </c>
      <c r="HT32" s="71">
        <v>0</v>
      </c>
      <c r="HU32" s="71">
        <v>0</v>
      </c>
      <c r="HV32" s="71">
        <v>0</v>
      </c>
      <c r="HW32" s="71">
        <v>0</v>
      </c>
      <c r="HX32" s="72">
        <v>0</v>
      </c>
      <c r="HY32" s="73">
        <v>0</v>
      </c>
      <c r="HZ32" s="70">
        <v>2</v>
      </c>
      <c r="IA32" s="71">
        <v>0</v>
      </c>
      <c r="IB32" s="72">
        <v>2</v>
      </c>
      <c r="IC32" s="241"/>
      <c r="ID32" s="71">
        <v>1</v>
      </c>
      <c r="IE32" s="71">
        <v>0</v>
      </c>
      <c r="IF32" s="71">
        <v>0</v>
      </c>
      <c r="IG32" s="71">
        <v>0</v>
      </c>
      <c r="IH32" s="71">
        <v>1</v>
      </c>
      <c r="II32" s="72">
        <v>2</v>
      </c>
      <c r="IJ32" s="73">
        <v>4</v>
      </c>
      <c r="IK32" s="70">
        <v>1</v>
      </c>
      <c r="IL32" s="71">
        <v>1</v>
      </c>
      <c r="IM32" s="72">
        <v>2</v>
      </c>
      <c r="IN32" s="241"/>
      <c r="IO32" s="71">
        <v>2</v>
      </c>
      <c r="IP32" s="71">
        <v>1</v>
      </c>
      <c r="IQ32" s="71">
        <v>0</v>
      </c>
      <c r="IR32" s="71">
        <v>1</v>
      </c>
      <c r="IS32" s="71">
        <v>0</v>
      </c>
      <c r="IT32" s="72">
        <v>4</v>
      </c>
      <c r="IU32" s="73">
        <v>6</v>
      </c>
      <c r="IV32" s="70">
        <v>1</v>
      </c>
      <c r="IW32" s="71">
        <v>1</v>
      </c>
      <c r="IX32" s="72">
        <v>2</v>
      </c>
      <c r="IY32" s="241"/>
      <c r="IZ32" s="71">
        <v>5</v>
      </c>
      <c r="JA32" s="71">
        <v>3</v>
      </c>
      <c r="JB32" s="71">
        <v>1</v>
      </c>
      <c r="JC32" s="71">
        <v>1</v>
      </c>
      <c r="JD32" s="71">
        <v>1</v>
      </c>
      <c r="JE32" s="72">
        <v>11</v>
      </c>
      <c r="JF32" s="73">
        <v>13</v>
      </c>
      <c r="JG32" s="70">
        <v>0</v>
      </c>
      <c r="JH32" s="71">
        <v>0</v>
      </c>
      <c r="JI32" s="72">
        <v>0</v>
      </c>
      <c r="JJ32" s="244">
        <v>0</v>
      </c>
      <c r="JK32" s="71">
        <v>0</v>
      </c>
      <c r="JL32" s="71">
        <v>3</v>
      </c>
      <c r="JM32" s="71">
        <v>2</v>
      </c>
      <c r="JN32" s="71">
        <v>1</v>
      </c>
      <c r="JO32" s="71">
        <v>2</v>
      </c>
      <c r="JP32" s="72">
        <v>8</v>
      </c>
      <c r="JQ32" s="73">
        <v>8</v>
      </c>
      <c r="JR32" s="70">
        <v>0</v>
      </c>
      <c r="JS32" s="71">
        <v>0</v>
      </c>
      <c r="JT32" s="72">
        <v>0</v>
      </c>
      <c r="JU32" s="241"/>
      <c r="JV32" s="71">
        <v>0</v>
      </c>
      <c r="JW32" s="71">
        <v>0</v>
      </c>
      <c r="JX32" s="71">
        <v>0</v>
      </c>
      <c r="JY32" s="71">
        <v>0</v>
      </c>
      <c r="JZ32" s="71">
        <v>0</v>
      </c>
      <c r="KA32" s="72">
        <v>0</v>
      </c>
      <c r="KB32" s="73">
        <v>0</v>
      </c>
      <c r="KC32" s="70">
        <v>4</v>
      </c>
      <c r="KD32" s="71">
        <v>2</v>
      </c>
      <c r="KE32" s="72">
        <v>6</v>
      </c>
      <c r="KF32" s="241"/>
      <c r="KG32" s="71">
        <v>9</v>
      </c>
      <c r="KH32" s="71">
        <v>7</v>
      </c>
      <c r="KI32" s="71">
        <v>4</v>
      </c>
      <c r="KJ32" s="71">
        <v>3</v>
      </c>
      <c r="KK32" s="71">
        <v>4</v>
      </c>
      <c r="KL32" s="72">
        <v>27</v>
      </c>
      <c r="KM32" s="73">
        <v>33</v>
      </c>
    </row>
    <row r="33" spans="2:299" ht="19.5" customHeight="1" x14ac:dyDescent="0.2">
      <c r="B33" s="126" t="s">
        <v>30</v>
      </c>
      <c r="C33" s="316">
        <v>3</v>
      </c>
      <c r="D33" s="82">
        <v>2</v>
      </c>
      <c r="E33" s="83">
        <v>5</v>
      </c>
      <c r="F33" s="241"/>
      <c r="G33" s="82">
        <v>8</v>
      </c>
      <c r="H33" s="82">
        <v>4</v>
      </c>
      <c r="I33" s="82">
        <v>2</v>
      </c>
      <c r="J33" s="82">
        <v>8</v>
      </c>
      <c r="K33" s="82">
        <v>2</v>
      </c>
      <c r="L33" s="84">
        <v>24</v>
      </c>
      <c r="M33" s="85">
        <v>29</v>
      </c>
      <c r="N33" s="70">
        <v>0</v>
      </c>
      <c r="O33" s="71">
        <v>0</v>
      </c>
      <c r="P33" s="72">
        <v>0</v>
      </c>
      <c r="Q33" s="241"/>
      <c r="R33" s="71">
        <v>0</v>
      </c>
      <c r="S33" s="71">
        <v>0</v>
      </c>
      <c r="T33" s="71">
        <v>0</v>
      </c>
      <c r="U33" s="71">
        <v>0</v>
      </c>
      <c r="V33" s="71">
        <v>0</v>
      </c>
      <c r="W33" s="72">
        <v>0</v>
      </c>
      <c r="X33" s="73">
        <v>0</v>
      </c>
      <c r="Y33" s="70">
        <v>0</v>
      </c>
      <c r="Z33" s="71">
        <v>2</v>
      </c>
      <c r="AA33" s="72">
        <v>2</v>
      </c>
      <c r="AB33" s="241"/>
      <c r="AC33" s="71">
        <v>0</v>
      </c>
      <c r="AD33" s="71">
        <v>0</v>
      </c>
      <c r="AE33" s="71">
        <v>0</v>
      </c>
      <c r="AF33" s="71">
        <v>0</v>
      </c>
      <c r="AG33" s="71">
        <v>0</v>
      </c>
      <c r="AH33" s="72">
        <v>0</v>
      </c>
      <c r="AI33" s="73">
        <v>2</v>
      </c>
      <c r="AJ33" s="70">
        <v>0</v>
      </c>
      <c r="AK33" s="71">
        <v>0</v>
      </c>
      <c r="AL33" s="72">
        <v>0</v>
      </c>
      <c r="AM33" s="241"/>
      <c r="AN33" s="71">
        <v>0</v>
      </c>
      <c r="AO33" s="71">
        <v>0</v>
      </c>
      <c r="AP33" s="71">
        <v>1</v>
      </c>
      <c r="AQ33" s="71">
        <v>2</v>
      </c>
      <c r="AR33" s="71">
        <v>0</v>
      </c>
      <c r="AS33" s="72">
        <v>3</v>
      </c>
      <c r="AT33" s="73">
        <v>3</v>
      </c>
      <c r="AU33" s="70">
        <v>0</v>
      </c>
      <c r="AV33" s="71">
        <v>0</v>
      </c>
      <c r="AW33" s="72">
        <v>0</v>
      </c>
      <c r="AX33" s="241"/>
      <c r="AY33" s="71">
        <v>0</v>
      </c>
      <c r="AZ33" s="71">
        <v>1</v>
      </c>
      <c r="BA33" s="71">
        <v>1</v>
      </c>
      <c r="BB33" s="71">
        <v>0</v>
      </c>
      <c r="BC33" s="71">
        <v>0</v>
      </c>
      <c r="BD33" s="72">
        <v>2</v>
      </c>
      <c r="BE33" s="73">
        <v>2</v>
      </c>
      <c r="BF33" s="70">
        <v>2</v>
      </c>
      <c r="BG33" s="71">
        <v>0</v>
      </c>
      <c r="BH33" s="72">
        <v>2</v>
      </c>
      <c r="BI33" s="241"/>
      <c r="BJ33" s="71">
        <v>3</v>
      </c>
      <c r="BK33" s="71">
        <v>0</v>
      </c>
      <c r="BL33" s="71">
        <v>0</v>
      </c>
      <c r="BM33" s="71">
        <v>2</v>
      </c>
      <c r="BN33" s="71">
        <v>1</v>
      </c>
      <c r="BO33" s="72">
        <v>6</v>
      </c>
      <c r="BP33" s="73">
        <v>8</v>
      </c>
      <c r="BQ33" s="70">
        <v>1</v>
      </c>
      <c r="BR33" s="71">
        <v>0</v>
      </c>
      <c r="BS33" s="72">
        <v>1</v>
      </c>
      <c r="BT33" s="241"/>
      <c r="BU33" s="71">
        <v>5</v>
      </c>
      <c r="BV33" s="71">
        <v>3</v>
      </c>
      <c r="BW33" s="71">
        <v>0</v>
      </c>
      <c r="BX33" s="71">
        <v>4</v>
      </c>
      <c r="BY33" s="71">
        <v>1</v>
      </c>
      <c r="BZ33" s="72">
        <v>13</v>
      </c>
      <c r="CA33" s="73">
        <v>14</v>
      </c>
      <c r="CB33" s="70">
        <v>0</v>
      </c>
      <c r="CC33" s="71">
        <v>0</v>
      </c>
      <c r="CD33" s="72">
        <v>0</v>
      </c>
      <c r="CE33" s="241"/>
      <c r="CF33" s="71">
        <v>0</v>
      </c>
      <c r="CG33" s="71">
        <v>0</v>
      </c>
      <c r="CH33" s="71">
        <v>0</v>
      </c>
      <c r="CI33" s="71">
        <v>0</v>
      </c>
      <c r="CJ33" s="71">
        <v>0</v>
      </c>
      <c r="CK33" s="72">
        <v>0</v>
      </c>
      <c r="CL33" s="73">
        <v>0</v>
      </c>
      <c r="CM33" s="70">
        <v>3</v>
      </c>
      <c r="CN33" s="71">
        <v>2</v>
      </c>
      <c r="CO33" s="72">
        <v>5</v>
      </c>
      <c r="CP33" s="241"/>
      <c r="CQ33" s="71">
        <v>8</v>
      </c>
      <c r="CR33" s="71">
        <v>4</v>
      </c>
      <c r="CS33" s="71">
        <v>2</v>
      </c>
      <c r="CT33" s="71">
        <v>8</v>
      </c>
      <c r="CU33" s="71">
        <v>2</v>
      </c>
      <c r="CV33" s="72">
        <v>24</v>
      </c>
      <c r="CW33" s="73">
        <v>29</v>
      </c>
      <c r="CX33" s="123">
        <v>1</v>
      </c>
      <c r="CY33" s="82">
        <v>0</v>
      </c>
      <c r="CZ33" s="83">
        <v>1</v>
      </c>
      <c r="DA33" s="241"/>
      <c r="DB33" s="82">
        <v>3</v>
      </c>
      <c r="DC33" s="82">
        <v>0</v>
      </c>
      <c r="DD33" s="82">
        <v>2</v>
      </c>
      <c r="DE33" s="82">
        <v>3</v>
      </c>
      <c r="DF33" s="82">
        <v>1</v>
      </c>
      <c r="DG33" s="84">
        <v>9</v>
      </c>
      <c r="DH33" s="85">
        <v>10</v>
      </c>
      <c r="DI33" s="70">
        <v>0</v>
      </c>
      <c r="DJ33" s="71">
        <v>0</v>
      </c>
      <c r="DK33" s="72">
        <v>0</v>
      </c>
      <c r="DL33" s="241"/>
      <c r="DM33" s="71">
        <v>0</v>
      </c>
      <c r="DN33" s="71">
        <v>0</v>
      </c>
      <c r="DO33" s="71">
        <v>0</v>
      </c>
      <c r="DP33" s="71">
        <v>0</v>
      </c>
      <c r="DQ33" s="71">
        <v>0</v>
      </c>
      <c r="DR33" s="72">
        <v>0</v>
      </c>
      <c r="DS33" s="73">
        <v>0</v>
      </c>
      <c r="DT33" s="70">
        <v>0</v>
      </c>
      <c r="DU33" s="71">
        <v>0</v>
      </c>
      <c r="DV33" s="72">
        <v>0</v>
      </c>
      <c r="DW33" s="241"/>
      <c r="DX33" s="71">
        <v>1</v>
      </c>
      <c r="DY33" s="71">
        <v>0</v>
      </c>
      <c r="DZ33" s="71">
        <v>0</v>
      </c>
      <c r="EA33" s="71">
        <v>0</v>
      </c>
      <c r="EB33" s="71">
        <v>0</v>
      </c>
      <c r="EC33" s="72">
        <v>1</v>
      </c>
      <c r="ED33" s="73">
        <v>1</v>
      </c>
      <c r="EE33" s="70">
        <v>1</v>
      </c>
      <c r="EF33" s="71">
        <v>0</v>
      </c>
      <c r="EG33" s="72">
        <v>1</v>
      </c>
      <c r="EH33" s="241"/>
      <c r="EI33" s="71">
        <v>0</v>
      </c>
      <c r="EJ33" s="71">
        <v>0</v>
      </c>
      <c r="EK33" s="71">
        <v>0</v>
      </c>
      <c r="EL33" s="71">
        <v>0</v>
      </c>
      <c r="EM33" s="71">
        <v>0</v>
      </c>
      <c r="EN33" s="72">
        <v>0</v>
      </c>
      <c r="EO33" s="73">
        <v>1</v>
      </c>
      <c r="EP33" s="70">
        <v>0</v>
      </c>
      <c r="EQ33" s="71">
        <v>0</v>
      </c>
      <c r="ER33" s="72">
        <v>0</v>
      </c>
      <c r="ES33" s="241"/>
      <c r="ET33" s="71">
        <v>1</v>
      </c>
      <c r="EU33" s="71">
        <v>0</v>
      </c>
      <c r="EV33" s="71">
        <v>0</v>
      </c>
      <c r="EW33" s="71">
        <v>0</v>
      </c>
      <c r="EX33" s="71">
        <v>0</v>
      </c>
      <c r="EY33" s="72">
        <v>1</v>
      </c>
      <c r="EZ33" s="73">
        <v>1</v>
      </c>
      <c r="FA33" s="70">
        <v>0</v>
      </c>
      <c r="FB33" s="71">
        <v>0</v>
      </c>
      <c r="FC33" s="72">
        <v>0</v>
      </c>
      <c r="FD33" s="241"/>
      <c r="FE33" s="71">
        <v>1</v>
      </c>
      <c r="FF33" s="71">
        <v>0</v>
      </c>
      <c r="FG33" s="71">
        <v>0</v>
      </c>
      <c r="FH33" s="71">
        <v>2</v>
      </c>
      <c r="FI33" s="71">
        <v>0</v>
      </c>
      <c r="FJ33" s="72">
        <v>3</v>
      </c>
      <c r="FK33" s="73">
        <v>3</v>
      </c>
      <c r="FL33" s="70">
        <v>0</v>
      </c>
      <c r="FM33" s="71">
        <v>0</v>
      </c>
      <c r="FN33" s="72">
        <v>0</v>
      </c>
      <c r="FO33" s="241"/>
      <c r="FP33" s="71">
        <v>0</v>
      </c>
      <c r="FQ33" s="71">
        <v>0</v>
      </c>
      <c r="FR33" s="71">
        <v>2</v>
      </c>
      <c r="FS33" s="71">
        <v>1</v>
      </c>
      <c r="FT33" s="71">
        <v>1</v>
      </c>
      <c r="FU33" s="72">
        <v>4</v>
      </c>
      <c r="FV33" s="73">
        <v>4</v>
      </c>
      <c r="FW33" s="70">
        <v>0</v>
      </c>
      <c r="FX33" s="71">
        <v>0</v>
      </c>
      <c r="FY33" s="72">
        <v>0</v>
      </c>
      <c r="FZ33" s="241"/>
      <c r="GA33" s="71">
        <v>0</v>
      </c>
      <c r="GB33" s="71">
        <v>0</v>
      </c>
      <c r="GC33" s="71">
        <v>0</v>
      </c>
      <c r="GD33" s="71">
        <v>0</v>
      </c>
      <c r="GE33" s="71">
        <v>0</v>
      </c>
      <c r="GF33" s="72">
        <v>0</v>
      </c>
      <c r="GG33" s="73">
        <v>0</v>
      </c>
      <c r="GH33" s="70">
        <v>1</v>
      </c>
      <c r="GI33" s="71">
        <v>0</v>
      </c>
      <c r="GJ33" s="72">
        <v>1</v>
      </c>
      <c r="GK33" s="241"/>
      <c r="GL33" s="71">
        <v>3</v>
      </c>
      <c r="GM33" s="71">
        <v>0</v>
      </c>
      <c r="GN33" s="71">
        <v>2</v>
      </c>
      <c r="GO33" s="71">
        <v>3</v>
      </c>
      <c r="GP33" s="71">
        <v>1</v>
      </c>
      <c r="GQ33" s="72">
        <v>9</v>
      </c>
      <c r="GR33" s="73">
        <v>10</v>
      </c>
      <c r="GS33" s="123">
        <v>4</v>
      </c>
      <c r="GT33" s="82">
        <v>2</v>
      </c>
      <c r="GU33" s="83">
        <v>6</v>
      </c>
      <c r="GV33" s="241"/>
      <c r="GW33" s="82">
        <v>11</v>
      </c>
      <c r="GX33" s="82">
        <v>4</v>
      </c>
      <c r="GY33" s="82">
        <v>4</v>
      </c>
      <c r="GZ33" s="82">
        <v>11</v>
      </c>
      <c r="HA33" s="82">
        <v>3</v>
      </c>
      <c r="HB33" s="84">
        <v>33</v>
      </c>
      <c r="HC33" s="85">
        <v>39</v>
      </c>
      <c r="HD33" s="70">
        <v>0</v>
      </c>
      <c r="HE33" s="71">
        <v>0</v>
      </c>
      <c r="HF33" s="72">
        <v>0</v>
      </c>
      <c r="HG33" s="241"/>
      <c r="HH33" s="71">
        <v>0</v>
      </c>
      <c r="HI33" s="71">
        <v>0</v>
      </c>
      <c r="HJ33" s="71">
        <v>0</v>
      </c>
      <c r="HK33" s="71">
        <v>0</v>
      </c>
      <c r="HL33" s="71">
        <v>0</v>
      </c>
      <c r="HM33" s="72">
        <v>0</v>
      </c>
      <c r="HN33" s="73">
        <v>0</v>
      </c>
      <c r="HO33" s="70">
        <v>0</v>
      </c>
      <c r="HP33" s="71">
        <v>2</v>
      </c>
      <c r="HQ33" s="72">
        <v>2</v>
      </c>
      <c r="HR33" s="241"/>
      <c r="HS33" s="71">
        <v>1</v>
      </c>
      <c r="HT33" s="71">
        <v>0</v>
      </c>
      <c r="HU33" s="71">
        <v>0</v>
      </c>
      <c r="HV33" s="71">
        <v>0</v>
      </c>
      <c r="HW33" s="71">
        <v>0</v>
      </c>
      <c r="HX33" s="72">
        <v>1</v>
      </c>
      <c r="HY33" s="73">
        <v>3</v>
      </c>
      <c r="HZ33" s="70">
        <v>1</v>
      </c>
      <c r="IA33" s="71">
        <v>0</v>
      </c>
      <c r="IB33" s="72">
        <v>1</v>
      </c>
      <c r="IC33" s="241"/>
      <c r="ID33" s="71">
        <v>0</v>
      </c>
      <c r="IE33" s="71">
        <v>0</v>
      </c>
      <c r="IF33" s="71">
        <v>1</v>
      </c>
      <c r="IG33" s="71">
        <v>2</v>
      </c>
      <c r="IH33" s="71">
        <v>0</v>
      </c>
      <c r="II33" s="72">
        <v>3</v>
      </c>
      <c r="IJ33" s="73">
        <v>4</v>
      </c>
      <c r="IK33" s="70">
        <v>0</v>
      </c>
      <c r="IL33" s="71">
        <v>0</v>
      </c>
      <c r="IM33" s="72">
        <v>0</v>
      </c>
      <c r="IN33" s="241"/>
      <c r="IO33" s="71">
        <v>1</v>
      </c>
      <c r="IP33" s="71">
        <v>1</v>
      </c>
      <c r="IQ33" s="71">
        <v>1</v>
      </c>
      <c r="IR33" s="71">
        <v>0</v>
      </c>
      <c r="IS33" s="71">
        <v>0</v>
      </c>
      <c r="IT33" s="72">
        <v>3</v>
      </c>
      <c r="IU33" s="73">
        <v>3</v>
      </c>
      <c r="IV33" s="70">
        <v>2</v>
      </c>
      <c r="IW33" s="71">
        <v>0</v>
      </c>
      <c r="IX33" s="72">
        <v>2</v>
      </c>
      <c r="IY33" s="241"/>
      <c r="IZ33" s="71">
        <v>4</v>
      </c>
      <c r="JA33" s="71">
        <v>0</v>
      </c>
      <c r="JB33" s="71">
        <v>0</v>
      </c>
      <c r="JC33" s="71">
        <v>4</v>
      </c>
      <c r="JD33" s="71">
        <v>1</v>
      </c>
      <c r="JE33" s="72">
        <v>9</v>
      </c>
      <c r="JF33" s="73">
        <v>11</v>
      </c>
      <c r="JG33" s="70">
        <v>1</v>
      </c>
      <c r="JH33" s="71">
        <v>0</v>
      </c>
      <c r="JI33" s="72">
        <v>1</v>
      </c>
      <c r="JJ33" s="244">
        <v>0</v>
      </c>
      <c r="JK33" s="71">
        <v>5</v>
      </c>
      <c r="JL33" s="71">
        <v>3</v>
      </c>
      <c r="JM33" s="71">
        <v>2</v>
      </c>
      <c r="JN33" s="71">
        <v>5</v>
      </c>
      <c r="JO33" s="71">
        <v>2</v>
      </c>
      <c r="JP33" s="72">
        <v>17</v>
      </c>
      <c r="JQ33" s="73">
        <v>18</v>
      </c>
      <c r="JR33" s="70">
        <v>0</v>
      </c>
      <c r="JS33" s="71">
        <v>0</v>
      </c>
      <c r="JT33" s="72">
        <v>0</v>
      </c>
      <c r="JU33" s="241"/>
      <c r="JV33" s="71">
        <v>0</v>
      </c>
      <c r="JW33" s="71">
        <v>0</v>
      </c>
      <c r="JX33" s="71">
        <v>0</v>
      </c>
      <c r="JY33" s="71">
        <v>0</v>
      </c>
      <c r="JZ33" s="71">
        <v>0</v>
      </c>
      <c r="KA33" s="72">
        <v>0</v>
      </c>
      <c r="KB33" s="73">
        <v>0</v>
      </c>
      <c r="KC33" s="70">
        <v>4</v>
      </c>
      <c r="KD33" s="71">
        <v>2</v>
      </c>
      <c r="KE33" s="72">
        <v>6</v>
      </c>
      <c r="KF33" s="241"/>
      <c r="KG33" s="71">
        <v>11</v>
      </c>
      <c r="KH33" s="71">
        <v>4</v>
      </c>
      <c r="KI33" s="71">
        <v>4</v>
      </c>
      <c r="KJ33" s="71">
        <v>11</v>
      </c>
      <c r="KK33" s="71">
        <v>3</v>
      </c>
      <c r="KL33" s="72">
        <v>33</v>
      </c>
      <c r="KM33" s="73">
        <v>39</v>
      </c>
    </row>
    <row r="34" spans="2:299" ht="19.5" customHeight="1" x14ac:dyDescent="0.2">
      <c r="B34" s="126" t="s">
        <v>31</v>
      </c>
      <c r="C34" s="316">
        <v>4</v>
      </c>
      <c r="D34" s="82">
        <v>5</v>
      </c>
      <c r="E34" s="83">
        <v>9</v>
      </c>
      <c r="F34" s="241"/>
      <c r="G34" s="82">
        <v>11</v>
      </c>
      <c r="H34" s="82">
        <v>11</v>
      </c>
      <c r="I34" s="82">
        <v>3</v>
      </c>
      <c r="J34" s="82">
        <v>4</v>
      </c>
      <c r="K34" s="82">
        <v>2</v>
      </c>
      <c r="L34" s="84">
        <v>31</v>
      </c>
      <c r="M34" s="85">
        <v>40</v>
      </c>
      <c r="N34" s="70">
        <v>0</v>
      </c>
      <c r="O34" s="71">
        <v>0</v>
      </c>
      <c r="P34" s="72">
        <v>0</v>
      </c>
      <c r="Q34" s="241"/>
      <c r="R34" s="71">
        <v>0</v>
      </c>
      <c r="S34" s="71">
        <v>0</v>
      </c>
      <c r="T34" s="71">
        <v>0</v>
      </c>
      <c r="U34" s="71">
        <v>0</v>
      </c>
      <c r="V34" s="71">
        <v>0</v>
      </c>
      <c r="W34" s="72">
        <v>0</v>
      </c>
      <c r="X34" s="73">
        <v>0</v>
      </c>
      <c r="Y34" s="70">
        <v>0</v>
      </c>
      <c r="Z34" s="71">
        <v>1</v>
      </c>
      <c r="AA34" s="72">
        <v>1</v>
      </c>
      <c r="AB34" s="241"/>
      <c r="AC34" s="71">
        <v>0</v>
      </c>
      <c r="AD34" s="71">
        <v>0</v>
      </c>
      <c r="AE34" s="71">
        <v>0</v>
      </c>
      <c r="AF34" s="71">
        <v>0</v>
      </c>
      <c r="AG34" s="71">
        <v>0</v>
      </c>
      <c r="AH34" s="72">
        <v>0</v>
      </c>
      <c r="AI34" s="73">
        <v>1</v>
      </c>
      <c r="AJ34" s="70">
        <v>0</v>
      </c>
      <c r="AK34" s="71">
        <v>0</v>
      </c>
      <c r="AL34" s="72">
        <v>0</v>
      </c>
      <c r="AM34" s="241"/>
      <c r="AN34" s="71">
        <v>0</v>
      </c>
      <c r="AO34" s="71">
        <v>0</v>
      </c>
      <c r="AP34" s="71">
        <v>0</v>
      </c>
      <c r="AQ34" s="71">
        <v>1</v>
      </c>
      <c r="AR34" s="71">
        <v>0</v>
      </c>
      <c r="AS34" s="72">
        <v>1</v>
      </c>
      <c r="AT34" s="73">
        <v>1</v>
      </c>
      <c r="AU34" s="70">
        <v>0</v>
      </c>
      <c r="AV34" s="71">
        <v>1</v>
      </c>
      <c r="AW34" s="72">
        <v>1</v>
      </c>
      <c r="AX34" s="241"/>
      <c r="AY34" s="71">
        <v>5</v>
      </c>
      <c r="AZ34" s="71">
        <v>3</v>
      </c>
      <c r="BA34" s="71">
        <v>1</v>
      </c>
      <c r="BB34" s="71">
        <v>0</v>
      </c>
      <c r="BC34" s="71">
        <v>0</v>
      </c>
      <c r="BD34" s="72">
        <v>9</v>
      </c>
      <c r="BE34" s="73">
        <v>10</v>
      </c>
      <c r="BF34" s="70">
        <v>1</v>
      </c>
      <c r="BG34" s="71">
        <v>1</v>
      </c>
      <c r="BH34" s="72">
        <v>2</v>
      </c>
      <c r="BI34" s="241"/>
      <c r="BJ34" s="71">
        <v>2</v>
      </c>
      <c r="BK34" s="71">
        <v>5</v>
      </c>
      <c r="BL34" s="71">
        <v>0</v>
      </c>
      <c r="BM34" s="71">
        <v>0</v>
      </c>
      <c r="BN34" s="71">
        <v>0</v>
      </c>
      <c r="BO34" s="72">
        <v>7</v>
      </c>
      <c r="BP34" s="73">
        <v>9</v>
      </c>
      <c r="BQ34" s="70">
        <v>3</v>
      </c>
      <c r="BR34" s="71">
        <v>2</v>
      </c>
      <c r="BS34" s="72">
        <v>5</v>
      </c>
      <c r="BT34" s="241"/>
      <c r="BU34" s="71">
        <v>4</v>
      </c>
      <c r="BV34" s="71">
        <v>3</v>
      </c>
      <c r="BW34" s="71">
        <v>2</v>
      </c>
      <c r="BX34" s="71">
        <v>3</v>
      </c>
      <c r="BY34" s="71">
        <v>2</v>
      </c>
      <c r="BZ34" s="72">
        <v>14</v>
      </c>
      <c r="CA34" s="73">
        <v>19</v>
      </c>
      <c r="CB34" s="70">
        <v>0</v>
      </c>
      <c r="CC34" s="71">
        <v>0</v>
      </c>
      <c r="CD34" s="72">
        <v>0</v>
      </c>
      <c r="CE34" s="241"/>
      <c r="CF34" s="71">
        <v>0</v>
      </c>
      <c r="CG34" s="71">
        <v>0</v>
      </c>
      <c r="CH34" s="71">
        <v>0</v>
      </c>
      <c r="CI34" s="71">
        <v>0</v>
      </c>
      <c r="CJ34" s="71">
        <v>0</v>
      </c>
      <c r="CK34" s="72">
        <v>0</v>
      </c>
      <c r="CL34" s="73">
        <v>0</v>
      </c>
      <c r="CM34" s="70">
        <v>4</v>
      </c>
      <c r="CN34" s="71">
        <v>5</v>
      </c>
      <c r="CO34" s="72">
        <v>9</v>
      </c>
      <c r="CP34" s="241"/>
      <c r="CQ34" s="71">
        <v>11</v>
      </c>
      <c r="CR34" s="71">
        <v>11</v>
      </c>
      <c r="CS34" s="71">
        <v>3</v>
      </c>
      <c r="CT34" s="71">
        <v>4</v>
      </c>
      <c r="CU34" s="71">
        <v>2</v>
      </c>
      <c r="CV34" s="72">
        <v>31</v>
      </c>
      <c r="CW34" s="73">
        <v>40</v>
      </c>
      <c r="CX34" s="123">
        <v>1</v>
      </c>
      <c r="CY34" s="82">
        <v>2</v>
      </c>
      <c r="CZ34" s="83">
        <v>3</v>
      </c>
      <c r="DA34" s="241"/>
      <c r="DB34" s="82">
        <v>2</v>
      </c>
      <c r="DC34" s="82">
        <v>2</v>
      </c>
      <c r="DD34" s="82">
        <v>1</v>
      </c>
      <c r="DE34" s="82">
        <v>0</v>
      </c>
      <c r="DF34" s="82">
        <v>0</v>
      </c>
      <c r="DG34" s="84">
        <v>5</v>
      </c>
      <c r="DH34" s="85">
        <v>8</v>
      </c>
      <c r="DI34" s="70">
        <v>0</v>
      </c>
      <c r="DJ34" s="71">
        <v>0</v>
      </c>
      <c r="DK34" s="72">
        <v>0</v>
      </c>
      <c r="DL34" s="241"/>
      <c r="DM34" s="71">
        <v>0</v>
      </c>
      <c r="DN34" s="71">
        <v>0</v>
      </c>
      <c r="DO34" s="71">
        <v>0</v>
      </c>
      <c r="DP34" s="71">
        <v>0</v>
      </c>
      <c r="DQ34" s="71">
        <v>0</v>
      </c>
      <c r="DR34" s="72">
        <v>0</v>
      </c>
      <c r="DS34" s="73">
        <v>0</v>
      </c>
      <c r="DT34" s="70">
        <v>0</v>
      </c>
      <c r="DU34" s="71">
        <v>0</v>
      </c>
      <c r="DV34" s="72">
        <v>0</v>
      </c>
      <c r="DW34" s="241"/>
      <c r="DX34" s="71">
        <v>0</v>
      </c>
      <c r="DY34" s="71">
        <v>0</v>
      </c>
      <c r="DZ34" s="71">
        <v>0</v>
      </c>
      <c r="EA34" s="71">
        <v>0</v>
      </c>
      <c r="EB34" s="71">
        <v>0</v>
      </c>
      <c r="EC34" s="72">
        <v>0</v>
      </c>
      <c r="ED34" s="73">
        <v>0</v>
      </c>
      <c r="EE34" s="70">
        <v>0</v>
      </c>
      <c r="EF34" s="71">
        <v>1</v>
      </c>
      <c r="EG34" s="72">
        <v>1</v>
      </c>
      <c r="EH34" s="241"/>
      <c r="EI34" s="71">
        <v>0</v>
      </c>
      <c r="EJ34" s="71">
        <v>0</v>
      </c>
      <c r="EK34" s="71">
        <v>0</v>
      </c>
      <c r="EL34" s="71">
        <v>0</v>
      </c>
      <c r="EM34" s="71">
        <v>0</v>
      </c>
      <c r="EN34" s="72">
        <v>0</v>
      </c>
      <c r="EO34" s="73">
        <v>1</v>
      </c>
      <c r="EP34" s="70">
        <v>1</v>
      </c>
      <c r="EQ34" s="71">
        <v>0</v>
      </c>
      <c r="ER34" s="72">
        <v>1</v>
      </c>
      <c r="ES34" s="241"/>
      <c r="ET34" s="71">
        <v>0</v>
      </c>
      <c r="EU34" s="71">
        <v>1</v>
      </c>
      <c r="EV34" s="71">
        <v>0</v>
      </c>
      <c r="EW34" s="71">
        <v>0</v>
      </c>
      <c r="EX34" s="71">
        <v>0</v>
      </c>
      <c r="EY34" s="72">
        <v>1</v>
      </c>
      <c r="EZ34" s="73">
        <v>2</v>
      </c>
      <c r="FA34" s="70">
        <v>0</v>
      </c>
      <c r="FB34" s="71">
        <v>1</v>
      </c>
      <c r="FC34" s="72">
        <v>1</v>
      </c>
      <c r="FD34" s="241"/>
      <c r="FE34" s="71">
        <v>0</v>
      </c>
      <c r="FF34" s="71">
        <v>0</v>
      </c>
      <c r="FG34" s="71">
        <v>0</v>
      </c>
      <c r="FH34" s="71">
        <v>0</v>
      </c>
      <c r="FI34" s="71">
        <v>0</v>
      </c>
      <c r="FJ34" s="72">
        <v>0</v>
      </c>
      <c r="FK34" s="73">
        <v>1</v>
      </c>
      <c r="FL34" s="70">
        <v>0</v>
      </c>
      <c r="FM34" s="71">
        <v>0</v>
      </c>
      <c r="FN34" s="72">
        <v>0</v>
      </c>
      <c r="FO34" s="241"/>
      <c r="FP34" s="71">
        <v>2</v>
      </c>
      <c r="FQ34" s="71">
        <v>1</v>
      </c>
      <c r="FR34" s="71">
        <v>1</v>
      </c>
      <c r="FS34" s="71">
        <v>0</v>
      </c>
      <c r="FT34" s="71">
        <v>0</v>
      </c>
      <c r="FU34" s="72">
        <v>4</v>
      </c>
      <c r="FV34" s="73">
        <v>4</v>
      </c>
      <c r="FW34" s="70">
        <v>0</v>
      </c>
      <c r="FX34" s="71">
        <v>0</v>
      </c>
      <c r="FY34" s="72">
        <v>0</v>
      </c>
      <c r="FZ34" s="241"/>
      <c r="GA34" s="71">
        <v>0</v>
      </c>
      <c r="GB34" s="71">
        <v>0</v>
      </c>
      <c r="GC34" s="71">
        <v>0</v>
      </c>
      <c r="GD34" s="71">
        <v>0</v>
      </c>
      <c r="GE34" s="71">
        <v>0</v>
      </c>
      <c r="GF34" s="72">
        <v>0</v>
      </c>
      <c r="GG34" s="73">
        <v>0</v>
      </c>
      <c r="GH34" s="70">
        <v>1</v>
      </c>
      <c r="GI34" s="71">
        <v>2</v>
      </c>
      <c r="GJ34" s="72">
        <v>3</v>
      </c>
      <c r="GK34" s="241"/>
      <c r="GL34" s="71">
        <v>2</v>
      </c>
      <c r="GM34" s="71">
        <v>2</v>
      </c>
      <c r="GN34" s="71">
        <v>1</v>
      </c>
      <c r="GO34" s="71">
        <v>0</v>
      </c>
      <c r="GP34" s="71">
        <v>0</v>
      </c>
      <c r="GQ34" s="72">
        <v>5</v>
      </c>
      <c r="GR34" s="73">
        <v>8</v>
      </c>
      <c r="GS34" s="123">
        <v>5</v>
      </c>
      <c r="GT34" s="82">
        <v>7</v>
      </c>
      <c r="GU34" s="83">
        <v>12</v>
      </c>
      <c r="GV34" s="241"/>
      <c r="GW34" s="82">
        <v>13</v>
      </c>
      <c r="GX34" s="82">
        <v>13</v>
      </c>
      <c r="GY34" s="82">
        <v>4</v>
      </c>
      <c r="GZ34" s="82">
        <v>4</v>
      </c>
      <c r="HA34" s="82">
        <v>2</v>
      </c>
      <c r="HB34" s="84">
        <v>36</v>
      </c>
      <c r="HC34" s="85">
        <v>48</v>
      </c>
      <c r="HD34" s="70">
        <v>0</v>
      </c>
      <c r="HE34" s="71">
        <v>0</v>
      </c>
      <c r="HF34" s="72">
        <v>0</v>
      </c>
      <c r="HG34" s="241"/>
      <c r="HH34" s="71">
        <v>0</v>
      </c>
      <c r="HI34" s="71">
        <v>0</v>
      </c>
      <c r="HJ34" s="71">
        <v>0</v>
      </c>
      <c r="HK34" s="71">
        <v>0</v>
      </c>
      <c r="HL34" s="71">
        <v>0</v>
      </c>
      <c r="HM34" s="72">
        <v>0</v>
      </c>
      <c r="HN34" s="73">
        <v>0</v>
      </c>
      <c r="HO34" s="70">
        <v>0</v>
      </c>
      <c r="HP34" s="71">
        <v>1</v>
      </c>
      <c r="HQ34" s="72">
        <v>1</v>
      </c>
      <c r="HR34" s="241"/>
      <c r="HS34" s="71">
        <v>0</v>
      </c>
      <c r="HT34" s="71">
        <v>0</v>
      </c>
      <c r="HU34" s="71">
        <v>0</v>
      </c>
      <c r="HV34" s="71">
        <v>0</v>
      </c>
      <c r="HW34" s="71">
        <v>0</v>
      </c>
      <c r="HX34" s="72">
        <v>0</v>
      </c>
      <c r="HY34" s="73">
        <v>1</v>
      </c>
      <c r="HZ34" s="70">
        <v>0</v>
      </c>
      <c r="IA34" s="71">
        <v>1</v>
      </c>
      <c r="IB34" s="72">
        <v>1</v>
      </c>
      <c r="IC34" s="241"/>
      <c r="ID34" s="71">
        <v>0</v>
      </c>
      <c r="IE34" s="71">
        <v>0</v>
      </c>
      <c r="IF34" s="71">
        <v>0</v>
      </c>
      <c r="IG34" s="71">
        <v>1</v>
      </c>
      <c r="IH34" s="71">
        <v>0</v>
      </c>
      <c r="II34" s="72">
        <v>1</v>
      </c>
      <c r="IJ34" s="73">
        <v>2</v>
      </c>
      <c r="IK34" s="70">
        <v>1</v>
      </c>
      <c r="IL34" s="71">
        <v>1</v>
      </c>
      <c r="IM34" s="72">
        <v>2</v>
      </c>
      <c r="IN34" s="241"/>
      <c r="IO34" s="71">
        <v>5</v>
      </c>
      <c r="IP34" s="71">
        <v>4</v>
      </c>
      <c r="IQ34" s="71">
        <v>1</v>
      </c>
      <c r="IR34" s="71">
        <v>0</v>
      </c>
      <c r="IS34" s="71">
        <v>0</v>
      </c>
      <c r="IT34" s="72">
        <v>10</v>
      </c>
      <c r="IU34" s="73">
        <v>12</v>
      </c>
      <c r="IV34" s="70">
        <v>1</v>
      </c>
      <c r="IW34" s="71">
        <v>2</v>
      </c>
      <c r="IX34" s="72">
        <v>3</v>
      </c>
      <c r="IY34" s="241"/>
      <c r="IZ34" s="71">
        <v>2</v>
      </c>
      <c r="JA34" s="71">
        <v>5</v>
      </c>
      <c r="JB34" s="71">
        <v>0</v>
      </c>
      <c r="JC34" s="71">
        <v>0</v>
      </c>
      <c r="JD34" s="71">
        <v>0</v>
      </c>
      <c r="JE34" s="72">
        <v>7</v>
      </c>
      <c r="JF34" s="73">
        <v>10</v>
      </c>
      <c r="JG34" s="70">
        <v>3</v>
      </c>
      <c r="JH34" s="71">
        <v>2</v>
      </c>
      <c r="JI34" s="72">
        <v>5</v>
      </c>
      <c r="JJ34" s="244">
        <v>0</v>
      </c>
      <c r="JK34" s="71">
        <v>6</v>
      </c>
      <c r="JL34" s="71">
        <v>4</v>
      </c>
      <c r="JM34" s="71">
        <v>3</v>
      </c>
      <c r="JN34" s="71">
        <v>3</v>
      </c>
      <c r="JO34" s="71">
        <v>2</v>
      </c>
      <c r="JP34" s="72">
        <v>18</v>
      </c>
      <c r="JQ34" s="73">
        <v>23</v>
      </c>
      <c r="JR34" s="70">
        <v>0</v>
      </c>
      <c r="JS34" s="71">
        <v>0</v>
      </c>
      <c r="JT34" s="72">
        <v>0</v>
      </c>
      <c r="JU34" s="241"/>
      <c r="JV34" s="71">
        <v>0</v>
      </c>
      <c r="JW34" s="71">
        <v>0</v>
      </c>
      <c r="JX34" s="71">
        <v>0</v>
      </c>
      <c r="JY34" s="71">
        <v>0</v>
      </c>
      <c r="JZ34" s="71">
        <v>0</v>
      </c>
      <c r="KA34" s="72">
        <v>0</v>
      </c>
      <c r="KB34" s="73">
        <v>0</v>
      </c>
      <c r="KC34" s="70">
        <v>5</v>
      </c>
      <c r="KD34" s="71">
        <v>7</v>
      </c>
      <c r="KE34" s="72">
        <v>12</v>
      </c>
      <c r="KF34" s="241"/>
      <c r="KG34" s="71">
        <v>13</v>
      </c>
      <c r="KH34" s="71">
        <v>13</v>
      </c>
      <c r="KI34" s="71">
        <v>4</v>
      </c>
      <c r="KJ34" s="71">
        <v>4</v>
      </c>
      <c r="KK34" s="71">
        <v>2</v>
      </c>
      <c r="KL34" s="72">
        <v>36</v>
      </c>
      <c r="KM34" s="73">
        <v>48</v>
      </c>
    </row>
    <row r="35" spans="2:299" ht="19.5" customHeight="1" x14ac:dyDescent="0.2">
      <c r="B35" s="126" t="s">
        <v>32</v>
      </c>
      <c r="C35" s="316">
        <v>1</v>
      </c>
      <c r="D35" s="82">
        <v>4</v>
      </c>
      <c r="E35" s="83">
        <v>5</v>
      </c>
      <c r="F35" s="241"/>
      <c r="G35" s="82">
        <v>13</v>
      </c>
      <c r="H35" s="82">
        <v>10</v>
      </c>
      <c r="I35" s="82">
        <v>2</v>
      </c>
      <c r="J35" s="82">
        <v>4</v>
      </c>
      <c r="K35" s="82">
        <v>3</v>
      </c>
      <c r="L35" s="84">
        <v>32</v>
      </c>
      <c r="M35" s="85">
        <v>37</v>
      </c>
      <c r="N35" s="70">
        <v>0</v>
      </c>
      <c r="O35" s="71">
        <v>0</v>
      </c>
      <c r="P35" s="72">
        <v>0</v>
      </c>
      <c r="Q35" s="241"/>
      <c r="R35" s="71">
        <v>0</v>
      </c>
      <c r="S35" s="71">
        <v>0</v>
      </c>
      <c r="T35" s="71">
        <v>0</v>
      </c>
      <c r="U35" s="71">
        <v>0</v>
      </c>
      <c r="V35" s="71">
        <v>0</v>
      </c>
      <c r="W35" s="72">
        <v>0</v>
      </c>
      <c r="X35" s="73">
        <v>0</v>
      </c>
      <c r="Y35" s="70">
        <v>0</v>
      </c>
      <c r="Z35" s="71">
        <v>0</v>
      </c>
      <c r="AA35" s="72">
        <v>0</v>
      </c>
      <c r="AB35" s="241"/>
      <c r="AC35" s="71">
        <v>0</v>
      </c>
      <c r="AD35" s="71">
        <v>0</v>
      </c>
      <c r="AE35" s="71">
        <v>0</v>
      </c>
      <c r="AF35" s="71">
        <v>0</v>
      </c>
      <c r="AG35" s="71">
        <v>0</v>
      </c>
      <c r="AH35" s="72">
        <v>0</v>
      </c>
      <c r="AI35" s="73">
        <v>0</v>
      </c>
      <c r="AJ35" s="70">
        <v>1</v>
      </c>
      <c r="AK35" s="71">
        <v>0</v>
      </c>
      <c r="AL35" s="72">
        <v>1</v>
      </c>
      <c r="AM35" s="241"/>
      <c r="AN35" s="71">
        <v>2</v>
      </c>
      <c r="AO35" s="71">
        <v>0</v>
      </c>
      <c r="AP35" s="71">
        <v>0</v>
      </c>
      <c r="AQ35" s="71">
        <v>1</v>
      </c>
      <c r="AR35" s="71">
        <v>0</v>
      </c>
      <c r="AS35" s="72">
        <v>3</v>
      </c>
      <c r="AT35" s="73">
        <v>4</v>
      </c>
      <c r="AU35" s="70">
        <v>0</v>
      </c>
      <c r="AV35" s="71">
        <v>0</v>
      </c>
      <c r="AW35" s="72">
        <v>0</v>
      </c>
      <c r="AX35" s="241"/>
      <c r="AY35" s="71">
        <v>3</v>
      </c>
      <c r="AZ35" s="71">
        <v>2</v>
      </c>
      <c r="BA35" s="71">
        <v>1</v>
      </c>
      <c r="BB35" s="71">
        <v>0</v>
      </c>
      <c r="BC35" s="71">
        <v>2</v>
      </c>
      <c r="BD35" s="72">
        <v>8</v>
      </c>
      <c r="BE35" s="73">
        <v>8</v>
      </c>
      <c r="BF35" s="70">
        <v>0</v>
      </c>
      <c r="BG35" s="71">
        <v>3</v>
      </c>
      <c r="BH35" s="72">
        <v>3</v>
      </c>
      <c r="BI35" s="241"/>
      <c r="BJ35" s="71">
        <v>5</v>
      </c>
      <c r="BK35" s="71">
        <v>4</v>
      </c>
      <c r="BL35" s="71">
        <v>0</v>
      </c>
      <c r="BM35" s="71">
        <v>2</v>
      </c>
      <c r="BN35" s="71">
        <v>1</v>
      </c>
      <c r="BO35" s="72">
        <v>12</v>
      </c>
      <c r="BP35" s="73">
        <v>15</v>
      </c>
      <c r="BQ35" s="70">
        <v>0</v>
      </c>
      <c r="BR35" s="71">
        <v>1</v>
      </c>
      <c r="BS35" s="72">
        <v>1</v>
      </c>
      <c r="BT35" s="241"/>
      <c r="BU35" s="71">
        <v>3</v>
      </c>
      <c r="BV35" s="71">
        <v>4</v>
      </c>
      <c r="BW35" s="71">
        <v>1</v>
      </c>
      <c r="BX35" s="71">
        <v>1</v>
      </c>
      <c r="BY35" s="71">
        <v>0</v>
      </c>
      <c r="BZ35" s="72">
        <v>9</v>
      </c>
      <c r="CA35" s="73">
        <v>10</v>
      </c>
      <c r="CB35" s="70">
        <v>0</v>
      </c>
      <c r="CC35" s="71">
        <v>0</v>
      </c>
      <c r="CD35" s="72">
        <v>0</v>
      </c>
      <c r="CE35" s="241"/>
      <c r="CF35" s="71">
        <v>0</v>
      </c>
      <c r="CG35" s="71">
        <v>0</v>
      </c>
      <c r="CH35" s="71">
        <v>0</v>
      </c>
      <c r="CI35" s="71">
        <v>0</v>
      </c>
      <c r="CJ35" s="71">
        <v>0</v>
      </c>
      <c r="CK35" s="72">
        <v>0</v>
      </c>
      <c r="CL35" s="73">
        <v>0</v>
      </c>
      <c r="CM35" s="70">
        <v>1</v>
      </c>
      <c r="CN35" s="71">
        <v>4</v>
      </c>
      <c r="CO35" s="72">
        <v>5</v>
      </c>
      <c r="CP35" s="241"/>
      <c r="CQ35" s="71">
        <v>13</v>
      </c>
      <c r="CR35" s="71">
        <v>10</v>
      </c>
      <c r="CS35" s="71">
        <v>2</v>
      </c>
      <c r="CT35" s="71">
        <v>4</v>
      </c>
      <c r="CU35" s="71">
        <v>3</v>
      </c>
      <c r="CV35" s="72">
        <v>32</v>
      </c>
      <c r="CW35" s="73">
        <v>37</v>
      </c>
      <c r="CX35" s="123">
        <v>0</v>
      </c>
      <c r="CY35" s="82">
        <v>0</v>
      </c>
      <c r="CZ35" s="83">
        <v>0</v>
      </c>
      <c r="DA35" s="241"/>
      <c r="DB35" s="82">
        <v>1</v>
      </c>
      <c r="DC35" s="82">
        <v>1</v>
      </c>
      <c r="DD35" s="82">
        <v>5</v>
      </c>
      <c r="DE35" s="82">
        <v>3</v>
      </c>
      <c r="DF35" s="82">
        <v>1</v>
      </c>
      <c r="DG35" s="84">
        <v>11</v>
      </c>
      <c r="DH35" s="85">
        <v>11</v>
      </c>
      <c r="DI35" s="70">
        <v>0</v>
      </c>
      <c r="DJ35" s="71">
        <v>0</v>
      </c>
      <c r="DK35" s="72">
        <v>0</v>
      </c>
      <c r="DL35" s="241"/>
      <c r="DM35" s="71">
        <v>1</v>
      </c>
      <c r="DN35" s="71">
        <v>0</v>
      </c>
      <c r="DO35" s="71">
        <v>0</v>
      </c>
      <c r="DP35" s="71">
        <v>0</v>
      </c>
      <c r="DQ35" s="71">
        <v>0</v>
      </c>
      <c r="DR35" s="72">
        <v>1</v>
      </c>
      <c r="DS35" s="73">
        <v>1</v>
      </c>
      <c r="DT35" s="70">
        <v>0</v>
      </c>
      <c r="DU35" s="71">
        <v>0</v>
      </c>
      <c r="DV35" s="72">
        <v>0</v>
      </c>
      <c r="DW35" s="241"/>
      <c r="DX35" s="71">
        <v>0</v>
      </c>
      <c r="DY35" s="71">
        <v>0</v>
      </c>
      <c r="DZ35" s="71">
        <v>0</v>
      </c>
      <c r="EA35" s="71">
        <v>0</v>
      </c>
      <c r="EB35" s="71">
        <v>0</v>
      </c>
      <c r="EC35" s="72">
        <v>0</v>
      </c>
      <c r="ED35" s="73">
        <v>0</v>
      </c>
      <c r="EE35" s="70">
        <v>0</v>
      </c>
      <c r="EF35" s="71">
        <v>0</v>
      </c>
      <c r="EG35" s="72">
        <v>0</v>
      </c>
      <c r="EH35" s="241"/>
      <c r="EI35" s="71">
        <v>0</v>
      </c>
      <c r="EJ35" s="71">
        <v>0</v>
      </c>
      <c r="EK35" s="71">
        <v>0</v>
      </c>
      <c r="EL35" s="71">
        <v>0</v>
      </c>
      <c r="EM35" s="71">
        <v>0</v>
      </c>
      <c r="EN35" s="72">
        <v>0</v>
      </c>
      <c r="EO35" s="73">
        <v>0</v>
      </c>
      <c r="EP35" s="70">
        <v>0</v>
      </c>
      <c r="EQ35" s="71">
        <v>0</v>
      </c>
      <c r="ER35" s="72">
        <v>0</v>
      </c>
      <c r="ES35" s="241"/>
      <c r="ET35" s="71">
        <v>0</v>
      </c>
      <c r="EU35" s="71">
        <v>0</v>
      </c>
      <c r="EV35" s="71">
        <v>1</v>
      </c>
      <c r="EW35" s="71">
        <v>0</v>
      </c>
      <c r="EX35" s="71">
        <v>0</v>
      </c>
      <c r="EY35" s="72">
        <v>1</v>
      </c>
      <c r="EZ35" s="73">
        <v>1</v>
      </c>
      <c r="FA35" s="70">
        <v>0</v>
      </c>
      <c r="FB35" s="71">
        <v>0</v>
      </c>
      <c r="FC35" s="72">
        <v>0</v>
      </c>
      <c r="FD35" s="241"/>
      <c r="FE35" s="71">
        <v>0</v>
      </c>
      <c r="FF35" s="71">
        <v>0</v>
      </c>
      <c r="FG35" s="71">
        <v>3</v>
      </c>
      <c r="FH35" s="71">
        <v>1</v>
      </c>
      <c r="FI35" s="71">
        <v>0</v>
      </c>
      <c r="FJ35" s="72">
        <v>4</v>
      </c>
      <c r="FK35" s="73">
        <v>4</v>
      </c>
      <c r="FL35" s="70">
        <v>0</v>
      </c>
      <c r="FM35" s="71">
        <v>0</v>
      </c>
      <c r="FN35" s="72">
        <v>0</v>
      </c>
      <c r="FO35" s="241"/>
      <c r="FP35" s="71">
        <v>0</v>
      </c>
      <c r="FQ35" s="71">
        <v>1</v>
      </c>
      <c r="FR35" s="71">
        <v>1</v>
      </c>
      <c r="FS35" s="71">
        <v>2</v>
      </c>
      <c r="FT35" s="71">
        <v>1</v>
      </c>
      <c r="FU35" s="72">
        <v>5</v>
      </c>
      <c r="FV35" s="73">
        <v>5</v>
      </c>
      <c r="FW35" s="70">
        <v>0</v>
      </c>
      <c r="FX35" s="71">
        <v>0</v>
      </c>
      <c r="FY35" s="72">
        <v>0</v>
      </c>
      <c r="FZ35" s="241"/>
      <c r="GA35" s="71">
        <v>0</v>
      </c>
      <c r="GB35" s="71">
        <v>0</v>
      </c>
      <c r="GC35" s="71">
        <v>0</v>
      </c>
      <c r="GD35" s="71">
        <v>0</v>
      </c>
      <c r="GE35" s="71">
        <v>0</v>
      </c>
      <c r="GF35" s="72">
        <v>0</v>
      </c>
      <c r="GG35" s="73">
        <v>0</v>
      </c>
      <c r="GH35" s="70">
        <v>0</v>
      </c>
      <c r="GI35" s="71">
        <v>0</v>
      </c>
      <c r="GJ35" s="72">
        <v>0</v>
      </c>
      <c r="GK35" s="241"/>
      <c r="GL35" s="71">
        <v>1</v>
      </c>
      <c r="GM35" s="71">
        <v>1</v>
      </c>
      <c r="GN35" s="71">
        <v>5</v>
      </c>
      <c r="GO35" s="71">
        <v>3</v>
      </c>
      <c r="GP35" s="71">
        <v>1</v>
      </c>
      <c r="GQ35" s="72">
        <v>11</v>
      </c>
      <c r="GR35" s="73">
        <v>11</v>
      </c>
      <c r="GS35" s="123">
        <v>1</v>
      </c>
      <c r="GT35" s="82">
        <v>4</v>
      </c>
      <c r="GU35" s="83">
        <v>5</v>
      </c>
      <c r="GV35" s="241"/>
      <c r="GW35" s="82">
        <v>14</v>
      </c>
      <c r="GX35" s="82">
        <v>11</v>
      </c>
      <c r="GY35" s="82">
        <v>7</v>
      </c>
      <c r="GZ35" s="82">
        <v>7</v>
      </c>
      <c r="HA35" s="82">
        <v>4</v>
      </c>
      <c r="HB35" s="84">
        <v>43</v>
      </c>
      <c r="HC35" s="85">
        <v>48</v>
      </c>
      <c r="HD35" s="70">
        <v>0</v>
      </c>
      <c r="HE35" s="71">
        <v>0</v>
      </c>
      <c r="HF35" s="72">
        <v>0</v>
      </c>
      <c r="HG35" s="241"/>
      <c r="HH35" s="71">
        <v>1</v>
      </c>
      <c r="HI35" s="71">
        <v>0</v>
      </c>
      <c r="HJ35" s="71">
        <v>0</v>
      </c>
      <c r="HK35" s="71">
        <v>0</v>
      </c>
      <c r="HL35" s="71">
        <v>0</v>
      </c>
      <c r="HM35" s="72">
        <v>1</v>
      </c>
      <c r="HN35" s="73">
        <v>1</v>
      </c>
      <c r="HO35" s="70">
        <v>0</v>
      </c>
      <c r="HP35" s="71">
        <v>0</v>
      </c>
      <c r="HQ35" s="72">
        <v>0</v>
      </c>
      <c r="HR35" s="241"/>
      <c r="HS35" s="71">
        <v>0</v>
      </c>
      <c r="HT35" s="71">
        <v>0</v>
      </c>
      <c r="HU35" s="71">
        <v>0</v>
      </c>
      <c r="HV35" s="71">
        <v>0</v>
      </c>
      <c r="HW35" s="71">
        <v>0</v>
      </c>
      <c r="HX35" s="72">
        <v>0</v>
      </c>
      <c r="HY35" s="73">
        <v>0</v>
      </c>
      <c r="HZ35" s="70">
        <v>1</v>
      </c>
      <c r="IA35" s="71">
        <v>0</v>
      </c>
      <c r="IB35" s="72">
        <v>1</v>
      </c>
      <c r="IC35" s="241"/>
      <c r="ID35" s="71">
        <v>2</v>
      </c>
      <c r="IE35" s="71">
        <v>0</v>
      </c>
      <c r="IF35" s="71">
        <v>0</v>
      </c>
      <c r="IG35" s="71">
        <v>1</v>
      </c>
      <c r="IH35" s="71">
        <v>0</v>
      </c>
      <c r="II35" s="72">
        <v>3</v>
      </c>
      <c r="IJ35" s="73">
        <v>4</v>
      </c>
      <c r="IK35" s="70">
        <v>0</v>
      </c>
      <c r="IL35" s="71">
        <v>0</v>
      </c>
      <c r="IM35" s="72">
        <v>0</v>
      </c>
      <c r="IN35" s="241"/>
      <c r="IO35" s="71">
        <v>3</v>
      </c>
      <c r="IP35" s="71">
        <v>2</v>
      </c>
      <c r="IQ35" s="71">
        <v>2</v>
      </c>
      <c r="IR35" s="71">
        <v>0</v>
      </c>
      <c r="IS35" s="71">
        <v>2</v>
      </c>
      <c r="IT35" s="72">
        <v>9</v>
      </c>
      <c r="IU35" s="73">
        <v>9</v>
      </c>
      <c r="IV35" s="70">
        <v>0</v>
      </c>
      <c r="IW35" s="71">
        <v>3</v>
      </c>
      <c r="IX35" s="72">
        <v>3</v>
      </c>
      <c r="IY35" s="241"/>
      <c r="IZ35" s="71">
        <v>5</v>
      </c>
      <c r="JA35" s="71">
        <v>4</v>
      </c>
      <c r="JB35" s="71">
        <v>3</v>
      </c>
      <c r="JC35" s="71">
        <v>3</v>
      </c>
      <c r="JD35" s="71">
        <v>1</v>
      </c>
      <c r="JE35" s="72">
        <v>16</v>
      </c>
      <c r="JF35" s="73">
        <v>19</v>
      </c>
      <c r="JG35" s="70">
        <v>0</v>
      </c>
      <c r="JH35" s="71">
        <v>1</v>
      </c>
      <c r="JI35" s="72">
        <v>1</v>
      </c>
      <c r="JJ35" s="244">
        <v>0</v>
      </c>
      <c r="JK35" s="71">
        <v>3</v>
      </c>
      <c r="JL35" s="71">
        <v>5</v>
      </c>
      <c r="JM35" s="71">
        <v>2</v>
      </c>
      <c r="JN35" s="71">
        <v>3</v>
      </c>
      <c r="JO35" s="71">
        <v>1</v>
      </c>
      <c r="JP35" s="72">
        <v>14</v>
      </c>
      <c r="JQ35" s="73">
        <v>15</v>
      </c>
      <c r="JR35" s="70">
        <v>0</v>
      </c>
      <c r="JS35" s="71">
        <v>0</v>
      </c>
      <c r="JT35" s="72">
        <v>0</v>
      </c>
      <c r="JU35" s="241"/>
      <c r="JV35" s="71">
        <v>0</v>
      </c>
      <c r="JW35" s="71">
        <v>0</v>
      </c>
      <c r="JX35" s="71">
        <v>0</v>
      </c>
      <c r="JY35" s="71">
        <v>0</v>
      </c>
      <c r="JZ35" s="71">
        <v>0</v>
      </c>
      <c r="KA35" s="72">
        <v>0</v>
      </c>
      <c r="KB35" s="73">
        <v>0</v>
      </c>
      <c r="KC35" s="70">
        <v>1</v>
      </c>
      <c r="KD35" s="71">
        <v>4</v>
      </c>
      <c r="KE35" s="72">
        <v>5</v>
      </c>
      <c r="KF35" s="241"/>
      <c r="KG35" s="71">
        <v>14</v>
      </c>
      <c r="KH35" s="71">
        <v>11</v>
      </c>
      <c r="KI35" s="71">
        <v>7</v>
      </c>
      <c r="KJ35" s="71">
        <v>7</v>
      </c>
      <c r="KK35" s="71">
        <v>4</v>
      </c>
      <c r="KL35" s="72">
        <v>43</v>
      </c>
      <c r="KM35" s="73">
        <v>48</v>
      </c>
    </row>
    <row r="36" spans="2:299" ht="19.5" customHeight="1" x14ac:dyDescent="0.2">
      <c r="B36" s="126" t="s">
        <v>33</v>
      </c>
      <c r="C36" s="316">
        <v>5</v>
      </c>
      <c r="D36" s="82">
        <v>2</v>
      </c>
      <c r="E36" s="83">
        <v>7</v>
      </c>
      <c r="F36" s="241"/>
      <c r="G36" s="82">
        <v>7</v>
      </c>
      <c r="H36" s="82">
        <v>3</v>
      </c>
      <c r="I36" s="82">
        <v>5</v>
      </c>
      <c r="J36" s="82">
        <v>0</v>
      </c>
      <c r="K36" s="82">
        <v>3</v>
      </c>
      <c r="L36" s="84">
        <v>18</v>
      </c>
      <c r="M36" s="85">
        <v>25</v>
      </c>
      <c r="N36" s="70">
        <v>0</v>
      </c>
      <c r="O36" s="71">
        <v>0</v>
      </c>
      <c r="P36" s="72">
        <v>0</v>
      </c>
      <c r="Q36" s="241"/>
      <c r="R36" s="71">
        <v>0</v>
      </c>
      <c r="S36" s="71">
        <v>0</v>
      </c>
      <c r="T36" s="71">
        <v>2</v>
      </c>
      <c r="U36" s="71">
        <v>0</v>
      </c>
      <c r="V36" s="71">
        <v>0</v>
      </c>
      <c r="W36" s="72">
        <v>2</v>
      </c>
      <c r="X36" s="73">
        <v>2</v>
      </c>
      <c r="Y36" s="70">
        <v>1</v>
      </c>
      <c r="Z36" s="71">
        <v>0</v>
      </c>
      <c r="AA36" s="72">
        <v>1</v>
      </c>
      <c r="AB36" s="241"/>
      <c r="AC36" s="71">
        <v>0</v>
      </c>
      <c r="AD36" s="71">
        <v>1</v>
      </c>
      <c r="AE36" s="71">
        <v>0</v>
      </c>
      <c r="AF36" s="71">
        <v>0</v>
      </c>
      <c r="AG36" s="71">
        <v>0</v>
      </c>
      <c r="AH36" s="72">
        <v>1</v>
      </c>
      <c r="AI36" s="73">
        <v>2</v>
      </c>
      <c r="AJ36" s="70">
        <v>2</v>
      </c>
      <c r="AK36" s="71">
        <v>0</v>
      </c>
      <c r="AL36" s="72">
        <v>2</v>
      </c>
      <c r="AM36" s="241"/>
      <c r="AN36" s="71">
        <v>0</v>
      </c>
      <c r="AO36" s="71">
        <v>0</v>
      </c>
      <c r="AP36" s="71">
        <v>0</v>
      </c>
      <c r="AQ36" s="71">
        <v>0</v>
      </c>
      <c r="AR36" s="71">
        <v>1</v>
      </c>
      <c r="AS36" s="72">
        <v>1</v>
      </c>
      <c r="AT36" s="73">
        <v>3</v>
      </c>
      <c r="AU36" s="70">
        <v>0</v>
      </c>
      <c r="AV36" s="71">
        <v>1</v>
      </c>
      <c r="AW36" s="72">
        <v>1</v>
      </c>
      <c r="AX36" s="241"/>
      <c r="AY36" s="71">
        <v>2</v>
      </c>
      <c r="AZ36" s="71">
        <v>1</v>
      </c>
      <c r="BA36" s="71">
        <v>1</v>
      </c>
      <c r="BB36" s="71">
        <v>0</v>
      </c>
      <c r="BC36" s="71">
        <v>1</v>
      </c>
      <c r="BD36" s="72">
        <v>5</v>
      </c>
      <c r="BE36" s="73">
        <v>6</v>
      </c>
      <c r="BF36" s="70">
        <v>1</v>
      </c>
      <c r="BG36" s="71">
        <v>0</v>
      </c>
      <c r="BH36" s="72">
        <v>1</v>
      </c>
      <c r="BI36" s="241"/>
      <c r="BJ36" s="71">
        <v>0</v>
      </c>
      <c r="BK36" s="71">
        <v>0</v>
      </c>
      <c r="BL36" s="71">
        <v>2</v>
      </c>
      <c r="BM36" s="71">
        <v>0</v>
      </c>
      <c r="BN36" s="71">
        <v>1</v>
      </c>
      <c r="BO36" s="72">
        <v>3</v>
      </c>
      <c r="BP36" s="73">
        <v>4</v>
      </c>
      <c r="BQ36" s="70">
        <v>1</v>
      </c>
      <c r="BR36" s="71">
        <v>1</v>
      </c>
      <c r="BS36" s="72">
        <v>2</v>
      </c>
      <c r="BT36" s="241"/>
      <c r="BU36" s="71">
        <v>5</v>
      </c>
      <c r="BV36" s="71">
        <v>1</v>
      </c>
      <c r="BW36" s="71">
        <v>0</v>
      </c>
      <c r="BX36" s="71">
        <v>0</v>
      </c>
      <c r="BY36" s="71">
        <v>0</v>
      </c>
      <c r="BZ36" s="72">
        <v>6</v>
      </c>
      <c r="CA36" s="73">
        <v>8</v>
      </c>
      <c r="CB36" s="70">
        <v>0</v>
      </c>
      <c r="CC36" s="71">
        <v>0</v>
      </c>
      <c r="CD36" s="72">
        <v>0</v>
      </c>
      <c r="CE36" s="241"/>
      <c r="CF36" s="71">
        <v>0</v>
      </c>
      <c r="CG36" s="71">
        <v>0</v>
      </c>
      <c r="CH36" s="71">
        <v>0</v>
      </c>
      <c r="CI36" s="71">
        <v>0</v>
      </c>
      <c r="CJ36" s="71">
        <v>0</v>
      </c>
      <c r="CK36" s="72">
        <v>0</v>
      </c>
      <c r="CL36" s="73">
        <v>0</v>
      </c>
      <c r="CM36" s="70">
        <v>5</v>
      </c>
      <c r="CN36" s="71">
        <v>2</v>
      </c>
      <c r="CO36" s="72">
        <v>7</v>
      </c>
      <c r="CP36" s="241"/>
      <c r="CQ36" s="71">
        <v>7</v>
      </c>
      <c r="CR36" s="71">
        <v>3</v>
      </c>
      <c r="CS36" s="71">
        <v>5</v>
      </c>
      <c r="CT36" s="71">
        <v>0</v>
      </c>
      <c r="CU36" s="71">
        <v>3</v>
      </c>
      <c r="CV36" s="72">
        <v>18</v>
      </c>
      <c r="CW36" s="73">
        <v>25</v>
      </c>
      <c r="CX36" s="123">
        <v>1</v>
      </c>
      <c r="CY36" s="82">
        <v>2</v>
      </c>
      <c r="CZ36" s="83">
        <v>3</v>
      </c>
      <c r="DA36" s="241"/>
      <c r="DB36" s="82">
        <v>0</v>
      </c>
      <c r="DC36" s="82">
        <v>1</v>
      </c>
      <c r="DD36" s="82">
        <v>0</v>
      </c>
      <c r="DE36" s="82">
        <v>1</v>
      </c>
      <c r="DF36" s="82">
        <v>0</v>
      </c>
      <c r="DG36" s="84">
        <v>2</v>
      </c>
      <c r="DH36" s="85">
        <v>5</v>
      </c>
      <c r="DI36" s="70">
        <v>0</v>
      </c>
      <c r="DJ36" s="71">
        <v>0</v>
      </c>
      <c r="DK36" s="72">
        <v>0</v>
      </c>
      <c r="DL36" s="241"/>
      <c r="DM36" s="71">
        <v>0</v>
      </c>
      <c r="DN36" s="71">
        <v>1</v>
      </c>
      <c r="DO36" s="71">
        <v>0</v>
      </c>
      <c r="DP36" s="71">
        <v>0</v>
      </c>
      <c r="DQ36" s="71">
        <v>0</v>
      </c>
      <c r="DR36" s="72">
        <v>1</v>
      </c>
      <c r="DS36" s="73">
        <v>1</v>
      </c>
      <c r="DT36" s="70">
        <v>0</v>
      </c>
      <c r="DU36" s="71">
        <v>0</v>
      </c>
      <c r="DV36" s="72">
        <v>0</v>
      </c>
      <c r="DW36" s="241"/>
      <c r="DX36" s="71">
        <v>0</v>
      </c>
      <c r="DY36" s="71">
        <v>0</v>
      </c>
      <c r="DZ36" s="71">
        <v>0</v>
      </c>
      <c r="EA36" s="71">
        <v>0</v>
      </c>
      <c r="EB36" s="71">
        <v>0</v>
      </c>
      <c r="EC36" s="72">
        <v>0</v>
      </c>
      <c r="ED36" s="73">
        <v>0</v>
      </c>
      <c r="EE36" s="70">
        <v>0</v>
      </c>
      <c r="EF36" s="71">
        <v>0</v>
      </c>
      <c r="EG36" s="72">
        <v>0</v>
      </c>
      <c r="EH36" s="241"/>
      <c r="EI36" s="71">
        <v>0</v>
      </c>
      <c r="EJ36" s="71">
        <v>0</v>
      </c>
      <c r="EK36" s="71">
        <v>0</v>
      </c>
      <c r="EL36" s="71">
        <v>0</v>
      </c>
      <c r="EM36" s="71">
        <v>0</v>
      </c>
      <c r="EN36" s="72">
        <v>0</v>
      </c>
      <c r="EO36" s="73">
        <v>0</v>
      </c>
      <c r="EP36" s="70">
        <v>0</v>
      </c>
      <c r="EQ36" s="71">
        <v>0</v>
      </c>
      <c r="ER36" s="72">
        <v>0</v>
      </c>
      <c r="ES36" s="241"/>
      <c r="ET36" s="71">
        <v>0</v>
      </c>
      <c r="EU36" s="71">
        <v>0</v>
      </c>
      <c r="EV36" s="71">
        <v>0</v>
      </c>
      <c r="EW36" s="71">
        <v>0</v>
      </c>
      <c r="EX36" s="71">
        <v>0</v>
      </c>
      <c r="EY36" s="72">
        <v>0</v>
      </c>
      <c r="EZ36" s="73">
        <v>0</v>
      </c>
      <c r="FA36" s="70">
        <v>1</v>
      </c>
      <c r="FB36" s="71">
        <v>0</v>
      </c>
      <c r="FC36" s="72">
        <v>1</v>
      </c>
      <c r="FD36" s="241"/>
      <c r="FE36" s="71">
        <v>0</v>
      </c>
      <c r="FF36" s="71">
        <v>0</v>
      </c>
      <c r="FG36" s="71">
        <v>0</v>
      </c>
      <c r="FH36" s="71">
        <v>1</v>
      </c>
      <c r="FI36" s="71">
        <v>0</v>
      </c>
      <c r="FJ36" s="72">
        <v>1</v>
      </c>
      <c r="FK36" s="73">
        <v>2</v>
      </c>
      <c r="FL36" s="70">
        <v>0</v>
      </c>
      <c r="FM36" s="71">
        <v>2</v>
      </c>
      <c r="FN36" s="72">
        <v>2</v>
      </c>
      <c r="FO36" s="241"/>
      <c r="FP36" s="71">
        <v>0</v>
      </c>
      <c r="FQ36" s="71">
        <v>0</v>
      </c>
      <c r="FR36" s="71">
        <v>0</v>
      </c>
      <c r="FS36" s="71">
        <v>0</v>
      </c>
      <c r="FT36" s="71">
        <v>0</v>
      </c>
      <c r="FU36" s="72">
        <v>0</v>
      </c>
      <c r="FV36" s="73">
        <v>2</v>
      </c>
      <c r="FW36" s="70">
        <v>0</v>
      </c>
      <c r="FX36" s="71">
        <v>0</v>
      </c>
      <c r="FY36" s="72">
        <v>0</v>
      </c>
      <c r="FZ36" s="241"/>
      <c r="GA36" s="71">
        <v>0</v>
      </c>
      <c r="GB36" s="71">
        <v>0</v>
      </c>
      <c r="GC36" s="71">
        <v>0</v>
      </c>
      <c r="GD36" s="71">
        <v>0</v>
      </c>
      <c r="GE36" s="71">
        <v>0</v>
      </c>
      <c r="GF36" s="72">
        <v>0</v>
      </c>
      <c r="GG36" s="73">
        <v>0</v>
      </c>
      <c r="GH36" s="70">
        <v>1</v>
      </c>
      <c r="GI36" s="71">
        <v>2</v>
      </c>
      <c r="GJ36" s="72">
        <v>3</v>
      </c>
      <c r="GK36" s="241"/>
      <c r="GL36" s="71">
        <v>0</v>
      </c>
      <c r="GM36" s="71">
        <v>1</v>
      </c>
      <c r="GN36" s="71">
        <v>0</v>
      </c>
      <c r="GO36" s="71">
        <v>1</v>
      </c>
      <c r="GP36" s="71">
        <v>0</v>
      </c>
      <c r="GQ36" s="72">
        <v>2</v>
      </c>
      <c r="GR36" s="73">
        <v>5</v>
      </c>
      <c r="GS36" s="123">
        <v>6</v>
      </c>
      <c r="GT36" s="82">
        <v>4</v>
      </c>
      <c r="GU36" s="83">
        <v>10</v>
      </c>
      <c r="GV36" s="241"/>
      <c r="GW36" s="82">
        <v>7</v>
      </c>
      <c r="GX36" s="82">
        <v>4</v>
      </c>
      <c r="GY36" s="82">
        <v>5</v>
      </c>
      <c r="GZ36" s="82">
        <v>1</v>
      </c>
      <c r="HA36" s="82">
        <v>3</v>
      </c>
      <c r="HB36" s="84">
        <v>20</v>
      </c>
      <c r="HC36" s="85">
        <v>30</v>
      </c>
      <c r="HD36" s="70">
        <v>0</v>
      </c>
      <c r="HE36" s="71">
        <v>0</v>
      </c>
      <c r="HF36" s="72">
        <v>0</v>
      </c>
      <c r="HG36" s="241"/>
      <c r="HH36" s="71">
        <v>0</v>
      </c>
      <c r="HI36" s="71">
        <v>1</v>
      </c>
      <c r="HJ36" s="71">
        <v>2</v>
      </c>
      <c r="HK36" s="71">
        <v>0</v>
      </c>
      <c r="HL36" s="71">
        <v>0</v>
      </c>
      <c r="HM36" s="72">
        <v>3</v>
      </c>
      <c r="HN36" s="73">
        <v>3</v>
      </c>
      <c r="HO36" s="70">
        <v>1</v>
      </c>
      <c r="HP36" s="71">
        <v>0</v>
      </c>
      <c r="HQ36" s="72">
        <v>1</v>
      </c>
      <c r="HR36" s="241"/>
      <c r="HS36" s="71">
        <v>0</v>
      </c>
      <c r="HT36" s="71">
        <v>1</v>
      </c>
      <c r="HU36" s="71">
        <v>0</v>
      </c>
      <c r="HV36" s="71">
        <v>0</v>
      </c>
      <c r="HW36" s="71">
        <v>0</v>
      </c>
      <c r="HX36" s="72">
        <v>1</v>
      </c>
      <c r="HY36" s="73">
        <v>2</v>
      </c>
      <c r="HZ36" s="70">
        <v>2</v>
      </c>
      <c r="IA36" s="71">
        <v>0</v>
      </c>
      <c r="IB36" s="72">
        <v>2</v>
      </c>
      <c r="IC36" s="241"/>
      <c r="ID36" s="71">
        <v>0</v>
      </c>
      <c r="IE36" s="71">
        <v>0</v>
      </c>
      <c r="IF36" s="71">
        <v>0</v>
      </c>
      <c r="IG36" s="71">
        <v>0</v>
      </c>
      <c r="IH36" s="71">
        <v>1</v>
      </c>
      <c r="II36" s="72">
        <v>1</v>
      </c>
      <c r="IJ36" s="73">
        <v>3</v>
      </c>
      <c r="IK36" s="70">
        <v>0</v>
      </c>
      <c r="IL36" s="71">
        <v>1</v>
      </c>
      <c r="IM36" s="72">
        <v>1</v>
      </c>
      <c r="IN36" s="241"/>
      <c r="IO36" s="71">
        <v>2</v>
      </c>
      <c r="IP36" s="71">
        <v>1</v>
      </c>
      <c r="IQ36" s="71">
        <v>1</v>
      </c>
      <c r="IR36" s="71">
        <v>0</v>
      </c>
      <c r="IS36" s="71">
        <v>1</v>
      </c>
      <c r="IT36" s="72">
        <v>5</v>
      </c>
      <c r="IU36" s="73">
        <v>6</v>
      </c>
      <c r="IV36" s="70">
        <v>2</v>
      </c>
      <c r="IW36" s="71">
        <v>0</v>
      </c>
      <c r="IX36" s="72">
        <v>2</v>
      </c>
      <c r="IY36" s="241"/>
      <c r="IZ36" s="71">
        <v>0</v>
      </c>
      <c r="JA36" s="71">
        <v>0</v>
      </c>
      <c r="JB36" s="71">
        <v>2</v>
      </c>
      <c r="JC36" s="71">
        <v>1</v>
      </c>
      <c r="JD36" s="71">
        <v>1</v>
      </c>
      <c r="JE36" s="72">
        <v>4</v>
      </c>
      <c r="JF36" s="73">
        <v>6</v>
      </c>
      <c r="JG36" s="70">
        <v>1</v>
      </c>
      <c r="JH36" s="71">
        <v>3</v>
      </c>
      <c r="JI36" s="72">
        <v>4</v>
      </c>
      <c r="JJ36" s="244">
        <v>0</v>
      </c>
      <c r="JK36" s="71">
        <v>5</v>
      </c>
      <c r="JL36" s="71">
        <v>1</v>
      </c>
      <c r="JM36" s="71">
        <v>0</v>
      </c>
      <c r="JN36" s="71">
        <v>0</v>
      </c>
      <c r="JO36" s="71">
        <v>0</v>
      </c>
      <c r="JP36" s="72">
        <v>6</v>
      </c>
      <c r="JQ36" s="73">
        <v>10</v>
      </c>
      <c r="JR36" s="70">
        <v>0</v>
      </c>
      <c r="JS36" s="71">
        <v>0</v>
      </c>
      <c r="JT36" s="72">
        <v>0</v>
      </c>
      <c r="JU36" s="241"/>
      <c r="JV36" s="71">
        <v>0</v>
      </c>
      <c r="JW36" s="71">
        <v>0</v>
      </c>
      <c r="JX36" s="71">
        <v>0</v>
      </c>
      <c r="JY36" s="71">
        <v>0</v>
      </c>
      <c r="JZ36" s="71">
        <v>0</v>
      </c>
      <c r="KA36" s="72">
        <v>0</v>
      </c>
      <c r="KB36" s="73">
        <v>0</v>
      </c>
      <c r="KC36" s="70">
        <v>6</v>
      </c>
      <c r="KD36" s="71">
        <v>4</v>
      </c>
      <c r="KE36" s="72">
        <v>10</v>
      </c>
      <c r="KF36" s="241"/>
      <c r="KG36" s="71">
        <v>7</v>
      </c>
      <c r="KH36" s="71">
        <v>4</v>
      </c>
      <c r="KI36" s="71">
        <v>5</v>
      </c>
      <c r="KJ36" s="71">
        <v>1</v>
      </c>
      <c r="KK36" s="71">
        <v>3</v>
      </c>
      <c r="KL36" s="72">
        <v>20</v>
      </c>
      <c r="KM36" s="73">
        <v>30</v>
      </c>
    </row>
    <row r="37" spans="2:299" ht="19.5" customHeight="1" x14ac:dyDescent="0.2">
      <c r="B37" s="126" t="s">
        <v>34</v>
      </c>
      <c r="C37" s="316">
        <v>3</v>
      </c>
      <c r="D37" s="82">
        <v>2</v>
      </c>
      <c r="E37" s="83">
        <v>5</v>
      </c>
      <c r="F37" s="241"/>
      <c r="G37" s="82">
        <v>4</v>
      </c>
      <c r="H37" s="82">
        <v>3</v>
      </c>
      <c r="I37" s="82">
        <v>7</v>
      </c>
      <c r="J37" s="82">
        <v>0</v>
      </c>
      <c r="K37" s="82">
        <v>1</v>
      </c>
      <c r="L37" s="84">
        <v>15</v>
      </c>
      <c r="M37" s="85">
        <v>20</v>
      </c>
      <c r="N37" s="70">
        <v>0</v>
      </c>
      <c r="O37" s="71">
        <v>0</v>
      </c>
      <c r="P37" s="72">
        <v>0</v>
      </c>
      <c r="Q37" s="241"/>
      <c r="R37" s="71">
        <v>0</v>
      </c>
      <c r="S37" s="71">
        <v>2</v>
      </c>
      <c r="T37" s="71">
        <v>0</v>
      </c>
      <c r="U37" s="71">
        <v>0</v>
      </c>
      <c r="V37" s="71">
        <v>0</v>
      </c>
      <c r="W37" s="72">
        <v>2</v>
      </c>
      <c r="X37" s="73">
        <v>2</v>
      </c>
      <c r="Y37" s="70">
        <v>0</v>
      </c>
      <c r="Z37" s="71">
        <v>0</v>
      </c>
      <c r="AA37" s="72">
        <v>0</v>
      </c>
      <c r="AB37" s="241"/>
      <c r="AC37" s="71">
        <v>0</v>
      </c>
      <c r="AD37" s="71">
        <v>0</v>
      </c>
      <c r="AE37" s="71">
        <v>0</v>
      </c>
      <c r="AF37" s="71">
        <v>0</v>
      </c>
      <c r="AG37" s="71">
        <v>0</v>
      </c>
      <c r="AH37" s="72">
        <v>0</v>
      </c>
      <c r="AI37" s="73">
        <v>0</v>
      </c>
      <c r="AJ37" s="70">
        <v>0</v>
      </c>
      <c r="AK37" s="71">
        <v>0</v>
      </c>
      <c r="AL37" s="72">
        <v>0</v>
      </c>
      <c r="AM37" s="241"/>
      <c r="AN37" s="71">
        <v>0</v>
      </c>
      <c r="AO37" s="71">
        <v>0</v>
      </c>
      <c r="AP37" s="71">
        <v>0</v>
      </c>
      <c r="AQ37" s="71">
        <v>0</v>
      </c>
      <c r="AR37" s="71">
        <v>0</v>
      </c>
      <c r="AS37" s="72">
        <v>0</v>
      </c>
      <c r="AT37" s="73">
        <v>0</v>
      </c>
      <c r="AU37" s="70">
        <v>1</v>
      </c>
      <c r="AV37" s="71">
        <v>2</v>
      </c>
      <c r="AW37" s="72">
        <v>3</v>
      </c>
      <c r="AX37" s="241"/>
      <c r="AY37" s="71">
        <v>1</v>
      </c>
      <c r="AZ37" s="71">
        <v>0</v>
      </c>
      <c r="BA37" s="71">
        <v>2</v>
      </c>
      <c r="BB37" s="71">
        <v>0</v>
      </c>
      <c r="BC37" s="71">
        <v>0</v>
      </c>
      <c r="BD37" s="72">
        <v>3</v>
      </c>
      <c r="BE37" s="73">
        <v>6</v>
      </c>
      <c r="BF37" s="70">
        <v>1</v>
      </c>
      <c r="BG37" s="71">
        <v>0</v>
      </c>
      <c r="BH37" s="72">
        <v>1</v>
      </c>
      <c r="BI37" s="241"/>
      <c r="BJ37" s="71">
        <v>1</v>
      </c>
      <c r="BK37" s="71">
        <v>0</v>
      </c>
      <c r="BL37" s="71">
        <v>4</v>
      </c>
      <c r="BM37" s="71">
        <v>0</v>
      </c>
      <c r="BN37" s="71">
        <v>0</v>
      </c>
      <c r="BO37" s="72">
        <v>5</v>
      </c>
      <c r="BP37" s="73">
        <v>6</v>
      </c>
      <c r="BQ37" s="70">
        <v>1</v>
      </c>
      <c r="BR37" s="71">
        <v>0</v>
      </c>
      <c r="BS37" s="72">
        <v>1</v>
      </c>
      <c r="BT37" s="241"/>
      <c r="BU37" s="71">
        <v>2</v>
      </c>
      <c r="BV37" s="71">
        <v>1</v>
      </c>
      <c r="BW37" s="71">
        <v>1</v>
      </c>
      <c r="BX37" s="71">
        <v>0</v>
      </c>
      <c r="BY37" s="71">
        <v>1</v>
      </c>
      <c r="BZ37" s="72">
        <v>5</v>
      </c>
      <c r="CA37" s="73">
        <v>6</v>
      </c>
      <c r="CB37" s="70">
        <v>0</v>
      </c>
      <c r="CC37" s="71">
        <v>0</v>
      </c>
      <c r="CD37" s="72">
        <v>0</v>
      </c>
      <c r="CE37" s="241"/>
      <c r="CF37" s="71">
        <v>0</v>
      </c>
      <c r="CG37" s="71">
        <v>0</v>
      </c>
      <c r="CH37" s="71">
        <v>0</v>
      </c>
      <c r="CI37" s="71">
        <v>0</v>
      </c>
      <c r="CJ37" s="71">
        <v>0</v>
      </c>
      <c r="CK37" s="72">
        <v>0</v>
      </c>
      <c r="CL37" s="73">
        <v>0</v>
      </c>
      <c r="CM37" s="70">
        <v>3</v>
      </c>
      <c r="CN37" s="71">
        <v>2</v>
      </c>
      <c r="CO37" s="72">
        <v>5</v>
      </c>
      <c r="CP37" s="241"/>
      <c r="CQ37" s="71">
        <v>4</v>
      </c>
      <c r="CR37" s="71">
        <v>3</v>
      </c>
      <c r="CS37" s="71">
        <v>7</v>
      </c>
      <c r="CT37" s="71">
        <v>0</v>
      </c>
      <c r="CU37" s="71">
        <v>1</v>
      </c>
      <c r="CV37" s="72">
        <v>15</v>
      </c>
      <c r="CW37" s="73">
        <v>20</v>
      </c>
      <c r="CX37" s="123">
        <v>0</v>
      </c>
      <c r="CY37" s="82">
        <v>0</v>
      </c>
      <c r="CZ37" s="83">
        <v>0</v>
      </c>
      <c r="DA37" s="241"/>
      <c r="DB37" s="82">
        <v>0</v>
      </c>
      <c r="DC37" s="82">
        <v>1</v>
      </c>
      <c r="DD37" s="82">
        <v>0</v>
      </c>
      <c r="DE37" s="82">
        <v>0</v>
      </c>
      <c r="DF37" s="82">
        <v>1</v>
      </c>
      <c r="DG37" s="84">
        <v>2</v>
      </c>
      <c r="DH37" s="85">
        <v>2</v>
      </c>
      <c r="DI37" s="70">
        <v>0</v>
      </c>
      <c r="DJ37" s="71">
        <v>0</v>
      </c>
      <c r="DK37" s="72">
        <v>0</v>
      </c>
      <c r="DL37" s="241"/>
      <c r="DM37" s="71">
        <v>0</v>
      </c>
      <c r="DN37" s="71">
        <v>0</v>
      </c>
      <c r="DO37" s="71">
        <v>0</v>
      </c>
      <c r="DP37" s="71">
        <v>0</v>
      </c>
      <c r="DQ37" s="71">
        <v>0</v>
      </c>
      <c r="DR37" s="72">
        <v>0</v>
      </c>
      <c r="DS37" s="73">
        <v>0</v>
      </c>
      <c r="DT37" s="70">
        <v>0</v>
      </c>
      <c r="DU37" s="71">
        <v>0</v>
      </c>
      <c r="DV37" s="72">
        <v>0</v>
      </c>
      <c r="DW37" s="241"/>
      <c r="DX37" s="71">
        <v>0</v>
      </c>
      <c r="DY37" s="71">
        <v>0</v>
      </c>
      <c r="DZ37" s="71">
        <v>0</v>
      </c>
      <c r="EA37" s="71">
        <v>0</v>
      </c>
      <c r="EB37" s="71">
        <v>0</v>
      </c>
      <c r="EC37" s="72">
        <v>0</v>
      </c>
      <c r="ED37" s="73">
        <v>0</v>
      </c>
      <c r="EE37" s="70">
        <v>0</v>
      </c>
      <c r="EF37" s="71">
        <v>0</v>
      </c>
      <c r="EG37" s="72">
        <v>0</v>
      </c>
      <c r="EH37" s="241"/>
      <c r="EI37" s="71">
        <v>0</v>
      </c>
      <c r="EJ37" s="71">
        <v>0</v>
      </c>
      <c r="EK37" s="71">
        <v>0</v>
      </c>
      <c r="EL37" s="71">
        <v>0</v>
      </c>
      <c r="EM37" s="71">
        <v>0</v>
      </c>
      <c r="EN37" s="72">
        <v>0</v>
      </c>
      <c r="EO37" s="73">
        <v>0</v>
      </c>
      <c r="EP37" s="70">
        <v>0</v>
      </c>
      <c r="EQ37" s="71">
        <v>0</v>
      </c>
      <c r="ER37" s="72">
        <v>0</v>
      </c>
      <c r="ES37" s="241"/>
      <c r="ET37" s="71">
        <v>0</v>
      </c>
      <c r="EU37" s="71">
        <v>0</v>
      </c>
      <c r="EV37" s="71">
        <v>0</v>
      </c>
      <c r="EW37" s="71">
        <v>0</v>
      </c>
      <c r="EX37" s="71">
        <v>0</v>
      </c>
      <c r="EY37" s="72">
        <v>0</v>
      </c>
      <c r="EZ37" s="73">
        <v>0</v>
      </c>
      <c r="FA37" s="70">
        <v>0</v>
      </c>
      <c r="FB37" s="71">
        <v>0</v>
      </c>
      <c r="FC37" s="72">
        <v>0</v>
      </c>
      <c r="FD37" s="241"/>
      <c r="FE37" s="71">
        <v>0</v>
      </c>
      <c r="FF37" s="71">
        <v>0</v>
      </c>
      <c r="FG37" s="71">
        <v>0</v>
      </c>
      <c r="FH37" s="71">
        <v>0</v>
      </c>
      <c r="FI37" s="71">
        <v>0</v>
      </c>
      <c r="FJ37" s="72">
        <v>0</v>
      </c>
      <c r="FK37" s="73">
        <v>0</v>
      </c>
      <c r="FL37" s="70">
        <v>0</v>
      </c>
      <c r="FM37" s="71">
        <v>0</v>
      </c>
      <c r="FN37" s="72">
        <v>0</v>
      </c>
      <c r="FO37" s="241"/>
      <c r="FP37" s="71">
        <v>0</v>
      </c>
      <c r="FQ37" s="71">
        <v>1</v>
      </c>
      <c r="FR37" s="71">
        <v>0</v>
      </c>
      <c r="FS37" s="71">
        <v>0</v>
      </c>
      <c r="FT37" s="71">
        <v>1</v>
      </c>
      <c r="FU37" s="72">
        <v>2</v>
      </c>
      <c r="FV37" s="73">
        <v>2</v>
      </c>
      <c r="FW37" s="70">
        <v>0</v>
      </c>
      <c r="FX37" s="71">
        <v>0</v>
      </c>
      <c r="FY37" s="72">
        <v>0</v>
      </c>
      <c r="FZ37" s="241"/>
      <c r="GA37" s="71">
        <v>0</v>
      </c>
      <c r="GB37" s="71">
        <v>0</v>
      </c>
      <c r="GC37" s="71">
        <v>0</v>
      </c>
      <c r="GD37" s="71">
        <v>0</v>
      </c>
      <c r="GE37" s="71">
        <v>0</v>
      </c>
      <c r="GF37" s="72">
        <v>0</v>
      </c>
      <c r="GG37" s="73">
        <v>0</v>
      </c>
      <c r="GH37" s="70">
        <v>0</v>
      </c>
      <c r="GI37" s="71">
        <v>0</v>
      </c>
      <c r="GJ37" s="72">
        <v>0</v>
      </c>
      <c r="GK37" s="241"/>
      <c r="GL37" s="71">
        <v>0</v>
      </c>
      <c r="GM37" s="71">
        <v>1</v>
      </c>
      <c r="GN37" s="71">
        <v>0</v>
      </c>
      <c r="GO37" s="71">
        <v>0</v>
      </c>
      <c r="GP37" s="71">
        <v>1</v>
      </c>
      <c r="GQ37" s="72">
        <v>2</v>
      </c>
      <c r="GR37" s="73">
        <v>2</v>
      </c>
      <c r="GS37" s="123">
        <v>3</v>
      </c>
      <c r="GT37" s="82">
        <v>2</v>
      </c>
      <c r="GU37" s="83">
        <v>5</v>
      </c>
      <c r="GV37" s="241"/>
      <c r="GW37" s="82">
        <v>4</v>
      </c>
      <c r="GX37" s="82">
        <v>4</v>
      </c>
      <c r="GY37" s="82">
        <v>7</v>
      </c>
      <c r="GZ37" s="82">
        <v>0</v>
      </c>
      <c r="HA37" s="82">
        <v>2</v>
      </c>
      <c r="HB37" s="84">
        <v>17</v>
      </c>
      <c r="HC37" s="85">
        <v>22</v>
      </c>
      <c r="HD37" s="70">
        <v>0</v>
      </c>
      <c r="HE37" s="71">
        <v>0</v>
      </c>
      <c r="HF37" s="72">
        <v>0</v>
      </c>
      <c r="HG37" s="241"/>
      <c r="HH37" s="71">
        <v>0</v>
      </c>
      <c r="HI37" s="71">
        <v>2</v>
      </c>
      <c r="HJ37" s="71">
        <v>0</v>
      </c>
      <c r="HK37" s="71">
        <v>0</v>
      </c>
      <c r="HL37" s="71">
        <v>0</v>
      </c>
      <c r="HM37" s="72">
        <v>2</v>
      </c>
      <c r="HN37" s="73">
        <v>2</v>
      </c>
      <c r="HO37" s="70">
        <v>0</v>
      </c>
      <c r="HP37" s="71">
        <v>0</v>
      </c>
      <c r="HQ37" s="72">
        <v>0</v>
      </c>
      <c r="HR37" s="241"/>
      <c r="HS37" s="71">
        <v>0</v>
      </c>
      <c r="HT37" s="71">
        <v>0</v>
      </c>
      <c r="HU37" s="71">
        <v>0</v>
      </c>
      <c r="HV37" s="71">
        <v>0</v>
      </c>
      <c r="HW37" s="71">
        <v>0</v>
      </c>
      <c r="HX37" s="72">
        <v>0</v>
      </c>
      <c r="HY37" s="73">
        <v>0</v>
      </c>
      <c r="HZ37" s="70">
        <v>0</v>
      </c>
      <c r="IA37" s="71">
        <v>0</v>
      </c>
      <c r="IB37" s="72">
        <v>0</v>
      </c>
      <c r="IC37" s="241"/>
      <c r="ID37" s="71">
        <v>0</v>
      </c>
      <c r="IE37" s="71">
        <v>0</v>
      </c>
      <c r="IF37" s="71">
        <v>0</v>
      </c>
      <c r="IG37" s="71">
        <v>0</v>
      </c>
      <c r="IH37" s="71">
        <v>0</v>
      </c>
      <c r="II37" s="72">
        <v>0</v>
      </c>
      <c r="IJ37" s="73">
        <v>0</v>
      </c>
      <c r="IK37" s="70">
        <v>1</v>
      </c>
      <c r="IL37" s="71">
        <v>2</v>
      </c>
      <c r="IM37" s="72">
        <v>3</v>
      </c>
      <c r="IN37" s="241"/>
      <c r="IO37" s="71">
        <v>1</v>
      </c>
      <c r="IP37" s="71">
        <v>0</v>
      </c>
      <c r="IQ37" s="71">
        <v>2</v>
      </c>
      <c r="IR37" s="71">
        <v>0</v>
      </c>
      <c r="IS37" s="71">
        <v>0</v>
      </c>
      <c r="IT37" s="72">
        <v>3</v>
      </c>
      <c r="IU37" s="73">
        <v>6</v>
      </c>
      <c r="IV37" s="70">
        <v>1</v>
      </c>
      <c r="IW37" s="71">
        <v>0</v>
      </c>
      <c r="IX37" s="72">
        <v>1</v>
      </c>
      <c r="IY37" s="241"/>
      <c r="IZ37" s="71">
        <v>1</v>
      </c>
      <c r="JA37" s="71">
        <v>0</v>
      </c>
      <c r="JB37" s="71">
        <v>4</v>
      </c>
      <c r="JC37" s="71">
        <v>0</v>
      </c>
      <c r="JD37" s="71">
        <v>0</v>
      </c>
      <c r="JE37" s="72">
        <v>5</v>
      </c>
      <c r="JF37" s="73">
        <v>6</v>
      </c>
      <c r="JG37" s="70">
        <v>1</v>
      </c>
      <c r="JH37" s="71">
        <v>0</v>
      </c>
      <c r="JI37" s="72">
        <v>1</v>
      </c>
      <c r="JJ37" s="244">
        <v>0</v>
      </c>
      <c r="JK37" s="71">
        <v>2</v>
      </c>
      <c r="JL37" s="71">
        <v>2</v>
      </c>
      <c r="JM37" s="71">
        <v>1</v>
      </c>
      <c r="JN37" s="71">
        <v>0</v>
      </c>
      <c r="JO37" s="71">
        <v>2</v>
      </c>
      <c r="JP37" s="72">
        <v>7</v>
      </c>
      <c r="JQ37" s="73">
        <v>8</v>
      </c>
      <c r="JR37" s="70">
        <v>0</v>
      </c>
      <c r="JS37" s="71">
        <v>0</v>
      </c>
      <c r="JT37" s="72">
        <v>0</v>
      </c>
      <c r="JU37" s="241"/>
      <c r="JV37" s="71">
        <v>0</v>
      </c>
      <c r="JW37" s="71">
        <v>0</v>
      </c>
      <c r="JX37" s="71">
        <v>0</v>
      </c>
      <c r="JY37" s="71">
        <v>0</v>
      </c>
      <c r="JZ37" s="71">
        <v>0</v>
      </c>
      <c r="KA37" s="72">
        <v>0</v>
      </c>
      <c r="KB37" s="73">
        <v>0</v>
      </c>
      <c r="KC37" s="70">
        <v>3</v>
      </c>
      <c r="KD37" s="71">
        <v>2</v>
      </c>
      <c r="KE37" s="72">
        <v>5</v>
      </c>
      <c r="KF37" s="241"/>
      <c r="KG37" s="71">
        <v>4</v>
      </c>
      <c r="KH37" s="71">
        <v>4</v>
      </c>
      <c r="KI37" s="71">
        <v>7</v>
      </c>
      <c r="KJ37" s="71">
        <v>0</v>
      </c>
      <c r="KK37" s="71">
        <v>2</v>
      </c>
      <c r="KL37" s="72">
        <v>17</v>
      </c>
      <c r="KM37" s="73">
        <v>22</v>
      </c>
    </row>
    <row r="38" spans="2:299" ht="19.5" customHeight="1" x14ac:dyDescent="0.2">
      <c r="B38" s="126" t="s">
        <v>35</v>
      </c>
      <c r="C38" s="316">
        <v>12</v>
      </c>
      <c r="D38" s="82">
        <v>5</v>
      </c>
      <c r="E38" s="83">
        <v>17</v>
      </c>
      <c r="F38" s="241"/>
      <c r="G38" s="82">
        <v>21</v>
      </c>
      <c r="H38" s="82">
        <v>8</v>
      </c>
      <c r="I38" s="82">
        <v>6</v>
      </c>
      <c r="J38" s="82">
        <v>2</v>
      </c>
      <c r="K38" s="82">
        <v>2</v>
      </c>
      <c r="L38" s="84">
        <v>39</v>
      </c>
      <c r="M38" s="85">
        <v>56</v>
      </c>
      <c r="N38" s="70">
        <v>0</v>
      </c>
      <c r="O38" s="71">
        <v>0</v>
      </c>
      <c r="P38" s="72">
        <v>0</v>
      </c>
      <c r="Q38" s="241"/>
      <c r="R38" s="71">
        <v>0</v>
      </c>
      <c r="S38" s="71">
        <v>0</v>
      </c>
      <c r="T38" s="71">
        <v>0</v>
      </c>
      <c r="U38" s="71">
        <v>0</v>
      </c>
      <c r="V38" s="71">
        <v>0</v>
      </c>
      <c r="W38" s="72">
        <v>0</v>
      </c>
      <c r="X38" s="73">
        <v>0</v>
      </c>
      <c r="Y38" s="70">
        <v>1</v>
      </c>
      <c r="Z38" s="71">
        <v>1</v>
      </c>
      <c r="AA38" s="72">
        <v>2</v>
      </c>
      <c r="AB38" s="241"/>
      <c r="AC38" s="71">
        <v>0</v>
      </c>
      <c r="AD38" s="71">
        <v>0</v>
      </c>
      <c r="AE38" s="71">
        <v>0</v>
      </c>
      <c r="AF38" s="71">
        <v>0</v>
      </c>
      <c r="AG38" s="71">
        <v>0</v>
      </c>
      <c r="AH38" s="72">
        <v>0</v>
      </c>
      <c r="AI38" s="73">
        <v>2</v>
      </c>
      <c r="AJ38" s="70">
        <v>0</v>
      </c>
      <c r="AK38" s="71">
        <v>1</v>
      </c>
      <c r="AL38" s="72">
        <v>1</v>
      </c>
      <c r="AM38" s="241"/>
      <c r="AN38" s="71">
        <v>4</v>
      </c>
      <c r="AO38" s="71">
        <v>1</v>
      </c>
      <c r="AP38" s="71">
        <v>0</v>
      </c>
      <c r="AQ38" s="71">
        <v>0</v>
      </c>
      <c r="AR38" s="71">
        <v>0</v>
      </c>
      <c r="AS38" s="72">
        <v>5</v>
      </c>
      <c r="AT38" s="73">
        <v>6</v>
      </c>
      <c r="AU38" s="70">
        <v>3</v>
      </c>
      <c r="AV38" s="71">
        <v>1</v>
      </c>
      <c r="AW38" s="72">
        <v>4</v>
      </c>
      <c r="AX38" s="241"/>
      <c r="AY38" s="71">
        <v>5</v>
      </c>
      <c r="AZ38" s="71">
        <v>2</v>
      </c>
      <c r="BA38" s="71">
        <v>2</v>
      </c>
      <c r="BB38" s="71">
        <v>1</v>
      </c>
      <c r="BC38" s="71">
        <v>0</v>
      </c>
      <c r="BD38" s="72">
        <v>10</v>
      </c>
      <c r="BE38" s="73">
        <v>14</v>
      </c>
      <c r="BF38" s="70">
        <v>4</v>
      </c>
      <c r="BG38" s="71">
        <v>1</v>
      </c>
      <c r="BH38" s="72">
        <v>5</v>
      </c>
      <c r="BI38" s="241"/>
      <c r="BJ38" s="71">
        <v>5</v>
      </c>
      <c r="BK38" s="71">
        <v>2</v>
      </c>
      <c r="BL38" s="71">
        <v>2</v>
      </c>
      <c r="BM38" s="71">
        <v>0</v>
      </c>
      <c r="BN38" s="71">
        <v>1</v>
      </c>
      <c r="BO38" s="72">
        <v>10</v>
      </c>
      <c r="BP38" s="73">
        <v>15</v>
      </c>
      <c r="BQ38" s="70">
        <v>4</v>
      </c>
      <c r="BR38" s="71">
        <v>1</v>
      </c>
      <c r="BS38" s="72">
        <v>5</v>
      </c>
      <c r="BT38" s="241"/>
      <c r="BU38" s="71">
        <v>7</v>
      </c>
      <c r="BV38" s="71">
        <v>3</v>
      </c>
      <c r="BW38" s="71">
        <v>2</v>
      </c>
      <c r="BX38" s="71">
        <v>1</v>
      </c>
      <c r="BY38" s="71">
        <v>1</v>
      </c>
      <c r="BZ38" s="72">
        <v>14</v>
      </c>
      <c r="CA38" s="73">
        <v>19</v>
      </c>
      <c r="CB38" s="70">
        <v>0</v>
      </c>
      <c r="CC38" s="71">
        <v>0</v>
      </c>
      <c r="CD38" s="72">
        <v>0</v>
      </c>
      <c r="CE38" s="241"/>
      <c r="CF38" s="71">
        <v>0</v>
      </c>
      <c r="CG38" s="71">
        <v>0</v>
      </c>
      <c r="CH38" s="71">
        <v>0</v>
      </c>
      <c r="CI38" s="71">
        <v>0</v>
      </c>
      <c r="CJ38" s="71">
        <v>0</v>
      </c>
      <c r="CK38" s="72">
        <v>0</v>
      </c>
      <c r="CL38" s="73">
        <v>0</v>
      </c>
      <c r="CM38" s="70">
        <v>12</v>
      </c>
      <c r="CN38" s="71">
        <v>5</v>
      </c>
      <c r="CO38" s="72">
        <v>17</v>
      </c>
      <c r="CP38" s="241"/>
      <c r="CQ38" s="71">
        <v>21</v>
      </c>
      <c r="CR38" s="71">
        <v>8</v>
      </c>
      <c r="CS38" s="71">
        <v>6</v>
      </c>
      <c r="CT38" s="71">
        <v>2</v>
      </c>
      <c r="CU38" s="71">
        <v>2</v>
      </c>
      <c r="CV38" s="72">
        <v>39</v>
      </c>
      <c r="CW38" s="73">
        <v>56</v>
      </c>
      <c r="CX38" s="123">
        <v>1</v>
      </c>
      <c r="CY38" s="82">
        <v>1</v>
      </c>
      <c r="CZ38" s="83">
        <v>2</v>
      </c>
      <c r="DA38" s="241"/>
      <c r="DB38" s="82">
        <v>4</v>
      </c>
      <c r="DC38" s="82">
        <v>4</v>
      </c>
      <c r="DD38" s="82">
        <v>2</v>
      </c>
      <c r="DE38" s="82">
        <v>5</v>
      </c>
      <c r="DF38" s="82">
        <v>0</v>
      </c>
      <c r="DG38" s="84">
        <v>15</v>
      </c>
      <c r="DH38" s="85">
        <v>17</v>
      </c>
      <c r="DI38" s="70">
        <v>0</v>
      </c>
      <c r="DJ38" s="71">
        <v>0</v>
      </c>
      <c r="DK38" s="72">
        <v>0</v>
      </c>
      <c r="DL38" s="241"/>
      <c r="DM38" s="71">
        <v>0</v>
      </c>
      <c r="DN38" s="71">
        <v>0</v>
      </c>
      <c r="DO38" s="71">
        <v>0</v>
      </c>
      <c r="DP38" s="71">
        <v>0</v>
      </c>
      <c r="DQ38" s="71">
        <v>0</v>
      </c>
      <c r="DR38" s="72">
        <v>0</v>
      </c>
      <c r="DS38" s="73">
        <v>0</v>
      </c>
      <c r="DT38" s="70">
        <v>0</v>
      </c>
      <c r="DU38" s="71">
        <v>0</v>
      </c>
      <c r="DV38" s="72">
        <v>0</v>
      </c>
      <c r="DW38" s="241"/>
      <c r="DX38" s="71">
        <v>0</v>
      </c>
      <c r="DY38" s="71">
        <v>0</v>
      </c>
      <c r="DZ38" s="71">
        <v>1</v>
      </c>
      <c r="EA38" s="71">
        <v>0</v>
      </c>
      <c r="EB38" s="71">
        <v>0</v>
      </c>
      <c r="EC38" s="72">
        <v>1</v>
      </c>
      <c r="ED38" s="73">
        <v>1</v>
      </c>
      <c r="EE38" s="70">
        <v>0</v>
      </c>
      <c r="EF38" s="71">
        <v>0</v>
      </c>
      <c r="EG38" s="72">
        <v>0</v>
      </c>
      <c r="EH38" s="241"/>
      <c r="EI38" s="71">
        <v>0</v>
      </c>
      <c r="EJ38" s="71">
        <v>0</v>
      </c>
      <c r="EK38" s="71">
        <v>0</v>
      </c>
      <c r="EL38" s="71">
        <v>0</v>
      </c>
      <c r="EM38" s="71">
        <v>0</v>
      </c>
      <c r="EN38" s="72">
        <v>0</v>
      </c>
      <c r="EO38" s="73">
        <v>0</v>
      </c>
      <c r="EP38" s="70">
        <v>0</v>
      </c>
      <c r="EQ38" s="71">
        <v>0</v>
      </c>
      <c r="ER38" s="72">
        <v>0</v>
      </c>
      <c r="ES38" s="241"/>
      <c r="ET38" s="71">
        <v>1</v>
      </c>
      <c r="EU38" s="71">
        <v>1</v>
      </c>
      <c r="EV38" s="71">
        <v>1</v>
      </c>
      <c r="EW38" s="71">
        <v>0</v>
      </c>
      <c r="EX38" s="71">
        <v>0</v>
      </c>
      <c r="EY38" s="72">
        <v>3</v>
      </c>
      <c r="EZ38" s="73">
        <v>3</v>
      </c>
      <c r="FA38" s="70">
        <v>0</v>
      </c>
      <c r="FB38" s="71">
        <v>0</v>
      </c>
      <c r="FC38" s="72">
        <v>0</v>
      </c>
      <c r="FD38" s="241"/>
      <c r="FE38" s="71">
        <v>2</v>
      </c>
      <c r="FF38" s="71">
        <v>1</v>
      </c>
      <c r="FG38" s="71">
        <v>0</v>
      </c>
      <c r="FH38" s="71">
        <v>1</v>
      </c>
      <c r="FI38" s="71">
        <v>0</v>
      </c>
      <c r="FJ38" s="72">
        <v>4</v>
      </c>
      <c r="FK38" s="73">
        <v>4</v>
      </c>
      <c r="FL38" s="70">
        <v>1</v>
      </c>
      <c r="FM38" s="71">
        <v>1</v>
      </c>
      <c r="FN38" s="72">
        <v>2</v>
      </c>
      <c r="FO38" s="241"/>
      <c r="FP38" s="71">
        <v>1</v>
      </c>
      <c r="FQ38" s="71">
        <v>2</v>
      </c>
      <c r="FR38" s="71">
        <v>0</v>
      </c>
      <c r="FS38" s="71">
        <v>4</v>
      </c>
      <c r="FT38" s="71">
        <v>0</v>
      </c>
      <c r="FU38" s="72">
        <v>7</v>
      </c>
      <c r="FV38" s="73">
        <v>9</v>
      </c>
      <c r="FW38" s="70">
        <v>0</v>
      </c>
      <c r="FX38" s="71">
        <v>0</v>
      </c>
      <c r="FY38" s="72">
        <v>0</v>
      </c>
      <c r="FZ38" s="241"/>
      <c r="GA38" s="71">
        <v>0</v>
      </c>
      <c r="GB38" s="71">
        <v>0</v>
      </c>
      <c r="GC38" s="71">
        <v>0</v>
      </c>
      <c r="GD38" s="71">
        <v>0</v>
      </c>
      <c r="GE38" s="71">
        <v>0</v>
      </c>
      <c r="GF38" s="72">
        <v>0</v>
      </c>
      <c r="GG38" s="73">
        <v>0</v>
      </c>
      <c r="GH38" s="70">
        <v>1</v>
      </c>
      <c r="GI38" s="71">
        <v>1</v>
      </c>
      <c r="GJ38" s="72">
        <v>2</v>
      </c>
      <c r="GK38" s="241"/>
      <c r="GL38" s="71">
        <v>4</v>
      </c>
      <c r="GM38" s="71">
        <v>4</v>
      </c>
      <c r="GN38" s="71">
        <v>2</v>
      </c>
      <c r="GO38" s="71">
        <v>5</v>
      </c>
      <c r="GP38" s="71">
        <v>0</v>
      </c>
      <c r="GQ38" s="72">
        <v>15</v>
      </c>
      <c r="GR38" s="73">
        <v>17</v>
      </c>
      <c r="GS38" s="123">
        <v>13</v>
      </c>
      <c r="GT38" s="82">
        <v>6</v>
      </c>
      <c r="GU38" s="83">
        <v>19</v>
      </c>
      <c r="GV38" s="241"/>
      <c r="GW38" s="82">
        <v>25</v>
      </c>
      <c r="GX38" s="82">
        <v>12</v>
      </c>
      <c r="GY38" s="82">
        <v>8</v>
      </c>
      <c r="GZ38" s="82">
        <v>7</v>
      </c>
      <c r="HA38" s="82">
        <v>2</v>
      </c>
      <c r="HB38" s="84">
        <v>54</v>
      </c>
      <c r="HC38" s="85">
        <v>73</v>
      </c>
      <c r="HD38" s="70">
        <v>0</v>
      </c>
      <c r="HE38" s="71">
        <v>0</v>
      </c>
      <c r="HF38" s="72">
        <v>0</v>
      </c>
      <c r="HG38" s="241"/>
      <c r="HH38" s="71">
        <v>0</v>
      </c>
      <c r="HI38" s="71">
        <v>0</v>
      </c>
      <c r="HJ38" s="71">
        <v>0</v>
      </c>
      <c r="HK38" s="71">
        <v>0</v>
      </c>
      <c r="HL38" s="71">
        <v>0</v>
      </c>
      <c r="HM38" s="72">
        <v>0</v>
      </c>
      <c r="HN38" s="73">
        <v>0</v>
      </c>
      <c r="HO38" s="70">
        <v>1</v>
      </c>
      <c r="HP38" s="71">
        <v>1</v>
      </c>
      <c r="HQ38" s="72">
        <v>2</v>
      </c>
      <c r="HR38" s="241"/>
      <c r="HS38" s="71">
        <v>0</v>
      </c>
      <c r="HT38" s="71">
        <v>0</v>
      </c>
      <c r="HU38" s="71">
        <v>1</v>
      </c>
      <c r="HV38" s="71">
        <v>0</v>
      </c>
      <c r="HW38" s="71">
        <v>0</v>
      </c>
      <c r="HX38" s="72">
        <v>1</v>
      </c>
      <c r="HY38" s="73">
        <v>3</v>
      </c>
      <c r="HZ38" s="70">
        <v>0</v>
      </c>
      <c r="IA38" s="71">
        <v>1</v>
      </c>
      <c r="IB38" s="72">
        <v>1</v>
      </c>
      <c r="IC38" s="241"/>
      <c r="ID38" s="71">
        <v>4</v>
      </c>
      <c r="IE38" s="71">
        <v>1</v>
      </c>
      <c r="IF38" s="71">
        <v>0</v>
      </c>
      <c r="IG38" s="71">
        <v>0</v>
      </c>
      <c r="IH38" s="71">
        <v>0</v>
      </c>
      <c r="II38" s="72">
        <v>5</v>
      </c>
      <c r="IJ38" s="73">
        <v>6</v>
      </c>
      <c r="IK38" s="70">
        <v>3</v>
      </c>
      <c r="IL38" s="71">
        <v>1</v>
      </c>
      <c r="IM38" s="72">
        <v>4</v>
      </c>
      <c r="IN38" s="241"/>
      <c r="IO38" s="71">
        <v>6</v>
      </c>
      <c r="IP38" s="71">
        <v>3</v>
      </c>
      <c r="IQ38" s="71">
        <v>3</v>
      </c>
      <c r="IR38" s="71">
        <v>1</v>
      </c>
      <c r="IS38" s="71">
        <v>0</v>
      </c>
      <c r="IT38" s="72">
        <v>13</v>
      </c>
      <c r="IU38" s="73">
        <v>17</v>
      </c>
      <c r="IV38" s="70">
        <v>4</v>
      </c>
      <c r="IW38" s="71">
        <v>1</v>
      </c>
      <c r="IX38" s="72">
        <v>5</v>
      </c>
      <c r="IY38" s="241"/>
      <c r="IZ38" s="71">
        <v>7</v>
      </c>
      <c r="JA38" s="71">
        <v>3</v>
      </c>
      <c r="JB38" s="71">
        <v>2</v>
      </c>
      <c r="JC38" s="71">
        <v>1</v>
      </c>
      <c r="JD38" s="71">
        <v>1</v>
      </c>
      <c r="JE38" s="72">
        <v>14</v>
      </c>
      <c r="JF38" s="73">
        <v>19</v>
      </c>
      <c r="JG38" s="70">
        <v>5</v>
      </c>
      <c r="JH38" s="71">
        <v>2</v>
      </c>
      <c r="JI38" s="72">
        <v>7</v>
      </c>
      <c r="JJ38" s="244">
        <v>0</v>
      </c>
      <c r="JK38" s="71">
        <v>8</v>
      </c>
      <c r="JL38" s="71">
        <v>5</v>
      </c>
      <c r="JM38" s="71">
        <v>2</v>
      </c>
      <c r="JN38" s="71">
        <v>5</v>
      </c>
      <c r="JO38" s="71">
        <v>1</v>
      </c>
      <c r="JP38" s="72">
        <v>21</v>
      </c>
      <c r="JQ38" s="73">
        <v>28</v>
      </c>
      <c r="JR38" s="70">
        <v>0</v>
      </c>
      <c r="JS38" s="71">
        <v>0</v>
      </c>
      <c r="JT38" s="72">
        <v>0</v>
      </c>
      <c r="JU38" s="241"/>
      <c r="JV38" s="71">
        <v>0</v>
      </c>
      <c r="JW38" s="71">
        <v>0</v>
      </c>
      <c r="JX38" s="71">
        <v>0</v>
      </c>
      <c r="JY38" s="71">
        <v>0</v>
      </c>
      <c r="JZ38" s="71">
        <v>0</v>
      </c>
      <c r="KA38" s="72">
        <v>0</v>
      </c>
      <c r="KB38" s="73">
        <v>0</v>
      </c>
      <c r="KC38" s="70">
        <v>13</v>
      </c>
      <c r="KD38" s="71">
        <v>6</v>
      </c>
      <c r="KE38" s="72">
        <v>19</v>
      </c>
      <c r="KF38" s="241"/>
      <c r="KG38" s="71">
        <v>25</v>
      </c>
      <c r="KH38" s="71">
        <v>12</v>
      </c>
      <c r="KI38" s="71">
        <v>8</v>
      </c>
      <c r="KJ38" s="71">
        <v>7</v>
      </c>
      <c r="KK38" s="71">
        <v>2</v>
      </c>
      <c r="KL38" s="72">
        <v>54</v>
      </c>
      <c r="KM38" s="73">
        <v>73</v>
      </c>
    </row>
    <row r="39" spans="2:299" ht="19.5" customHeight="1" x14ac:dyDescent="0.2">
      <c r="B39" s="126" t="s">
        <v>36</v>
      </c>
      <c r="C39" s="316">
        <v>2</v>
      </c>
      <c r="D39" s="82">
        <v>11</v>
      </c>
      <c r="E39" s="83">
        <v>13</v>
      </c>
      <c r="F39" s="241"/>
      <c r="G39" s="82">
        <v>12</v>
      </c>
      <c r="H39" s="82">
        <v>10</v>
      </c>
      <c r="I39" s="82">
        <v>8</v>
      </c>
      <c r="J39" s="82">
        <v>8</v>
      </c>
      <c r="K39" s="82">
        <v>3</v>
      </c>
      <c r="L39" s="84">
        <v>41</v>
      </c>
      <c r="M39" s="85">
        <v>54</v>
      </c>
      <c r="N39" s="70">
        <v>0</v>
      </c>
      <c r="O39" s="71">
        <v>0</v>
      </c>
      <c r="P39" s="72">
        <v>0</v>
      </c>
      <c r="Q39" s="241"/>
      <c r="R39" s="71">
        <v>1</v>
      </c>
      <c r="S39" s="71">
        <v>2</v>
      </c>
      <c r="T39" s="71">
        <v>1</v>
      </c>
      <c r="U39" s="71">
        <v>0</v>
      </c>
      <c r="V39" s="71">
        <v>0</v>
      </c>
      <c r="W39" s="72">
        <v>4</v>
      </c>
      <c r="X39" s="73">
        <v>4</v>
      </c>
      <c r="Y39" s="70">
        <v>1</v>
      </c>
      <c r="Z39" s="71">
        <v>0</v>
      </c>
      <c r="AA39" s="72">
        <v>1</v>
      </c>
      <c r="AB39" s="241"/>
      <c r="AC39" s="71">
        <v>1</v>
      </c>
      <c r="AD39" s="71">
        <v>0</v>
      </c>
      <c r="AE39" s="71">
        <v>0</v>
      </c>
      <c r="AF39" s="71">
        <v>3</v>
      </c>
      <c r="AG39" s="71">
        <v>0</v>
      </c>
      <c r="AH39" s="72">
        <v>4</v>
      </c>
      <c r="AI39" s="73">
        <v>5</v>
      </c>
      <c r="AJ39" s="70">
        <v>0</v>
      </c>
      <c r="AK39" s="71">
        <v>2</v>
      </c>
      <c r="AL39" s="72">
        <v>2</v>
      </c>
      <c r="AM39" s="241"/>
      <c r="AN39" s="71">
        <v>1</v>
      </c>
      <c r="AO39" s="71">
        <v>1</v>
      </c>
      <c r="AP39" s="71">
        <v>1</v>
      </c>
      <c r="AQ39" s="71">
        <v>0</v>
      </c>
      <c r="AR39" s="71">
        <v>0</v>
      </c>
      <c r="AS39" s="72">
        <v>3</v>
      </c>
      <c r="AT39" s="73">
        <v>5</v>
      </c>
      <c r="AU39" s="70">
        <v>0</v>
      </c>
      <c r="AV39" s="71">
        <v>2</v>
      </c>
      <c r="AW39" s="72">
        <v>2</v>
      </c>
      <c r="AX39" s="241"/>
      <c r="AY39" s="71">
        <v>1</v>
      </c>
      <c r="AZ39" s="71">
        <v>1</v>
      </c>
      <c r="BA39" s="71">
        <v>0</v>
      </c>
      <c r="BB39" s="71">
        <v>0</v>
      </c>
      <c r="BC39" s="71">
        <v>1</v>
      </c>
      <c r="BD39" s="72">
        <v>3</v>
      </c>
      <c r="BE39" s="73">
        <v>5</v>
      </c>
      <c r="BF39" s="70">
        <v>0</v>
      </c>
      <c r="BG39" s="71">
        <v>5</v>
      </c>
      <c r="BH39" s="72">
        <v>5</v>
      </c>
      <c r="BI39" s="241"/>
      <c r="BJ39" s="71">
        <v>4</v>
      </c>
      <c r="BK39" s="71">
        <v>4</v>
      </c>
      <c r="BL39" s="71">
        <v>3</v>
      </c>
      <c r="BM39" s="71">
        <v>4</v>
      </c>
      <c r="BN39" s="71">
        <v>1</v>
      </c>
      <c r="BO39" s="72">
        <v>16</v>
      </c>
      <c r="BP39" s="73">
        <v>21</v>
      </c>
      <c r="BQ39" s="70">
        <v>1</v>
      </c>
      <c r="BR39" s="71">
        <v>2</v>
      </c>
      <c r="BS39" s="72">
        <v>3</v>
      </c>
      <c r="BT39" s="241"/>
      <c r="BU39" s="71">
        <v>4</v>
      </c>
      <c r="BV39" s="71">
        <v>2</v>
      </c>
      <c r="BW39" s="71">
        <v>3</v>
      </c>
      <c r="BX39" s="71">
        <v>1</v>
      </c>
      <c r="BY39" s="71">
        <v>1</v>
      </c>
      <c r="BZ39" s="72">
        <v>11</v>
      </c>
      <c r="CA39" s="73">
        <v>14</v>
      </c>
      <c r="CB39" s="70">
        <v>0</v>
      </c>
      <c r="CC39" s="71">
        <v>0</v>
      </c>
      <c r="CD39" s="72">
        <v>0</v>
      </c>
      <c r="CE39" s="241"/>
      <c r="CF39" s="71">
        <v>0</v>
      </c>
      <c r="CG39" s="71">
        <v>0</v>
      </c>
      <c r="CH39" s="71">
        <v>0</v>
      </c>
      <c r="CI39" s="71">
        <v>0</v>
      </c>
      <c r="CJ39" s="71">
        <v>0</v>
      </c>
      <c r="CK39" s="72">
        <v>0</v>
      </c>
      <c r="CL39" s="73">
        <v>0</v>
      </c>
      <c r="CM39" s="70">
        <v>2</v>
      </c>
      <c r="CN39" s="71">
        <v>11</v>
      </c>
      <c r="CO39" s="72">
        <v>13</v>
      </c>
      <c r="CP39" s="241"/>
      <c r="CQ39" s="71">
        <v>12</v>
      </c>
      <c r="CR39" s="71">
        <v>10</v>
      </c>
      <c r="CS39" s="71">
        <v>8</v>
      </c>
      <c r="CT39" s="71">
        <v>8</v>
      </c>
      <c r="CU39" s="71">
        <v>3</v>
      </c>
      <c r="CV39" s="72">
        <v>41</v>
      </c>
      <c r="CW39" s="73">
        <v>54</v>
      </c>
      <c r="CX39" s="123">
        <v>2</v>
      </c>
      <c r="CY39" s="82">
        <v>3</v>
      </c>
      <c r="CZ39" s="83">
        <v>5</v>
      </c>
      <c r="DA39" s="241"/>
      <c r="DB39" s="82">
        <v>0</v>
      </c>
      <c r="DC39" s="82">
        <v>0</v>
      </c>
      <c r="DD39" s="82">
        <v>0</v>
      </c>
      <c r="DE39" s="82">
        <v>0</v>
      </c>
      <c r="DF39" s="82">
        <v>5</v>
      </c>
      <c r="DG39" s="84">
        <v>5</v>
      </c>
      <c r="DH39" s="85">
        <v>10</v>
      </c>
      <c r="DI39" s="70">
        <v>0</v>
      </c>
      <c r="DJ39" s="71">
        <v>0</v>
      </c>
      <c r="DK39" s="72">
        <v>0</v>
      </c>
      <c r="DL39" s="241"/>
      <c r="DM39" s="71">
        <v>0</v>
      </c>
      <c r="DN39" s="71">
        <v>0</v>
      </c>
      <c r="DO39" s="71">
        <v>0</v>
      </c>
      <c r="DP39" s="71">
        <v>0</v>
      </c>
      <c r="DQ39" s="71">
        <v>0</v>
      </c>
      <c r="DR39" s="72">
        <v>0</v>
      </c>
      <c r="DS39" s="73">
        <v>0</v>
      </c>
      <c r="DT39" s="70">
        <v>0</v>
      </c>
      <c r="DU39" s="71">
        <v>0</v>
      </c>
      <c r="DV39" s="72">
        <v>0</v>
      </c>
      <c r="DW39" s="241"/>
      <c r="DX39" s="71">
        <v>0</v>
      </c>
      <c r="DY39" s="71">
        <v>0</v>
      </c>
      <c r="DZ39" s="71">
        <v>0</v>
      </c>
      <c r="EA39" s="71">
        <v>0</v>
      </c>
      <c r="EB39" s="71">
        <v>0</v>
      </c>
      <c r="EC39" s="72">
        <v>0</v>
      </c>
      <c r="ED39" s="73">
        <v>0</v>
      </c>
      <c r="EE39" s="70">
        <v>0</v>
      </c>
      <c r="EF39" s="71">
        <v>0</v>
      </c>
      <c r="EG39" s="72">
        <v>0</v>
      </c>
      <c r="EH39" s="241"/>
      <c r="EI39" s="71">
        <v>0</v>
      </c>
      <c r="EJ39" s="71">
        <v>0</v>
      </c>
      <c r="EK39" s="71">
        <v>0</v>
      </c>
      <c r="EL39" s="71">
        <v>0</v>
      </c>
      <c r="EM39" s="71">
        <v>0</v>
      </c>
      <c r="EN39" s="72">
        <v>0</v>
      </c>
      <c r="EO39" s="73">
        <v>0</v>
      </c>
      <c r="EP39" s="70">
        <v>0</v>
      </c>
      <c r="EQ39" s="71">
        <v>2</v>
      </c>
      <c r="ER39" s="72">
        <v>2</v>
      </c>
      <c r="ES39" s="241"/>
      <c r="ET39" s="71">
        <v>0</v>
      </c>
      <c r="EU39" s="71">
        <v>0</v>
      </c>
      <c r="EV39" s="71">
        <v>0</v>
      </c>
      <c r="EW39" s="71">
        <v>0</v>
      </c>
      <c r="EX39" s="71">
        <v>0</v>
      </c>
      <c r="EY39" s="72">
        <v>0</v>
      </c>
      <c r="EZ39" s="73">
        <v>2</v>
      </c>
      <c r="FA39" s="70">
        <v>1</v>
      </c>
      <c r="FB39" s="71">
        <v>1</v>
      </c>
      <c r="FC39" s="72">
        <v>2</v>
      </c>
      <c r="FD39" s="241"/>
      <c r="FE39" s="71">
        <v>0</v>
      </c>
      <c r="FF39" s="71">
        <v>0</v>
      </c>
      <c r="FG39" s="71">
        <v>0</v>
      </c>
      <c r="FH39" s="71">
        <v>0</v>
      </c>
      <c r="FI39" s="71">
        <v>1</v>
      </c>
      <c r="FJ39" s="72">
        <v>1</v>
      </c>
      <c r="FK39" s="73">
        <v>3</v>
      </c>
      <c r="FL39" s="70">
        <v>1</v>
      </c>
      <c r="FM39" s="71">
        <v>0</v>
      </c>
      <c r="FN39" s="72">
        <v>1</v>
      </c>
      <c r="FO39" s="241"/>
      <c r="FP39" s="71">
        <v>0</v>
      </c>
      <c r="FQ39" s="71">
        <v>0</v>
      </c>
      <c r="FR39" s="71">
        <v>0</v>
      </c>
      <c r="FS39" s="71">
        <v>0</v>
      </c>
      <c r="FT39" s="71">
        <v>4</v>
      </c>
      <c r="FU39" s="72">
        <v>4</v>
      </c>
      <c r="FV39" s="73">
        <v>5</v>
      </c>
      <c r="FW39" s="70">
        <v>0</v>
      </c>
      <c r="FX39" s="71">
        <v>0</v>
      </c>
      <c r="FY39" s="72">
        <v>0</v>
      </c>
      <c r="FZ39" s="241"/>
      <c r="GA39" s="71">
        <v>0</v>
      </c>
      <c r="GB39" s="71">
        <v>0</v>
      </c>
      <c r="GC39" s="71">
        <v>0</v>
      </c>
      <c r="GD39" s="71">
        <v>0</v>
      </c>
      <c r="GE39" s="71">
        <v>0</v>
      </c>
      <c r="GF39" s="72">
        <v>0</v>
      </c>
      <c r="GG39" s="73">
        <v>0</v>
      </c>
      <c r="GH39" s="70">
        <v>2</v>
      </c>
      <c r="GI39" s="71">
        <v>3</v>
      </c>
      <c r="GJ39" s="72">
        <v>5</v>
      </c>
      <c r="GK39" s="241"/>
      <c r="GL39" s="71">
        <v>0</v>
      </c>
      <c r="GM39" s="71">
        <v>0</v>
      </c>
      <c r="GN39" s="71">
        <v>0</v>
      </c>
      <c r="GO39" s="71">
        <v>0</v>
      </c>
      <c r="GP39" s="71">
        <v>5</v>
      </c>
      <c r="GQ39" s="72">
        <v>5</v>
      </c>
      <c r="GR39" s="73">
        <v>10</v>
      </c>
      <c r="GS39" s="123">
        <v>4</v>
      </c>
      <c r="GT39" s="82">
        <v>14</v>
      </c>
      <c r="GU39" s="83">
        <v>18</v>
      </c>
      <c r="GV39" s="241"/>
      <c r="GW39" s="82">
        <v>12</v>
      </c>
      <c r="GX39" s="82">
        <v>10</v>
      </c>
      <c r="GY39" s="82">
        <v>8</v>
      </c>
      <c r="GZ39" s="82">
        <v>8</v>
      </c>
      <c r="HA39" s="82">
        <v>8</v>
      </c>
      <c r="HB39" s="84">
        <v>46</v>
      </c>
      <c r="HC39" s="85">
        <v>64</v>
      </c>
      <c r="HD39" s="70">
        <v>0</v>
      </c>
      <c r="HE39" s="71">
        <v>0</v>
      </c>
      <c r="HF39" s="72">
        <v>0</v>
      </c>
      <c r="HG39" s="241"/>
      <c r="HH39" s="71">
        <v>1</v>
      </c>
      <c r="HI39" s="71">
        <v>2</v>
      </c>
      <c r="HJ39" s="71">
        <v>1</v>
      </c>
      <c r="HK39" s="71">
        <v>0</v>
      </c>
      <c r="HL39" s="71">
        <v>0</v>
      </c>
      <c r="HM39" s="72">
        <v>4</v>
      </c>
      <c r="HN39" s="73">
        <v>4</v>
      </c>
      <c r="HO39" s="70">
        <v>1</v>
      </c>
      <c r="HP39" s="71">
        <v>0</v>
      </c>
      <c r="HQ39" s="72">
        <v>1</v>
      </c>
      <c r="HR39" s="241"/>
      <c r="HS39" s="71">
        <v>1</v>
      </c>
      <c r="HT39" s="71">
        <v>0</v>
      </c>
      <c r="HU39" s="71">
        <v>0</v>
      </c>
      <c r="HV39" s="71">
        <v>3</v>
      </c>
      <c r="HW39" s="71">
        <v>0</v>
      </c>
      <c r="HX39" s="72">
        <v>4</v>
      </c>
      <c r="HY39" s="73">
        <v>5</v>
      </c>
      <c r="HZ39" s="70">
        <v>0</v>
      </c>
      <c r="IA39" s="71">
        <v>2</v>
      </c>
      <c r="IB39" s="72">
        <v>2</v>
      </c>
      <c r="IC39" s="241"/>
      <c r="ID39" s="71">
        <v>1</v>
      </c>
      <c r="IE39" s="71">
        <v>1</v>
      </c>
      <c r="IF39" s="71">
        <v>1</v>
      </c>
      <c r="IG39" s="71">
        <v>0</v>
      </c>
      <c r="IH39" s="71">
        <v>0</v>
      </c>
      <c r="II39" s="72">
        <v>3</v>
      </c>
      <c r="IJ39" s="73">
        <v>5</v>
      </c>
      <c r="IK39" s="70">
        <v>0</v>
      </c>
      <c r="IL39" s="71">
        <v>4</v>
      </c>
      <c r="IM39" s="72">
        <v>4</v>
      </c>
      <c r="IN39" s="241"/>
      <c r="IO39" s="71">
        <v>1</v>
      </c>
      <c r="IP39" s="71">
        <v>1</v>
      </c>
      <c r="IQ39" s="71">
        <v>0</v>
      </c>
      <c r="IR39" s="71">
        <v>0</v>
      </c>
      <c r="IS39" s="71">
        <v>1</v>
      </c>
      <c r="IT39" s="72">
        <v>3</v>
      </c>
      <c r="IU39" s="73">
        <v>7</v>
      </c>
      <c r="IV39" s="70">
        <v>1</v>
      </c>
      <c r="IW39" s="71">
        <v>6</v>
      </c>
      <c r="IX39" s="72">
        <v>7</v>
      </c>
      <c r="IY39" s="241"/>
      <c r="IZ39" s="71">
        <v>4</v>
      </c>
      <c r="JA39" s="71">
        <v>4</v>
      </c>
      <c r="JB39" s="71">
        <v>3</v>
      </c>
      <c r="JC39" s="71">
        <v>4</v>
      </c>
      <c r="JD39" s="71">
        <v>2</v>
      </c>
      <c r="JE39" s="72">
        <v>17</v>
      </c>
      <c r="JF39" s="73">
        <v>24</v>
      </c>
      <c r="JG39" s="70">
        <v>2</v>
      </c>
      <c r="JH39" s="71">
        <v>2</v>
      </c>
      <c r="JI39" s="72">
        <v>4</v>
      </c>
      <c r="JJ39" s="244">
        <v>0</v>
      </c>
      <c r="JK39" s="71">
        <v>4</v>
      </c>
      <c r="JL39" s="71">
        <v>2</v>
      </c>
      <c r="JM39" s="71">
        <v>3</v>
      </c>
      <c r="JN39" s="71">
        <v>1</v>
      </c>
      <c r="JO39" s="71">
        <v>5</v>
      </c>
      <c r="JP39" s="72">
        <v>15</v>
      </c>
      <c r="JQ39" s="73">
        <v>19</v>
      </c>
      <c r="JR39" s="70">
        <v>0</v>
      </c>
      <c r="JS39" s="71">
        <v>0</v>
      </c>
      <c r="JT39" s="72">
        <v>0</v>
      </c>
      <c r="JU39" s="241"/>
      <c r="JV39" s="71">
        <v>0</v>
      </c>
      <c r="JW39" s="71">
        <v>0</v>
      </c>
      <c r="JX39" s="71">
        <v>0</v>
      </c>
      <c r="JY39" s="71">
        <v>0</v>
      </c>
      <c r="JZ39" s="71">
        <v>0</v>
      </c>
      <c r="KA39" s="72">
        <v>0</v>
      </c>
      <c r="KB39" s="73">
        <v>0</v>
      </c>
      <c r="KC39" s="70">
        <v>4</v>
      </c>
      <c r="KD39" s="71">
        <v>14</v>
      </c>
      <c r="KE39" s="72">
        <v>18</v>
      </c>
      <c r="KF39" s="241"/>
      <c r="KG39" s="71">
        <v>12</v>
      </c>
      <c r="KH39" s="71">
        <v>10</v>
      </c>
      <c r="KI39" s="71">
        <v>8</v>
      </c>
      <c r="KJ39" s="71">
        <v>8</v>
      </c>
      <c r="KK39" s="71">
        <v>8</v>
      </c>
      <c r="KL39" s="72">
        <v>46</v>
      </c>
      <c r="KM39" s="73">
        <v>64</v>
      </c>
    </row>
    <row r="40" spans="2:299" ht="19.5" customHeight="1" thickBot="1" x14ac:dyDescent="0.25">
      <c r="B40" s="127" t="s">
        <v>37</v>
      </c>
      <c r="C40" s="317">
        <v>1</v>
      </c>
      <c r="D40" s="87">
        <v>0</v>
      </c>
      <c r="E40" s="88">
        <v>1</v>
      </c>
      <c r="F40" s="242"/>
      <c r="G40" s="87">
        <v>1</v>
      </c>
      <c r="H40" s="87">
        <v>2</v>
      </c>
      <c r="I40" s="87">
        <v>1</v>
      </c>
      <c r="J40" s="87">
        <v>0</v>
      </c>
      <c r="K40" s="87">
        <v>1</v>
      </c>
      <c r="L40" s="89">
        <v>5</v>
      </c>
      <c r="M40" s="90">
        <v>6</v>
      </c>
      <c r="N40" s="74">
        <v>0</v>
      </c>
      <c r="O40" s="75">
        <v>0</v>
      </c>
      <c r="P40" s="76">
        <v>0</v>
      </c>
      <c r="Q40" s="242"/>
      <c r="R40" s="75">
        <v>0</v>
      </c>
      <c r="S40" s="75">
        <v>0</v>
      </c>
      <c r="T40" s="75">
        <v>0</v>
      </c>
      <c r="U40" s="75">
        <v>0</v>
      </c>
      <c r="V40" s="75">
        <v>0</v>
      </c>
      <c r="W40" s="76">
        <v>0</v>
      </c>
      <c r="X40" s="77">
        <v>0</v>
      </c>
      <c r="Y40" s="74">
        <v>1</v>
      </c>
      <c r="Z40" s="75">
        <v>0</v>
      </c>
      <c r="AA40" s="76">
        <v>1</v>
      </c>
      <c r="AB40" s="242"/>
      <c r="AC40" s="75">
        <v>0</v>
      </c>
      <c r="AD40" s="75">
        <v>0</v>
      </c>
      <c r="AE40" s="75">
        <v>1</v>
      </c>
      <c r="AF40" s="75">
        <v>0</v>
      </c>
      <c r="AG40" s="75">
        <v>0</v>
      </c>
      <c r="AH40" s="76">
        <v>1</v>
      </c>
      <c r="AI40" s="77">
        <v>2</v>
      </c>
      <c r="AJ40" s="74">
        <v>0</v>
      </c>
      <c r="AK40" s="75">
        <v>0</v>
      </c>
      <c r="AL40" s="76">
        <v>0</v>
      </c>
      <c r="AM40" s="242"/>
      <c r="AN40" s="75">
        <v>0</v>
      </c>
      <c r="AO40" s="75">
        <v>1</v>
      </c>
      <c r="AP40" s="75">
        <v>0</v>
      </c>
      <c r="AQ40" s="75">
        <v>0</v>
      </c>
      <c r="AR40" s="75">
        <v>0</v>
      </c>
      <c r="AS40" s="76">
        <v>1</v>
      </c>
      <c r="AT40" s="77">
        <v>1</v>
      </c>
      <c r="AU40" s="74">
        <v>0</v>
      </c>
      <c r="AV40" s="75">
        <v>0</v>
      </c>
      <c r="AW40" s="76">
        <v>0</v>
      </c>
      <c r="AX40" s="242"/>
      <c r="AY40" s="75">
        <v>1</v>
      </c>
      <c r="AZ40" s="75">
        <v>0</v>
      </c>
      <c r="BA40" s="75">
        <v>0</v>
      </c>
      <c r="BB40" s="75">
        <v>0</v>
      </c>
      <c r="BC40" s="75">
        <v>0</v>
      </c>
      <c r="BD40" s="76">
        <v>1</v>
      </c>
      <c r="BE40" s="77">
        <v>1</v>
      </c>
      <c r="BF40" s="74">
        <v>0</v>
      </c>
      <c r="BG40" s="75">
        <v>0</v>
      </c>
      <c r="BH40" s="76">
        <v>0</v>
      </c>
      <c r="BI40" s="242"/>
      <c r="BJ40" s="75">
        <v>0</v>
      </c>
      <c r="BK40" s="75">
        <v>1</v>
      </c>
      <c r="BL40" s="75">
        <v>0</v>
      </c>
      <c r="BM40" s="75">
        <v>0</v>
      </c>
      <c r="BN40" s="75">
        <v>1</v>
      </c>
      <c r="BO40" s="76">
        <v>2</v>
      </c>
      <c r="BP40" s="77">
        <v>2</v>
      </c>
      <c r="BQ40" s="74">
        <v>0</v>
      </c>
      <c r="BR40" s="75">
        <v>0</v>
      </c>
      <c r="BS40" s="76">
        <v>0</v>
      </c>
      <c r="BT40" s="242"/>
      <c r="BU40" s="75">
        <v>0</v>
      </c>
      <c r="BV40" s="75">
        <v>0</v>
      </c>
      <c r="BW40" s="75">
        <v>0</v>
      </c>
      <c r="BX40" s="75">
        <v>0</v>
      </c>
      <c r="BY40" s="75">
        <v>0</v>
      </c>
      <c r="BZ40" s="76">
        <v>0</v>
      </c>
      <c r="CA40" s="77">
        <v>0</v>
      </c>
      <c r="CB40" s="74">
        <v>0</v>
      </c>
      <c r="CC40" s="75">
        <v>0</v>
      </c>
      <c r="CD40" s="76">
        <v>0</v>
      </c>
      <c r="CE40" s="242"/>
      <c r="CF40" s="75">
        <v>0</v>
      </c>
      <c r="CG40" s="75">
        <v>0</v>
      </c>
      <c r="CH40" s="75">
        <v>0</v>
      </c>
      <c r="CI40" s="75">
        <v>0</v>
      </c>
      <c r="CJ40" s="75">
        <v>0</v>
      </c>
      <c r="CK40" s="76">
        <v>0</v>
      </c>
      <c r="CL40" s="77">
        <v>0</v>
      </c>
      <c r="CM40" s="74">
        <v>1</v>
      </c>
      <c r="CN40" s="75">
        <v>0</v>
      </c>
      <c r="CO40" s="76">
        <v>1</v>
      </c>
      <c r="CP40" s="242"/>
      <c r="CQ40" s="75">
        <v>1</v>
      </c>
      <c r="CR40" s="75">
        <v>2</v>
      </c>
      <c r="CS40" s="75">
        <v>1</v>
      </c>
      <c r="CT40" s="75">
        <v>0</v>
      </c>
      <c r="CU40" s="75">
        <v>1</v>
      </c>
      <c r="CV40" s="76">
        <v>5</v>
      </c>
      <c r="CW40" s="77">
        <v>6</v>
      </c>
      <c r="CX40" s="124">
        <v>0</v>
      </c>
      <c r="CY40" s="87">
        <v>0</v>
      </c>
      <c r="CZ40" s="88">
        <v>0</v>
      </c>
      <c r="DA40" s="242"/>
      <c r="DB40" s="87">
        <v>0</v>
      </c>
      <c r="DC40" s="87">
        <v>0</v>
      </c>
      <c r="DD40" s="87">
        <v>0</v>
      </c>
      <c r="DE40" s="87">
        <v>1</v>
      </c>
      <c r="DF40" s="87">
        <v>0</v>
      </c>
      <c r="DG40" s="89">
        <v>1</v>
      </c>
      <c r="DH40" s="90">
        <v>1</v>
      </c>
      <c r="DI40" s="74">
        <v>0</v>
      </c>
      <c r="DJ40" s="75">
        <v>0</v>
      </c>
      <c r="DK40" s="76">
        <v>0</v>
      </c>
      <c r="DL40" s="242"/>
      <c r="DM40" s="75">
        <v>0</v>
      </c>
      <c r="DN40" s="75">
        <v>0</v>
      </c>
      <c r="DO40" s="75">
        <v>0</v>
      </c>
      <c r="DP40" s="75">
        <v>0</v>
      </c>
      <c r="DQ40" s="75">
        <v>0</v>
      </c>
      <c r="DR40" s="76">
        <v>0</v>
      </c>
      <c r="DS40" s="77">
        <v>0</v>
      </c>
      <c r="DT40" s="74">
        <v>0</v>
      </c>
      <c r="DU40" s="75">
        <v>0</v>
      </c>
      <c r="DV40" s="76">
        <v>0</v>
      </c>
      <c r="DW40" s="242"/>
      <c r="DX40" s="75">
        <v>0</v>
      </c>
      <c r="DY40" s="75">
        <v>0</v>
      </c>
      <c r="DZ40" s="75">
        <v>0</v>
      </c>
      <c r="EA40" s="75">
        <v>0</v>
      </c>
      <c r="EB40" s="75">
        <v>0</v>
      </c>
      <c r="EC40" s="76">
        <v>0</v>
      </c>
      <c r="ED40" s="77">
        <v>0</v>
      </c>
      <c r="EE40" s="74">
        <v>0</v>
      </c>
      <c r="EF40" s="75">
        <v>0</v>
      </c>
      <c r="EG40" s="76">
        <v>0</v>
      </c>
      <c r="EH40" s="242"/>
      <c r="EI40" s="75">
        <v>0</v>
      </c>
      <c r="EJ40" s="75">
        <v>0</v>
      </c>
      <c r="EK40" s="75">
        <v>0</v>
      </c>
      <c r="EL40" s="75">
        <v>0</v>
      </c>
      <c r="EM40" s="75">
        <v>0</v>
      </c>
      <c r="EN40" s="76">
        <v>0</v>
      </c>
      <c r="EO40" s="77">
        <v>0</v>
      </c>
      <c r="EP40" s="74">
        <v>0</v>
      </c>
      <c r="EQ40" s="75">
        <v>0</v>
      </c>
      <c r="ER40" s="76">
        <v>0</v>
      </c>
      <c r="ES40" s="242"/>
      <c r="ET40" s="75">
        <v>0</v>
      </c>
      <c r="EU40" s="75">
        <v>0</v>
      </c>
      <c r="EV40" s="75">
        <v>0</v>
      </c>
      <c r="EW40" s="75">
        <v>0</v>
      </c>
      <c r="EX40" s="75">
        <v>0</v>
      </c>
      <c r="EY40" s="76">
        <v>0</v>
      </c>
      <c r="EZ40" s="77">
        <v>0</v>
      </c>
      <c r="FA40" s="74">
        <v>0</v>
      </c>
      <c r="FB40" s="75">
        <v>0</v>
      </c>
      <c r="FC40" s="76">
        <v>0</v>
      </c>
      <c r="FD40" s="242"/>
      <c r="FE40" s="75">
        <v>0</v>
      </c>
      <c r="FF40" s="75">
        <v>0</v>
      </c>
      <c r="FG40" s="75">
        <v>0</v>
      </c>
      <c r="FH40" s="75">
        <v>0</v>
      </c>
      <c r="FI40" s="75">
        <v>0</v>
      </c>
      <c r="FJ40" s="76">
        <v>0</v>
      </c>
      <c r="FK40" s="77">
        <v>0</v>
      </c>
      <c r="FL40" s="74">
        <v>0</v>
      </c>
      <c r="FM40" s="75">
        <v>0</v>
      </c>
      <c r="FN40" s="76">
        <v>0</v>
      </c>
      <c r="FO40" s="242"/>
      <c r="FP40" s="75">
        <v>0</v>
      </c>
      <c r="FQ40" s="75">
        <v>0</v>
      </c>
      <c r="FR40" s="75">
        <v>0</v>
      </c>
      <c r="FS40" s="75">
        <v>1</v>
      </c>
      <c r="FT40" s="75">
        <v>0</v>
      </c>
      <c r="FU40" s="76">
        <v>1</v>
      </c>
      <c r="FV40" s="77">
        <v>1</v>
      </c>
      <c r="FW40" s="74">
        <v>0</v>
      </c>
      <c r="FX40" s="75">
        <v>0</v>
      </c>
      <c r="FY40" s="76">
        <v>0</v>
      </c>
      <c r="FZ40" s="242"/>
      <c r="GA40" s="75">
        <v>0</v>
      </c>
      <c r="GB40" s="75">
        <v>0</v>
      </c>
      <c r="GC40" s="75">
        <v>0</v>
      </c>
      <c r="GD40" s="75">
        <v>0</v>
      </c>
      <c r="GE40" s="75">
        <v>0</v>
      </c>
      <c r="GF40" s="76">
        <v>0</v>
      </c>
      <c r="GG40" s="77">
        <v>0</v>
      </c>
      <c r="GH40" s="74">
        <v>0</v>
      </c>
      <c r="GI40" s="75">
        <v>0</v>
      </c>
      <c r="GJ40" s="76">
        <v>0</v>
      </c>
      <c r="GK40" s="242"/>
      <c r="GL40" s="75">
        <v>0</v>
      </c>
      <c r="GM40" s="75">
        <v>0</v>
      </c>
      <c r="GN40" s="75">
        <v>0</v>
      </c>
      <c r="GO40" s="75">
        <v>1</v>
      </c>
      <c r="GP40" s="75">
        <v>0</v>
      </c>
      <c r="GQ40" s="76">
        <v>1</v>
      </c>
      <c r="GR40" s="77">
        <v>1</v>
      </c>
      <c r="GS40" s="124">
        <v>1</v>
      </c>
      <c r="GT40" s="87">
        <v>0</v>
      </c>
      <c r="GU40" s="88">
        <v>1</v>
      </c>
      <c r="GV40" s="242"/>
      <c r="GW40" s="87">
        <v>1</v>
      </c>
      <c r="GX40" s="87">
        <v>2</v>
      </c>
      <c r="GY40" s="87">
        <v>1</v>
      </c>
      <c r="GZ40" s="87">
        <v>1</v>
      </c>
      <c r="HA40" s="87">
        <v>1</v>
      </c>
      <c r="HB40" s="89">
        <v>6</v>
      </c>
      <c r="HC40" s="90">
        <v>7</v>
      </c>
      <c r="HD40" s="74">
        <v>0</v>
      </c>
      <c r="HE40" s="75">
        <v>0</v>
      </c>
      <c r="HF40" s="76">
        <v>0</v>
      </c>
      <c r="HG40" s="242"/>
      <c r="HH40" s="75">
        <v>0</v>
      </c>
      <c r="HI40" s="75">
        <v>0</v>
      </c>
      <c r="HJ40" s="75">
        <v>0</v>
      </c>
      <c r="HK40" s="75">
        <v>0</v>
      </c>
      <c r="HL40" s="75">
        <v>0</v>
      </c>
      <c r="HM40" s="76">
        <v>0</v>
      </c>
      <c r="HN40" s="77">
        <v>0</v>
      </c>
      <c r="HO40" s="74">
        <v>1</v>
      </c>
      <c r="HP40" s="75">
        <v>0</v>
      </c>
      <c r="HQ40" s="76">
        <v>1</v>
      </c>
      <c r="HR40" s="242"/>
      <c r="HS40" s="75">
        <v>0</v>
      </c>
      <c r="HT40" s="75">
        <v>0</v>
      </c>
      <c r="HU40" s="75">
        <v>1</v>
      </c>
      <c r="HV40" s="75">
        <v>0</v>
      </c>
      <c r="HW40" s="75">
        <v>0</v>
      </c>
      <c r="HX40" s="76">
        <v>1</v>
      </c>
      <c r="HY40" s="77">
        <v>2</v>
      </c>
      <c r="HZ40" s="74">
        <v>0</v>
      </c>
      <c r="IA40" s="75">
        <v>0</v>
      </c>
      <c r="IB40" s="76">
        <v>0</v>
      </c>
      <c r="IC40" s="242"/>
      <c r="ID40" s="75">
        <v>0</v>
      </c>
      <c r="IE40" s="75">
        <v>1</v>
      </c>
      <c r="IF40" s="75">
        <v>0</v>
      </c>
      <c r="IG40" s="75">
        <v>0</v>
      </c>
      <c r="IH40" s="75">
        <v>0</v>
      </c>
      <c r="II40" s="76">
        <v>1</v>
      </c>
      <c r="IJ40" s="77">
        <v>1</v>
      </c>
      <c r="IK40" s="74">
        <v>0</v>
      </c>
      <c r="IL40" s="75">
        <v>0</v>
      </c>
      <c r="IM40" s="76">
        <v>0</v>
      </c>
      <c r="IN40" s="242"/>
      <c r="IO40" s="75">
        <v>1</v>
      </c>
      <c r="IP40" s="75">
        <v>0</v>
      </c>
      <c r="IQ40" s="75">
        <v>0</v>
      </c>
      <c r="IR40" s="75">
        <v>0</v>
      </c>
      <c r="IS40" s="75">
        <v>0</v>
      </c>
      <c r="IT40" s="76">
        <v>1</v>
      </c>
      <c r="IU40" s="77">
        <v>1</v>
      </c>
      <c r="IV40" s="74">
        <v>0</v>
      </c>
      <c r="IW40" s="75">
        <v>0</v>
      </c>
      <c r="IX40" s="76">
        <v>0</v>
      </c>
      <c r="IY40" s="242"/>
      <c r="IZ40" s="75">
        <v>0</v>
      </c>
      <c r="JA40" s="75">
        <v>1</v>
      </c>
      <c r="JB40" s="75">
        <v>0</v>
      </c>
      <c r="JC40" s="75">
        <v>0</v>
      </c>
      <c r="JD40" s="75">
        <v>1</v>
      </c>
      <c r="JE40" s="76">
        <v>2</v>
      </c>
      <c r="JF40" s="77">
        <v>2</v>
      </c>
      <c r="JG40" s="74">
        <v>0</v>
      </c>
      <c r="JH40" s="75">
        <v>0</v>
      </c>
      <c r="JI40" s="76">
        <v>0</v>
      </c>
      <c r="JJ40" s="245">
        <v>0</v>
      </c>
      <c r="JK40" s="75">
        <v>0</v>
      </c>
      <c r="JL40" s="75">
        <v>0</v>
      </c>
      <c r="JM40" s="75">
        <v>0</v>
      </c>
      <c r="JN40" s="75">
        <v>1</v>
      </c>
      <c r="JO40" s="75">
        <v>0</v>
      </c>
      <c r="JP40" s="76">
        <v>1</v>
      </c>
      <c r="JQ40" s="77">
        <v>1</v>
      </c>
      <c r="JR40" s="74">
        <v>0</v>
      </c>
      <c r="JS40" s="75">
        <v>0</v>
      </c>
      <c r="JT40" s="76">
        <v>0</v>
      </c>
      <c r="JU40" s="242"/>
      <c r="JV40" s="75">
        <v>0</v>
      </c>
      <c r="JW40" s="75">
        <v>0</v>
      </c>
      <c r="JX40" s="75">
        <v>0</v>
      </c>
      <c r="JY40" s="75">
        <v>0</v>
      </c>
      <c r="JZ40" s="75">
        <v>0</v>
      </c>
      <c r="KA40" s="76">
        <v>0</v>
      </c>
      <c r="KB40" s="77">
        <v>0</v>
      </c>
      <c r="KC40" s="74">
        <v>1</v>
      </c>
      <c r="KD40" s="75">
        <v>0</v>
      </c>
      <c r="KE40" s="76">
        <v>1</v>
      </c>
      <c r="KF40" s="242"/>
      <c r="KG40" s="75">
        <v>1</v>
      </c>
      <c r="KH40" s="75">
        <v>2</v>
      </c>
      <c r="KI40" s="75">
        <v>1</v>
      </c>
      <c r="KJ40" s="75">
        <v>1</v>
      </c>
      <c r="KK40" s="75">
        <v>1</v>
      </c>
      <c r="KL40" s="76">
        <v>6</v>
      </c>
      <c r="KM40" s="77">
        <v>7</v>
      </c>
    </row>
    <row r="41" spans="2:299" ht="32.25" customHeight="1" x14ac:dyDescent="0.2">
      <c r="C41" s="311" t="s">
        <v>126</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4</v>
      </c>
      <c r="G1" s="524"/>
      <c r="H1" s="248">
        <f>第１表!G2</f>
        <v>7</v>
      </c>
      <c r="I1" s="523">
        <f>H1</f>
        <v>7</v>
      </c>
      <c r="J1" s="523"/>
    </row>
    <row r="2" spans="2:299" ht="24" customHeight="1" thickBot="1" x14ac:dyDescent="0.25">
      <c r="B2" s="20" t="s">
        <v>153</v>
      </c>
    </row>
    <row r="3" spans="2:299" ht="22.5" customHeight="1" thickBot="1" x14ac:dyDescent="0.25">
      <c r="B3" s="510" t="s">
        <v>38</v>
      </c>
      <c r="C3" s="505" t="s">
        <v>96</v>
      </c>
      <c r="D3" s="505"/>
      <c r="E3" s="505"/>
      <c r="F3" s="505"/>
      <c r="G3" s="505"/>
      <c r="H3" s="505"/>
      <c r="I3" s="505"/>
      <c r="J3" s="505"/>
      <c r="K3" s="505"/>
      <c r="L3" s="505"/>
      <c r="M3" s="505"/>
      <c r="N3" s="505"/>
      <c r="O3" s="505"/>
      <c r="P3" s="505"/>
      <c r="Q3" s="505"/>
      <c r="R3" s="505"/>
      <c r="S3" s="505"/>
      <c r="T3" s="505"/>
      <c r="U3" s="505"/>
      <c r="V3" s="505"/>
      <c r="W3" s="505"/>
      <c r="X3" s="505"/>
      <c r="Y3" s="505"/>
      <c r="Z3" s="505"/>
      <c r="AA3" s="505"/>
      <c r="AB3" s="505"/>
      <c r="AC3" s="505"/>
      <c r="AD3" s="505"/>
      <c r="AE3" s="505"/>
      <c r="AF3" s="505"/>
      <c r="AG3" s="505"/>
      <c r="AH3" s="505"/>
      <c r="AI3" s="505"/>
      <c r="AJ3" s="505"/>
      <c r="AK3" s="505"/>
      <c r="AL3" s="505"/>
      <c r="AM3" s="505"/>
      <c r="AN3" s="505"/>
      <c r="AO3" s="505"/>
      <c r="AP3" s="505"/>
      <c r="AQ3" s="505"/>
      <c r="AR3" s="505"/>
      <c r="AS3" s="505"/>
      <c r="AT3" s="505"/>
      <c r="AU3" s="505"/>
      <c r="AV3" s="505"/>
      <c r="AW3" s="505"/>
      <c r="AX3" s="505"/>
      <c r="AY3" s="505"/>
      <c r="AZ3" s="505"/>
      <c r="BA3" s="505"/>
      <c r="BB3" s="505"/>
      <c r="BC3" s="505"/>
      <c r="BD3" s="505"/>
      <c r="BE3" s="505"/>
      <c r="BF3" s="505"/>
      <c r="BG3" s="505"/>
      <c r="BH3" s="505"/>
      <c r="BI3" s="505"/>
      <c r="BJ3" s="505"/>
      <c r="BK3" s="505"/>
      <c r="BL3" s="505"/>
      <c r="BM3" s="505"/>
      <c r="BN3" s="505"/>
      <c r="BO3" s="505"/>
      <c r="BP3" s="505"/>
      <c r="BQ3" s="505"/>
      <c r="BR3" s="505"/>
      <c r="BS3" s="505"/>
      <c r="BT3" s="505"/>
      <c r="BU3" s="505"/>
      <c r="BV3" s="505"/>
      <c r="BW3" s="505"/>
      <c r="BX3" s="505"/>
      <c r="BY3" s="505"/>
      <c r="BZ3" s="505"/>
      <c r="CA3" s="505"/>
      <c r="CB3" s="505"/>
      <c r="CC3" s="505"/>
      <c r="CD3" s="505"/>
      <c r="CE3" s="505"/>
      <c r="CF3" s="505"/>
      <c r="CG3" s="505"/>
      <c r="CH3" s="505"/>
      <c r="CI3" s="505"/>
      <c r="CJ3" s="505"/>
      <c r="CK3" s="505"/>
      <c r="CL3" s="505"/>
      <c r="CM3" s="505"/>
      <c r="CN3" s="505"/>
      <c r="CO3" s="505"/>
      <c r="CP3" s="505"/>
      <c r="CQ3" s="505"/>
      <c r="CR3" s="505"/>
      <c r="CS3" s="505"/>
      <c r="CT3" s="505"/>
      <c r="CU3" s="505"/>
      <c r="CV3" s="505"/>
      <c r="CW3" s="506"/>
      <c r="CX3" s="505" t="s">
        <v>103</v>
      </c>
      <c r="CY3" s="505"/>
      <c r="CZ3" s="505"/>
      <c r="DA3" s="505"/>
      <c r="DB3" s="505"/>
      <c r="DC3" s="505"/>
      <c r="DD3" s="505"/>
      <c r="DE3" s="505"/>
      <c r="DF3" s="505"/>
      <c r="DG3" s="505"/>
      <c r="DH3" s="505"/>
      <c r="DI3" s="505"/>
      <c r="DJ3" s="505"/>
      <c r="DK3" s="505"/>
      <c r="DL3" s="505"/>
      <c r="DM3" s="505"/>
      <c r="DN3" s="505"/>
      <c r="DO3" s="505"/>
      <c r="DP3" s="505"/>
      <c r="DQ3" s="505"/>
      <c r="DR3" s="505"/>
      <c r="DS3" s="505"/>
      <c r="DT3" s="505"/>
      <c r="DU3" s="505"/>
      <c r="DV3" s="505"/>
      <c r="DW3" s="505"/>
      <c r="DX3" s="505"/>
      <c r="DY3" s="505"/>
      <c r="DZ3" s="505"/>
      <c r="EA3" s="505"/>
      <c r="EB3" s="505"/>
      <c r="EC3" s="505"/>
      <c r="ED3" s="505"/>
      <c r="EE3" s="505"/>
      <c r="EF3" s="505"/>
      <c r="EG3" s="505"/>
      <c r="EH3" s="505"/>
      <c r="EI3" s="505"/>
      <c r="EJ3" s="505"/>
      <c r="EK3" s="505"/>
      <c r="EL3" s="505"/>
      <c r="EM3" s="505"/>
      <c r="EN3" s="505"/>
      <c r="EO3" s="505"/>
      <c r="EP3" s="505"/>
      <c r="EQ3" s="505"/>
      <c r="ER3" s="505"/>
      <c r="ES3" s="505"/>
      <c r="ET3" s="505"/>
      <c r="EU3" s="505"/>
      <c r="EV3" s="505"/>
      <c r="EW3" s="505"/>
      <c r="EX3" s="505"/>
      <c r="EY3" s="505"/>
      <c r="EZ3" s="505"/>
      <c r="FA3" s="505"/>
      <c r="FB3" s="505"/>
      <c r="FC3" s="505"/>
      <c r="FD3" s="505"/>
      <c r="FE3" s="505"/>
      <c r="FF3" s="505"/>
      <c r="FG3" s="505"/>
      <c r="FH3" s="505"/>
      <c r="FI3" s="505"/>
      <c r="FJ3" s="505"/>
      <c r="FK3" s="505"/>
      <c r="FL3" s="505"/>
      <c r="FM3" s="505"/>
      <c r="FN3" s="505"/>
      <c r="FO3" s="505"/>
      <c r="FP3" s="505"/>
      <c r="FQ3" s="505"/>
      <c r="FR3" s="505"/>
      <c r="FS3" s="505"/>
      <c r="FT3" s="505"/>
      <c r="FU3" s="505"/>
      <c r="FV3" s="505"/>
      <c r="FW3" s="505"/>
      <c r="FX3" s="505"/>
      <c r="FY3" s="505"/>
      <c r="FZ3" s="505"/>
      <c r="GA3" s="505"/>
      <c r="GB3" s="505"/>
      <c r="GC3" s="505"/>
      <c r="GD3" s="505"/>
      <c r="GE3" s="505"/>
      <c r="GF3" s="505"/>
      <c r="GG3" s="505"/>
      <c r="GH3" s="505"/>
      <c r="GI3" s="505"/>
      <c r="GJ3" s="505"/>
      <c r="GK3" s="505"/>
      <c r="GL3" s="505"/>
      <c r="GM3" s="505"/>
      <c r="GN3" s="505"/>
      <c r="GO3" s="505"/>
      <c r="GP3" s="505"/>
      <c r="GQ3" s="505"/>
      <c r="GR3" s="506"/>
      <c r="GS3" s="505" t="s">
        <v>104</v>
      </c>
      <c r="GT3" s="505"/>
      <c r="GU3" s="505"/>
      <c r="GV3" s="505"/>
      <c r="GW3" s="505"/>
      <c r="GX3" s="505"/>
      <c r="GY3" s="505"/>
      <c r="GZ3" s="505"/>
      <c r="HA3" s="505"/>
      <c r="HB3" s="505"/>
      <c r="HC3" s="505"/>
      <c r="HD3" s="505"/>
      <c r="HE3" s="505"/>
      <c r="HF3" s="505"/>
      <c r="HG3" s="505"/>
      <c r="HH3" s="505"/>
      <c r="HI3" s="505"/>
      <c r="HJ3" s="505"/>
      <c r="HK3" s="505"/>
      <c r="HL3" s="505"/>
      <c r="HM3" s="505"/>
      <c r="HN3" s="505"/>
      <c r="HO3" s="505"/>
      <c r="HP3" s="505"/>
      <c r="HQ3" s="505"/>
      <c r="HR3" s="505"/>
      <c r="HS3" s="505"/>
      <c r="HT3" s="505"/>
      <c r="HU3" s="505"/>
      <c r="HV3" s="505"/>
      <c r="HW3" s="505"/>
      <c r="HX3" s="505"/>
      <c r="HY3" s="505"/>
      <c r="HZ3" s="505"/>
      <c r="IA3" s="505"/>
      <c r="IB3" s="505"/>
      <c r="IC3" s="505"/>
      <c r="ID3" s="505"/>
      <c r="IE3" s="505"/>
      <c r="IF3" s="505"/>
      <c r="IG3" s="505"/>
      <c r="IH3" s="505"/>
      <c r="II3" s="505"/>
      <c r="IJ3" s="505"/>
      <c r="IK3" s="505"/>
      <c r="IL3" s="505"/>
      <c r="IM3" s="505"/>
      <c r="IN3" s="505"/>
      <c r="IO3" s="505"/>
      <c r="IP3" s="505"/>
      <c r="IQ3" s="505"/>
      <c r="IR3" s="505"/>
      <c r="IS3" s="505"/>
      <c r="IT3" s="505"/>
      <c r="IU3" s="505"/>
      <c r="IV3" s="505"/>
      <c r="IW3" s="505"/>
      <c r="IX3" s="505"/>
      <c r="IY3" s="505"/>
      <c r="IZ3" s="505"/>
      <c r="JA3" s="505"/>
      <c r="JB3" s="505"/>
      <c r="JC3" s="505"/>
      <c r="JD3" s="505"/>
      <c r="JE3" s="505"/>
      <c r="JF3" s="505"/>
      <c r="JG3" s="505"/>
      <c r="JH3" s="505"/>
      <c r="JI3" s="505"/>
      <c r="JJ3" s="505"/>
      <c r="JK3" s="505"/>
      <c r="JL3" s="505"/>
      <c r="JM3" s="505"/>
      <c r="JN3" s="505"/>
      <c r="JO3" s="505"/>
      <c r="JP3" s="505"/>
      <c r="JQ3" s="505"/>
      <c r="JR3" s="505"/>
      <c r="JS3" s="505"/>
      <c r="JT3" s="505"/>
      <c r="JU3" s="505"/>
      <c r="JV3" s="505"/>
      <c r="JW3" s="505"/>
      <c r="JX3" s="505"/>
      <c r="JY3" s="505"/>
      <c r="JZ3" s="505"/>
      <c r="KA3" s="505"/>
      <c r="KB3" s="505"/>
      <c r="KC3" s="505"/>
      <c r="KD3" s="505"/>
      <c r="KE3" s="505"/>
      <c r="KF3" s="505"/>
      <c r="KG3" s="505"/>
      <c r="KH3" s="505"/>
      <c r="KI3" s="505"/>
      <c r="KJ3" s="505"/>
      <c r="KK3" s="505"/>
      <c r="KL3" s="505"/>
      <c r="KM3" s="506"/>
    </row>
    <row r="4" spans="2:299" ht="27.75" customHeight="1" thickBot="1" x14ac:dyDescent="0.25">
      <c r="B4" s="522"/>
      <c r="C4" s="507" t="s">
        <v>39</v>
      </c>
      <c r="D4" s="508"/>
      <c r="E4" s="508"/>
      <c r="F4" s="508"/>
      <c r="G4" s="508"/>
      <c r="H4" s="508"/>
      <c r="I4" s="508"/>
      <c r="J4" s="508"/>
      <c r="K4" s="508"/>
      <c r="L4" s="508"/>
      <c r="M4" s="508"/>
      <c r="N4" s="508"/>
      <c r="O4" s="508"/>
      <c r="P4" s="508"/>
      <c r="Q4" s="508"/>
      <c r="R4" s="508"/>
      <c r="S4" s="508"/>
      <c r="T4" s="508"/>
      <c r="U4" s="508"/>
      <c r="V4" s="508"/>
      <c r="W4" s="508"/>
      <c r="X4" s="508"/>
      <c r="Y4" s="508"/>
      <c r="Z4" s="508"/>
      <c r="AA4" s="508"/>
      <c r="AB4" s="508"/>
      <c r="AC4" s="508"/>
      <c r="AD4" s="508"/>
      <c r="AE4" s="508"/>
      <c r="AF4" s="508"/>
      <c r="AG4" s="508"/>
      <c r="AH4" s="508"/>
      <c r="AI4" s="508"/>
      <c r="AJ4" s="508"/>
      <c r="AK4" s="508"/>
      <c r="AL4" s="508"/>
      <c r="AM4" s="508"/>
      <c r="AN4" s="508"/>
      <c r="AO4" s="508"/>
      <c r="AP4" s="508"/>
      <c r="AQ4" s="508"/>
      <c r="AR4" s="508"/>
      <c r="AS4" s="508"/>
      <c r="AT4" s="508"/>
      <c r="AU4" s="508"/>
      <c r="AV4" s="508"/>
      <c r="AW4" s="508"/>
      <c r="AX4" s="508"/>
      <c r="AY4" s="508"/>
      <c r="AZ4" s="508"/>
      <c r="BA4" s="508"/>
      <c r="BB4" s="508"/>
      <c r="BC4" s="508"/>
      <c r="BD4" s="508"/>
      <c r="BE4" s="508"/>
      <c r="BF4" s="508"/>
      <c r="BG4" s="508"/>
      <c r="BH4" s="508"/>
      <c r="BI4" s="508"/>
      <c r="BJ4" s="508"/>
      <c r="BK4" s="508"/>
      <c r="BL4" s="508"/>
      <c r="BM4" s="508"/>
      <c r="BN4" s="508"/>
      <c r="BO4" s="508"/>
      <c r="BP4" s="508"/>
      <c r="BQ4" s="508"/>
      <c r="BR4" s="508"/>
      <c r="BS4" s="508"/>
      <c r="BT4" s="508"/>
      <c r="BU4" s="508"/>
      <c r="BV4" s="508"/>
      <c r="BW4" s="508"/>
      <c r="BX4" s="508"/>
      <c r="BY4" s="508"/>
      <c r="BZ4" s="508"/>
      <c r="CA4" s="509"/>
      <c r="CB4" s="510" t="s">
        <v>40</v>
      </c>
      <c r="CC4" s="511"/>
      <c r="CD4" s="511"/>
      <c r="CE4" s="511"/>
      <c r="CF4" s="511"/>
      <c r="CG4" s="511"/>
      <c r="CH4" s="511"/>
      <c r="CI4" s="511"/>
      <c r="CJ4" s="511"/>
      <c r="CK4" s="511"/>
      <c r="CL4" s="512"/>
      <c r="CM4" s="510" t="s">
        <v>41</v>
      </c>
      <c r="CN4" s="511"/>
      <c r="CO4" s="511"/>
      <c r="CP4" s="511"/>
      <c r="CQ4" s="511"/>
      <c r="CR4" s="511"/>
      <c r="CS4" s="511"/>
      <c r="CT4" s="511"/>
      <c r="CU4" s="511"/>
      <c r="CV4" s="511"/>
      <c r="CW4" s="512"/>
      <c r="CX4" s="507" t="s">
        <v>39</v>
      </c>
      <c r="CY4" s="508"/>
      <c r="CZ4" s="508"/>
      <c r="DA4" s="508"/>
      <c r="DB4" s="508"/>
      <c r="DC4" s="508"/>
      <c r="DD4" s="508"/>
      <c r="DE4" s="508"/>
      <c r="DF4" s="508"/>
      <c r="DG4" s="508"/>
      <c r="DH4" s="508"/>
      <c r="DI4" s="508"/>
      <c r="DJ4" s="508"/>
      <c r="DK4" s="508"/>
      <c r="DL4" s="508"/>
      <c r="DM4" s="508"/>
      <c r="DN4" s="508"/>
      <c r="DO4" s="508"/>
      <c r="DP4" s="508"/>
      <c r="DQ4" s="508"/>
      <c r="DR4" s="508"/>
      <c r="DS4" s="508"/>
      <c r="DT4" s="508"/>
      <c r="DU4" s="508"/>
      <c r="DV4" s="508"/>
      <c r="DW4" s="508"/>
      <c r="DX4" s="508"/>
      <c r="DY4" s="508"/>
      <c r="DZ4" s="508"/>
      <c r="EA4" s="508"/>
      <c r="EB4" s="508"/>
      <c r="EC4" s="508"/>
      <c r="ED4" s="508"/>
      <c r="EE4" s="508"/>
      <c r="EF4" s="508"/>
      <c r="EG4" s="508"/>
      <c r="EH4" s="508"/>
      <c r="EI4" s="508"/>
      <c r="EJ4" s="508"/>
      <c r="EK4" s="508"/>
      <c r="EL4" s="508"/>
      <c r="EM4" s="508"/>
      <c r="EN4" s="508"/>
      <c r="EO4" s="508"/>
      <c r="EP4" s="508"/>
      <c r="EQ4" s="508"/>
      <c r="ER4" s="508"/>
      <c r="ES4" s="508"/>
      <c r="ET4" s="508"/>
      <c r="EU4" s="508"/>
      <c r="EV4" s="508"/>
      <c r="EW4" s="508"/>
      <c r="EX4" s="508"/>
      <c r="EY4" s="508"/>
      <c r="EZ4" s="508"/>
      <c r="FA4" s="508"/>
      <c r="FB4" s="508"/>
      <c r="FC4" s="508"/>
      <c r="FD4" s="508"/>
      <c r="FE4" s="508"/>
      <c r="FF4" s="508"/>
      <c r="FG4" s="508"/>
      <c r="FH4" s="508"/>
      <c r="FI4" s="508"/>
      <c r="FJ4" s="508"/>
      <c r="FK4" s="508"/>
      <c r="FL4" s="508"/>
      <c r="FM4" s="508"/>
      <c r="FN4" s="508"/>
      <c r="FO4" s="508"/>
      <c r="FP4" s="508"/>
      <c r="FQ4" s="508"/>
      <c r="FR4" s="508"/>
      <c r="FS4" s="508"/>
      <c r="FT4" s="508"/>
      <c r="FU4" s="508"/>
      <c r="FV4" s="509"/>
      <c r="FW4" s="510" t="s">
        <v>40</v>
      </c>
      <c r="FX4" s="511"/>
      <c r="FY4" s="511"/>
      <c r="FZ4" s="511"/>
      <c r="GA4" s="511"/>
      <c r="GB4" s="511"/>
      <c r="GC4" s="511"/>
      <c r="GD4" s="511"/>
      <c r="GE4" s="511"/>
      <c r="GF4" s="511"/>
      <c r="GG4" s="512"/>
      <c r="GH4" s="510" t="s">
        <v>41</v>
      </c>
      <c r="GI4" s="511"/>
      <c r="GJ4" s="511"/>
      <c r="GK4" s="511"/>
      <c r="GL4" s="511"/>
      <c r="GM4" s="511"/>
      <c r="GN4" s="511"/>
      <c r="GO4" s="511"/>
      <c r="GP4" s="511"/>
      <c r="GQ4" s="511"/>
      <c r="GR4" s="512"/>
      <c r="GS4" s="507" t="s">
        <v>39</v>
      </c>
      <c r="GT4" s="508"/>
      <c r="GU4" s="508"/>
      <c r="GV4" s="508"/>
      <c r="GW4" s="508"/>
      <c r="GX4" s="508"/>
      <c r="GY4" s="508"/>
      <c r="GZ4" s="508"/>
      <c r="HA4" s="508"/>
      <c r="HB4" s="508"/>
      <c r="HC4" s="508"/>
      <c r="HD4" s="508"/>
      <c r="HE4" s="508"/>
      <c r="HF4" s="508"/>
      <c r="HG4" s="508"/>
      <c r="HH4" s="508"/>
      <c r="HI4" s="508"/>
      <c r="HJ4" s="508"/>
      <c r="HK4" s="508"/>
      <c r="HL4" s="508"/>
      <c r="HM4" s="508"/>
      <c r="HN4" s="508"/>
      <c r="HO4" s="508"/>
      <c r="HP4" s="508"/>
      <c r="HQ4" s="508"/>
      <c r="HR4" s="508"/>
      <c r="HS4" s="508"/>
      <c r="HT4" s="508"/>
      <c r="HU4" s="508"/>
      <c r="HV4" s="508"/>
      <c r="HW4" s="508"/>
      <c r="HX4" s="508"/>
      <c r="HY4" s="508"/>
      <c r="HZ4" s="508"/>
      <c r="IA4" s="508"/>
      <c r="IB4" s="508"/>
      <c r="IC4" s="508"/>
      <c r="ID4" s="508"/>
      <c r="IE4" s="508"/>
      <c r="IF4" s="508"/>
      <c r="IG4" s="508"/>
      <c r="IH4" s="508"/>
      <c r="II4" s="508"/>
      <c r="IJ4" s="508"/>
      <c r="IK4" s="508"/>
      <c r="IL4" s="508"/>
      <c r="IM4" s="508"/>
      <c r="IN4" s="508"/>
      <c r="IO4" s="508"/>
      <c r="IP4" s="508"/>
      <c r="IQ4" s="508"/>
      <c r="IR4" s="508"/>
      <c r="IS4" s="508"/>
      <c r="IT4" s="508"/>
      <c r="IU4" s="508"/>
      <c r="IV4" s="508"/>
      <c r="IW4" s="508"/>
      <c r="IX4" s="508"/>
      <c r="IY4" s="508"/>
      <c r="IZ4" s="508"/>
      <c r="JA4" s="508"/>
      <c r="JB4" s="508"/>
      <c r="JC4" s="508"/>
      <c r="JD4" s="508"/>
      <c r="JE4" s="508"/>
      <c r="JF4" s="508"/>
      <c r="JG4" s="508"/>
      <c r="JH4" s="508"/>
      <c r="JI4" s="508"/>
      <c r="JJ4" s="508"/>
      <c r="JK4" s="508"/>
      <c r="JL4" s="508"/>
      <c r="JM4" s="508"/>
      <c r="JN4" s="508"/>
      <c r="JO4" s="508"/>
      <c r="JP4" s="508"/>
      <c r="JQ4" s="509"/>
      <c r="JR4" s="510" t="s">
        <v>40</v>
      </c>
      <c r="JS4" s="511"/>
      <c r="JT4" s="511"/>
      <c r="JU4" s="511"/>
      <c r="JV4" s="511"/>
      <c r="JW4" s="511"/>
      <c r="JX4" s="511"/>
      <c r="JY4" s="511"/>
      <c r="JZ4" s="511"/>
      <c r="KA4" s="511"/>
      <c r="KB4" s="512"/>
      <c r="KC4" s="510" t="s">
        <v>41</v>
      </c>
      <c r="KD4" s="511"/>
      <c r="KE4" s="511"/>
      <c r="KF4" s="511"/>
      <c r="KG4" s="511"/>
      <c r="KH4" s="511"/>
      <c r="KI4" s="511"/>
      <c r="KJ4" s="511"/>
      <c r="KK4" s="511"/>
      <c r="KL4" s="511"/>
      <c r="KM4" s="512"/>
    </row>
    <row r="5" spans="2:299" ht="27.75" customHeight="1" thickBot="1" x14ac:dyDescent="0.25">
      <c r="B5" s="516"/>
      <c r="C5" s="516"/>
      <c r="D5" s="517"/>
      <c r="E5" s="517"/>
      <c r="F5" s="517"/>
      <c r="G5" s="517"/>
      <c r="H5" s="517"/>
      <c r="I5" s="517"/>
      <c r="J5" s="517"/>
      <c r="K5" s="517"/>
      <c r="L5" s="517"/>
      <c r="M5" s="518"/>
      <c r="N5" s="519" t="s">
        <v>97</v>
      </c>
      <c r="O5" s="520"/>
      <c r="P5" s="520"/>
      <c r="Q5" s="520"/>
      <c r="R5" s="520"/>
      <c r="S5" s="520"/>
      <c r="T5" s="520"/>
      <c r="U5" s="520"/>
      <c r="V5" s="520"/>
      <c r="W5" s="520"/>
      <c r="X5" s="521"/>
      <c r="Y5" s="519" t="s">
        <v>98</v>
      </c>
      <c r="Z5" s="520"/>
      <c r="AA5" s="520"/>
      <c r="AB5" s="520"/>
      <c r="AC5" s="520"/>
      <c r="AD5" s="520"/>
      <c r="AE5" s="520"/>
      <c r="AF5" s="520"/>
      <c r="AG5" s="520"/>
      <c r="AH5" s="520"/>
      <c r="AI5" s="521"/>
      <c r="AJ5" s="519" t="s">
        <v>99</v>
      </c>
      <c r="AK5" s="520"/>
      <c r="AL5" s="520"/>
      <c r="AM5" s="520"/>
      <c r="AN5" s="520"/>
      <c r="AO5" s="520"/>
      <c r="AP5" s="520"/>
      <c r="AQ5" s="520"/>
      <c r="AR5" s="520"/>
      <c r="AS5" s="520"/>
      <c r="AT5" s="521"/>
      <c r="AU5" s="519" t="s">
        <v>100</v>
      </c>
      <c r="AV5" s="520"/>
      <c r="AW5" s="520"/>
      <c r="AX5" s="520"/>
      <c r="AY5" s="520"/>
      <c r="AZ5" s="520"/>
      <c r="BA5" s="520"/>
      <c r="BB5" s="520"/>
      <c r="BC5" s="520"/>
      <c r="BD5" s="520"/>
      <c r="BE5" s="521"/>
      <c r="BF5" s="519" t="s">
        <v>101</v>
      </c>
      <c r="BG5" s="520"/>
      <c r="BH5" s="520"/>
      <c r="BI5" s="520"/>
      <c r="BJ5" s="520"/>
      <c r="BK5" s="520"/>
      <c r="BL5" s="520"/>
      <c r="BM5" s="520"/>
      <c r="BN5" s="520"/>
      <c r="BO5" s="520"/>
      <c r="BP5" s="521"/>
      <c r="BQ5" s="519" t="s">
        <v>102</v>
      </c>
      <c r="BR5" s="520"/>
      <c r="BS5" s="520"/>
      <c r="BT5" s="520"/>
      <c r="BU5" s="520"/>
      <c r="BV5" s="520"/>
      <c r="BW5" s="520"/>
      <c r="BX5" s="520"/>
      <c r="BY5" s="520"/>
      <c r="BZ5" s="520"/>
      <c r="CA5" s="521"/>
      <c r="CB5" s="513"/>
      <c r="CC5" s="514"/>
      <c r="CD5" s="514"/>
      <c r="CE5" s="514"/>
      <c r="CF5" s="514"/>
      <c r="CG5" s="514"/>
      <c r="CH5" s="514"/>
      <c r="CI5" s="514"/>
      <c r="CJ5" s="514"/>
      <c r="CK5" s="514"/>
      <c r="CL5" s="515"/>
      <c r="CM5" s="513"/>
      <c r="CN5" s="514"/>
      <c r="CO5" s="514"/>
      <c r="CP5" s="514"/>
      <c r="CQ5" s="514"/>
      <c r="CR5" s="514"/>
      <c r="CS5" s="514"/>
      <c r="CT5" s="514"/>
      <c r="CU5" s="514"/>
      <c r="CV5" s="514"/>
      <c r="CW5" s="515"/>
      <c r="CX5" s="516"/>
      <c r="CY5" s="517"/>
      <c r="CZ5" s="517"/>
      <c r="DA5" s="517"/>
      <c r="DB5" s="517"/>
      <c r="DC5" s="517"/>
      <c r="DD5" s="517"/>
      <c r="DE5" s="517"/>
      <c r="DF5" s="517"/>
      <c r="DG5" s="517"/>
      <c r="DH5" s="518"/>
      <c r="DI5" s="519" t="s">
        <v>97</v>
      </c>
      <c r="DJ5" s="520"/>
      <c r="DK5" s="520"/>
      <c r="DL5" s="520"/>
      <c r="DM5" s="520"/>
      <c r="DN5" s="520"/>
      <c r="DO5" s="520"/>
      <c r="DP5" s="520"/>
      <c r="DQ5" s="520"/>
      <c r="DR5" s="520"/>
      <c r="DS5" s="521"/>
      <c r="DT5" s="519" t="s">
        <v>98</v>
      </c>
      <c r="DU5" s="520"/>
      <c r="DV5" s="520"/>
      <c r="DW5" s="520"/>
      <c r="DX5" s="520"/>
      <c r="DY5" s="520"/>
      <c r="DZ5" s="520"/>
      <c r="EA5" s="520"/>
      <c r="EB5" s="520"/>
      <c r="EC5" s="520"/>
      <c r="ED5" s="521"/>
      <c r="EE5" s="519" t="s">
        <v>99</v>
      </c>
      <c r="EF5" s="520"/>
      <c r="EG5" s="520"/>
      <c r="EH5" s="520"/>
      <c r="EI5" s="520"/>
      <c r="EJ5" s="520"/>
      <c r="EK5" s="520"/>
      <c r="EL5" s="520"/>
      <c r="EM5" s="520"/>
      <c r="EN5" s="520"/>
      <c r="EO5" s="521"/>
      <c r="EP5" s="519" t="s">
        <v>100</v>
      </c>
      <c r="EQ5" s="520"/>
      <c r="ER5" s="520"/>
      <c r="ES5" s="520"/>
      <c r="ET5" s="520"/>
      <c r="EU5" s="520"/>
      <c r="EV5" s="520"/>
      <c r="EW5" s="520"/>
      <c r="EX5" s="520"/>
      <c r="EY5" s="520"/>
      <c r="EZ5" s="521"/>
      <c r="FA5" s="519" t="s">
        <v>101</v>
      </c>
      <c r="FB5" s="520"/>
      <c r="FC5" s="520"/>
      <c r="FD5" s="520"/>
      <c r="FE5" s="520"/>
      <c r="FF5" s="520"/>
      <c r="FG5" s="520"/>
      <c r="FH5" s="520"/>
      <c r="FI5" s="520"/>
      <c r="FJ5" s="520"/>
      <c r="FK5" s="521"/>
      <c r="FL5" s="519" t="s">
        <v>102</v>
      </c>
      <c r="FM5" s="520"/>
      <c r="FN5" s="520"/>
      <c r="FO5" s="520"/>
      <c r="FP5" s="520"/>
      <c r="FQ5" s="520"/>
      <c r="FR5" s="520"/>
      <c r="FS5" s="520"/>
      <c r="FT5" s="520"/>
      <c r="FU5" s="520"/>
      <c r="FV5" s="521"/>
      <c r="FW5" s="513"/>
      <c r="FX5" s="514"/>
      <c r="FY5" s="514"/>
      <c r="FZ5" s="514"/>
      <c r="GA5" s="514"/>
      <c r="GB5" s="514"/>
      <c r="GC5" s="514"/>
      <c r="GD5" s="514"/>
      <c r="GE5" s="514"/>
      <c r="GF5" s="514"/>
      <c r="GG5" s="515"/>
      <c r="GH5" s="513"/>
      <c r="GI5" s="514"/>
      <c r="GJ5" s="514"/>
      <c r="GK5" s="514"/>
      <c r="GL5" s="514"/>
      <c r="GM5" s="514"/>
      <c r="GN5" s="514"/>
      <c r="GO5" s="514"/>
      <c r="GP5" s="514"/>
      <c r="GQ5" s="514"/>
      <c r="GR5" s="515"/>
      <c r="GS5" s="516"/>
      <c r="GT5" s="517"/>
      <c r="GU5" s="517"/>
      <c r="GV5" s="517"/>
      <c r="GW5" s="517"/>
      <c r="GX5" s="517"/>
      <c r="GY5" s="517"/>
      <c r="GZ5" s="517"/>
      <c r="HA5" s="517"/>
      <c r="HB5" s="517"/>
      <c r="HC5" s="518"/>
      <c r="HD5" s="519" t="s">
        <v>97</v>
      </c>
      <c r="HE5" s="520"/>
      <c r="HF5" s="520"/>
      <c r="HG5" s="520"/>
      <c r="HH5" s="520"/>
      <c r="HI5" s="520"/>
      <c r="HJ5" s="520"/>
      <c r="HK5" s="520"/>
      <c r="HL5" s="520"/>
      <c r="HM5" s="520"/>
      <c r="HN5" s="521"/>
      <c r="HO5" s="519" t="s">
        <v>98</v>
      </c>
      <c r="HP5" s="520"/>
      <c r="HQ5" s="520"/>
      <c r="HR5" s="520"/>
      <c r="HS5" s="520"/>
      <c r="HT5" s="520"/>
      <c r="HU5" s="520"/>
      <c r="HV5" s="520"/>
      <c r="HW5" s="520"/>
      <c r="HX5" s="520"/>
      <c r="HY5" s="521"/>
      <c r="HZ5" s="519" t="s">
        <v>99</v>
      </c>
      <c r="IA5" s="520"/>
      <c r="IB5" s="520"/>
      <c r="IC5" s="520"/>
      <c r="ID5" s="520"/>
      <c r="IE5" s="520"/>
      <c r="IF5" s="520"/>
      <c r="IG5" s="520"/>
      <c r="IH5" s="520"/>
      <c r="II5" s="520"/>
      <c r="IJ5" s="521"/>
      <c r="IK5" s="519" t="s">
        <v>100</v>
      </c>
      <c r="IL5" s="520"/>
      <c r="IM5" s="520"/>
      <c r="IN5" s="520"/>
      <c r="IO5" s="520"/>
      <c r="IP5" s="520"/>
      <c r="IQ5" s="520"/>
      <c r="IR5" s="520"/>
      <c r="IS5" s="520"/>
      <c r="IT5" s="520"/>
      <c r="IU5" s="521"/>
      <c r="IV5" s="519" t="s">
        <v>101</v>
      </c>
      <c r="IW5" s="520"/>
      <c r="IX5" s="520"/>
      <c r="IY5" s="520"/>
      <c r="IZ5" s="520"/>
      <c r="JA5" s="520"/>
      <c r="JB5" s="520"/>
      <c r="JC5" s="520"/>
      <c r="JD5" s="520"/>
      <c r="JE5" s="520"/>
      <c r="JF5" s="521"/>
      <c r="JG5" s="519" t="s">
        <v>102</v>
      </c>
      <c r="JH5" s="520"/>
      <c r="JI5" s="520"/>
      <c r="JJ5" s="520"/>
      <c r="JK5" s="520"/>
      <c r="JL5" s="520"/>
      <c r="JM5" s="520"/>
      <c r="JN5" s="520"/>
      <c r="JO5" s="520"/>
      <c r="JP5" s="520"/>
      <c r="JQ5" s="521"/>
      <c r="JR5" s="513"/>
      <c r="JS5" s="514"/>
      <c r="JT5" s="514"/>
      <c r="JU5" s="514"/>
      <c r="JV5" s="514"/>
      <c r="JW5" s="514"/>
      <c r="JX5" s="514"/>
      <c r="JY5" s="514"/>
      <c r="JZ5" s="514"/>
      <c r="KA5" s="514"/>
      <c r="KB5" s="515"/>
      <c r="KC5" s="513"/>
      <c r="KD5" s="514"/>
      <c r="KE5" s="514"/>
      <c r="KF5" s="514"/>
      <c r="KG5" s="514"/>
      <c r="KH5" s="514"/>
      <c r="KI5" s="514"/>
      <c r="KJ5" s="514"/>
      <c r="KK5" s="514"/>
      <c r="KL5" s="514"/>
      <c r="KM5" s="515"/>
    </row>
    <row r="6" spans="2:299" ht="44.25" customHeight="1" thickBot="1" x14ac:dyDescent="0.25">
      <c r="B6" s="354" t="s">
        <v>42</v>
      </c>
      <c r="C6" s="51" t="s">
        <v>43</v>
      </c>
      <c r="D6" s="47" t="s">
        <v>44</v>
      </c>
      <c r="E6" s="48" t="s">
        <v>45</v>
      </c>
      <c r="F6" s="52" t="s">
        <v>46</v>
      </c>
      <c r="G6" s="47" t="s">
        <v>47</v>
      </c>
      <c r="H6" s="47" t="s">
        <v>48</v>
      </c>
      <c r="I6" s="47" t="s">
        <v>49</v>
      </c>
      <c r="J6" s="47" t="s">
        <v>50</v>
      </c>
      <c r="K6" s="47" t="s">
        <v>51</v>
      </c>
      <c r="L6" s="48" t="s">
        <v>45</v>
      </c>
      <c r="M6" s="352" t="s">
        <v>52</v>
      </c>
      <c r="N6" s="357" t="s">
        <v>43</v>
      </c>
      <c r="O6" s="358" t="s">
        <v>44</v>
      </c>
      <c r="P6" s="359" t="s">
        <v>45</v>
      </c>
      <c r="Q6" s="360" t="s">
        <v>46</v>
      </c>
      <c r="R6" s="358" t="s">
        <v>47</v>
      </c>
      <c r="S6" s="358" t="s">
        <v>48</v>
      </c>
      <c r="T6" s="358" t="s">
        <v>49</v>
      </c>
      <c r="U6" s="358" t="s">
        <v>50</v>
      </c>
      <c r="V6" s="358" t="s">
        <v>51</v>
      </c>
      <c r="W6" s="359" t="s">
        <v>45</v>
      </c>
      <c r="X6" s="356" t="s">
        <v>52</v>
      </c>
      <c r="Y6" s="357" t="s">
        <v>43</v>
      </c>
      <c r="Z6" s="358" t="s">
        <v>44</v>
      </c>
      <c r="AA6" s="359" t="s">
        <v>45</v>
      </c>
      <c r="AB6" s="360" t="s">
        <v>46</v>
      </c>
      <c r="AC6" s="358" t="s">
        <v>47</v>
      </c>
      <c r="AD6" s="358" t="s">
        <v>48</v>
      </c>
      <c r="AE6" s="358" t="s">
        <v>49</v>
      </c>
      <c r="AF6" s="358" t="s">
        <v>50</v>
      </c>
      <c r="AG6" s="358" t="s">
        <v>51</v>
      </c>
      <c r="AH6" s="359" t="s">
        <v>45</v>
      </c>
      <c r="AI6" s="361" t="s">
        <v>52</v>
      </c>
      <c r="AJ6" s="357" t="s">
        <v>43</v>
      </c>
      <c r="AK6" s="358" t="s">
        <v>44</v>
      </c>
      <c r="AL6" s="359" t="s">
        <v>45</v>
      </c>
      <c r="AM6" s="360" t="s">
        <v>46</v>
      </c>
      <c r="AN6" s="358" t="s">
        <v>47</v>
      </c>
      <c r="AO6" s="358" t="s">
        <v>48</v>
      </c>
      <c r="AP6" s="358" t="s">
        <v>49</v>
      </c>
      <c r="AQ6" s="358" t="s">
        <v>50</v>
      </c>
      <c r="AR6" s="358" t="s">
        <v>51</v>
      </c>
      <c r="AS6" s="359" t="s">
        <v>45</v>
      </c>
      <c r="AT6" s="361" t="s">
        <v>52</v>
      </c>
      <c r="AU6" s="357" t="s">
        <v>43</v>
      </c>
      <c r="AV6" s="358" t="s">
        <v>44</v>
      </c>
      <c r="AW6" s="359" t="s">
        <v>45</v>
      </c>
      <c r="AX6" s="360" t="s">
        <v>46</v>
      </c>
      <c r="AY6" s="358" t="s">
        <v>47</v>
      </c>
      <c r="AZ6" s="358" t="s">
        <v>48</v>
      </c>
      <c r="BA6" s="358" t="s">
        <v>49</v>
      </c>
      <c r="BB6" s="358" t="s">
        <v>50</v>
      </c>
      <c r="BC6" s="358" t="s">
        <v>51</v>
      </c>
      <c r="BD6" s="359" t="s">
        <v>45</v>
      </c>
      <c r="BE6" s="361" t="s">
        <v>52</v>
      </c>
      <c r="BF6" s="357" t="s">
        <v>43</v>
      </c>
      <c r="BG6" s="358" t="s">
        <v>44</v>
      </c>
      <c r="BH6" s="359" t="s">
        <v>45</v>
      </c>
      <c r="BI6" s="360" t="s">
        <v>46</v>
      </c>
      <c r="BJ6" s="358" t="s">
        <v>47</v>
      </c>
      <c r="BK6" s="358" t="s">
        <v>48</v>
      </c>
      <c r="BL6" s="358" t="s">
        <v>49</v>
      </c>
      <c r="BM6" s="358" t="s">
        <v>50</v>
      </c>
      <c r="BN6" s="358" t="s">
        <v>51</v>
      </c>
      <c r="BO6" s="359" t="s">
        <v>45</v>
      </c>
      <c r="BP6" s="361" t="s">
        <v>52</v>
      </c>
      <c r="BQ6" s="357" t="s">
        <v>43</v>
      </c>
      <c r="BR6" s="358" t="s">
        <v>44</v>
      </c>
      <c r="BS6" s="359" t="s">
        <v>45</v>
      </c>
      <c r="BT6" s="360" t="s">
        <v>46</v>
      </c>
      <c r="BU6" s="358" t="s">
        <v>47</v>
      </c>
      <c r="BV6" s="358" t="s">
        <v>48</v>
      </c>
      <c r="BW6" s="358" t="s">
        <v>49</v>
      </c>
      <c r="BX6" s="358" t="s">
        <v>50</v>
      </c>
      <c r="BY6" s="358" t="s">
        <v>51</v>
      </c>
      <c r="BZ6" s="359" t="s">
        <v>45</v>
      </c>
      <c r="CA6" s="361" t="s">
        <v>52</v>
      </c>
      <c r="CB6" s="357" t="s">
        <v>43</v>
      </c>
      <c r="CC6" s="358" t="s">
        <v>44</v>
      </c>
      <c r="CD6" s="359" t="s">
        <v>45</v>
      </c>
      <c r="CE6" s="360" t="s">
        <v>46</v>
      </c>
      <c r="CF6" s="358" t="s">
        <v>47</v>
      </c>
      <c r="CG6" s="358" t="s">
        <v>48</v>
      </c>
      <c r="CH6" s="358" t="s">
        <v>49</v>
      </c>
      <c r="CI6" s="358" t="s">
        <v>50</v>
      </c>
      <c r="CJ6" s="358" t="s">
        <v>51</v>
      </c>
      <c r="CK6" s="359" t="s">
        <v>45</v>
      </c>
      <c r="CL6" s="361" t="s">
        <v>52</v>
      </c>
      <c r="CM6" s="357" t="s">
        <v>43</v>
      </c>
      <c r="CN6" s="358" t="s">
        <v>44</v>
      </c>
      <c r="CO6" s="359" t="s">
        <v>45</v>
      </c>
      <c r="CP6" s="360" t="s">
        <v>46</v>
      </c>
      <c r="CQ6" s="358" t="s">
        <v>47</v>
      </c>
      <c r="CR6" s="358" t="s">
        <v>48</v>
      </c>
      <c r="CS6" s="358" t="s">
        <v>49</v>
      </c>
      <c r="CT6" s="358" t="s">
        <v>50</v>
      </c>
      <c r="CU6" s="358" t="s">
        <v>51</v>
      </c>
      <c r="CV6" s="359" t="s">
        <v>45</v>
      </c>
      <c r="CW6" s="361" t="s">
        <v>52</v>
      </c>
      <c r="CX6" s="51" t="s">
        <v>43</v>
      </c>
      <c r="CY6" s="47" t="s">
        <v>44</v>
      </c>
      <c r="CZ6" s="48" t="s">
        <v>45</v>
      </c>
      <c r="DA6" s="52" t="s">
        <v>46</v>
      </c>
      <c r="DB6" s="47" t="s">
        <v>47</v>
      </c>
      <c r="DC6" s="47" t="s">
        <v>48</v>
      </c>
      <c r="DD6" s="47" t="s">
        <v>49</v>
      </c>
      <c r="DE6" s="47" t="s">
        <v>50</v>
      </c>
      <c r="DF6" s="47" t="s">
        <v>51</v>
      </c>
      <c r="DG6" s="48" t="s">
        <v>45</v>
      </c>
      <c r="DH6" s="352" t="s">
        <v>52</v>
      </c>
      <c r="DI6" s="357" t="s">
        <v>43</v>
      </c>
      <c r="DJ6" s="358" t="s">
        <v>44</v>
      </c>
      <c r="DK6" s="359" t="s">
        <v>45</v>
      </c>
      <c r="DL6" s="360" t="s">
        <v>46</v>
      </c>
      <c r="DM6" s="358" t="s">
        <v>47</v>
      </c>
      <c r="DN6" s="358" t="s">
        <v>48</v>
      </c>
      <c r="DO6" s="358" t="s">
        <v>49</v>
      </c>
      <c r="DP6" s="358" t="s">
        <v>50</v>
      </c>
      <c r="DQ6" s="358" t="s">
        <v>51</v>
      </c>
      <c r="DR6" s="359" t="s">
        <v>45</v>
      </c>
      <c r="DS6" s="361" t="s">
        <v>52</v>
      </c>
      <c r="DT6" s="357" t="s">
        <v>43</v>
      </c>
      <c r="DU6" s="358" t="s">
        <v>44</v>
      </c>
      <c r="DV6" s="359" t="s">
        <v>45</v>
      </c>
      <c r="DW6" s="360" t="s">
        <v>46</v>
      </c>
      <c r="DX6" s="358" t="s">
        <v>47</v>
      </c>
      <c r="DY6" s="358" t="s">
        <v>48</v>
      </c>
      <c r="DZ6" s="358" t="s">
        <v>49</v>
      </c>
      <c r="EA6" s="358" t="s">
        <v>50</v>
      </c>
      <c r="EB6" s="358" t="s">
        <v>51</v>
      </c>
      <c r="EC6" s="359" t="s">
        <v>45</v>
      </c>
      <c r="ED6" s="361" t="s">
        <v>52</v>
      </c>
      <c r="EE6" s="357" t="s">
        <v>43</v>
      </c>
      <c r="EF6" s="358" t="s">
        <v>44</v>
      </c>
      <c r="EG6" s="359" t="s">
        <v>45</v>
      </c>
      <c r="EH6" s="360" t="s">
        <v>46</v>
      </c>
      <c r="EI6" s="358" t="s">
        <v>47</v>
      </c>
      <c r="EJ6" s="358" t="s">
        <v>48</v>
      </c>
      <c r="EK6" s="358" t="s">
        <v>49</v>
      </c>
      <c r="EL6" s="358" t="s">
        <v>50</v>
      </c>
      <c r="EM6" s="358" t="s">
        <v>51</v>
      </c>
      <c r="EN6" s="359" t="s">
        <v>45</v>
      </c>
      <c r="EO6" s="361" t="s">
        <v>52</v>
      </c>
      <c r="EP6" s="357" t="s">
        <v>43</v>
      </c>
      <c r="EQ6" s="358" t="s">
        <v>44</v>
      </c>
      <c r="ER6" s="359" t="s">
        <v>45</v>
      </c>
      <c r="ES6" s="360" t="s">
        <v>46</v>
      </c>
      <c r="ET6" s="358" t="s">
        <v>47</v>
      </c>
      <c r="EU6" s="358" t="s">
        <v>48</v>
      </c>
      <c r="EV6" s="358" t="s">
        <v>49</v>
      </c>
      <c r="EW6" s="358" t="s">
        <v>50</v>
      </c>
      <c r="EX6" s="358" t="s">
        <v>51</v>
      </c>
      <c r="EY6" s="359" t="s">
        <v>45</v>
      </c>
      <c r="EZ6" s="361" t="s">
        <v>52</v>
      </c>
      <c r="FA6" s="357" t="s">
        <v>43</v>
      </c>
      <c r="FB6" s="358" t="s">
        <v>44</v>
      </c>
      <c r="FC6" s="359" t="s">
        <v>45</v>
      </c>
      <c r="FD6" s="360" t="s">
        <v>46</v>
      </c>
      <c r="FE6" s="358" t="s">
        <v>47</v>
      </c>
      <c r="FF6" s="358" t="s">
        <v>48</v>
      </c>
      <c r="FG6" s="358" t="s">
        <v>49</v>
      </c>
      <c r="FH6" s="358" t="s">
        <v>50</v>
      </c>
      <c r="FI6" s="358" t="s">
        <v>51</v>
      </c>
      <c r="FJ6" s="359" t="s">
        <v>45</v>
      </c>
      <c r="FK6" s="361" t="s">
        <v>52</v>
      </c>
      <c r="FL6" s="357" t="s">
        <v>43</v>
      </c>
      <c r="FM6" s="358" t="s">
        <v>44</v>
      </c>
      <c r="FN6" s="359" t="s">
        <v>45</v>
      </c>
      <c r="FO6" s="360" t="s">
        <v>46</v>
      </c>
      <c r="FP6" s="358" t="s">
        <v>47</v>
      </c>
      <c r="FQ6" s="358" t="s">
        <v>48</v>
      </c>
      <c r="FR6" s="358" t="s">
        <v>49</v>
      </c>
      <c r="FS6" s="358" t="s">
        <v>50</v>
      </c>
      <c r="FT6" s="358" t="s">
        <v>51</v>
      </c>
      <c r="FU6" s="359" t="s">
        <v>45</v>
      </c>
      <c r="FV6" s="361" t="s">
        <v>52</v>
      </c>
      <c r="FW6" s="357" t="s">
        <v>43</v>
      </c>
      <c r="FX6" s="358" t="s">
        <v>44</v>
      </c>
      <c r="FY6" s="359" t="s">
        <v>45</v>
      </c>
      <c r="FZ6" s="360" t="s">
        <v>46</v>
      </c>
      <c r="GA6" s="358" t="s">
        <v>47</v>
      </c>
      <c r="GB6" s="358" t="s">
        <v>48</v>
      </c>
      <c r="GC6" s="358" t="s">
        <v>49</v>
      </c>
      <c r="GD6" s="358" t="s">
        <v>50</v>
      </c>
      <c r="GE6" s="358" t="s">
        <v>51</v>
      </c>
      <c r="GF6" s="359" t="s">
        <v>45</v>
      </c>
      <c r="GG6" s="361" t="s">
        <v>52</v>
      </c>
      <c r="GH6" s="357" t="s">
        <v>43</v>
      </c>
      <c r="GI6" s="358" t="s">
        <v>44</v>
      </c>
      <c r="GJ6" s="359" t="s">
        <v>45</v>
      </c>
      <c r="GK6" s="360" t="s">
        <v>46</v>
      </c>
      <c r="GL6" s="358" t="s">
        <v>47</v>
      </c>
      <c r="GM6" s="358" t="s">
        <v>48</v>
      </c>
      <c r="GN6" s="358" t="s">
        <v>49</v>
      </c>
      <c r="GO6" s="358" t="s">
        <v>50</v>
      </c>
      <c r="GP6" s="358" t="s">
        <v>51</v>
      </c>
      <c r="GQ6" s="359" t="s">
        <v>45</v>
      </c>
      <c r="GR6" s="361" t="s">
        <v>52</v>
      </c>
      <c r="GS6" s="51" t="s">
        <v>43</v>
      </c>
      <c r="GT6" s="47" t="s">
        <v>44</v>
      </c>
      <c r="GU6" s="48" t="s">
        <v>45</v>
      </c>
      <c r="GV6" s="52" t="s">
        <v>46</v>
      </c>
      <c r="GW6" s="47" t="s">
        <v>47</v>
      </c>
      <c r="GX6" s="47" t="s">
        <v>48</v>
      </c>
      <c r="GY6" s="47" t="s">
        <v>49</v>
      </c>
      <c r="GZ6" s="47" t="s">
        <v>50</v>
      </c>
      <c r="HA6" s="47" t="s">
        <v>51</v>
      </c>
      <c r="HB6" s="48" t="s">
        <v>45</v>
      </c>
      <c r="HC6" s="352" t="s">
        <v>52</v>
      </c>
      <c r="HD6" s="357" t="s">
        <v>43</v>
      </c>
      <c r="HE6" s="358" t="s">
        <v>44</v>
      </c>
      <c r="HF6" s="359" t="s">
        <v>45</v>
      </c>
      <c r="HG6" s="360" t="s">
        <v>46</v>
      </c>
      <c r="HH6" s="358" t="s">
        <v>47</v>
      </c>
      <c r="HI6" s="358" t="s">
        <v>48</v>
      </c>
      <c r="HJ6" s="358" t="s">
        <v>49</v>
      </c>
      <c r="HK6" s="358" t="s">
        <v>50</v>
      </c>
      <c r="HL6" s="358" t="s">
        <v>51</v>
      </c>
      <c r="HM6" s="359" t="s">
        <v>45</v>
      </c>
      <c r="HN6" s="361" t="s">
        <v>52</v>
      </c>
      <c r="HO6" s="357" t="s">
        <v>43</v>
      </c>
      <c r="HP6" s="358" t="s">
        <v>44</v>
      </c>
      <c r="HQ6" s="359" t="s">
        <v>45</v>
      </c>
      <c r="HR6" s="360" t="s">
        <v>46</v>
      </c>
      <c r="HS6" s="358" t="s">
        <v>47</v>
      </c>
      <c r="HT6" s="358" t="s">
        <v>48</v>
      </c>
      <c r="HU6" s="358" t="s">
        <v>49</v>
      </c>
      <c r="HV6" s="358" t="s">
        <v>50</v>
      </c>
      <c r="HW6" s="358" t="s">
        <v>51</v>
      </c>
      <c r="HX6" s="359" t="s">
        <v>45</v>
      </c>
      <c r="HY6" s="361" t="s">
        <v>52</v>
      </c>
      <c r="HZ6" s="357" t="s">
        <v>43</v>
      </c>
      <c r="IA6" s="358" t="s">
        <v>44</v>
      </c>
      <c r="IB6" s="359" t="s">
        <v>45</v>
      </c>
      <c r="IC6" s="360" t="s">
        <v>46</v>
      </c>
      <c r="ID6" s="358" t="s">
        <v>47</v>
      </c>
      <c r="IE6" s="358" t="s">
        <v>48</v>
      </c>
      <c r="IF6" s="358" t="s">
        <v>49</v>
      </c>
      <c r="IG6" s="358" t="s">
        <v>50</v>
      </c>
      <c r="IH6" s="358" t="s">
        <v>51</v>
      </c>
      <c r="II6" s="359" t="s">
        <v>45</v>
      </c>
      <c r="IJ6" s="361" t="s">
        <v>52</v>
      </c>
      <c r="IK6" s="357" t="s">
        <v>43</v>
      </c>
      <c r="IL6" s="358" t="s">
        <v>44</v>
      </c>
      <c r="IM6" s="359" t="s">
        <v>45</v>
      </c>
      <c r="IN6" s="360" t="s">
        <v>46</v>
      </c>
      <c r="IO6" s="358" t="s">
        <v>47</v>
      </c>
      <c r="IP6" s="358" t="s">
        <v>48</v>
      </c>
      <c r="IQ6" s="358" t="s">
        <v>49</v>
      </c>
      <c r="IR6" s="358" t="s">
        <v>50</v>
      </c>
      <c r="IS6" s="358" t="s">
        <v>51</v>
      </c>
      <c r="IT6" s="359" t="s">
        <v>45</v>
      </c>
      <c r="IU6" s="361" t="s">
        <v>52</v>
      </c>
      <c r="IV6" s="357" t="s">
        <v>43</v>
      </c>
      <c r="IW6" s="358" t="s">
        <v>44</v>
      </c>
      <c r="IX6" s="359" t="s">
        <v>45</v>
      </c>
      <c r="IY6" s="360" t="s">
        <v>46</v>
      </c>
      <c r="IZ6" s="358" t="s">
        <v>47</v>
      </c>
      <c r="JA6" s="358" t="s">
        <v>48</v>
      </c>
      <c r="JB6" s="358" t="s">
        <v>49</v>
      </c>
      <c r="JC6" s="358" t="s">
        <v>50</v>
      </c>
      <c r="JD6" s="358" t="s">
        <v>51</v>
      </c>
      <c r="JE6" s="359" t="s">
        <v>45</v>
      </c>
      <c r="JF6" s="361" t="s">
        <v>52</v>
      </c>
      <c r="JG6" s="357" t="s">
        <v>43</v>
      </c>
      <c r="JH6" s="358" t="s">
        <v>44</v>
      </c>
      <c r="JI6" s="359" t="s">
        <v>45</v>
      </c>
      <c r="JJ6" s="360" t="s">
        <v>46</v>
      </c>
      <c r="JK6" s="358" t="s">
        <v>47</v>
      </c>
      <c r="JL6" s="358" t="s">
        <v>48</v>
      </c>
      <c r="JM6" s="358" t="s">
        <v>49</v>
      </c>
      <c r="JN6" s="358" t="s">
        <v>50</v>
      </c>
      <c r="JO6" s="358" t="s">
        <v>51</v>
      </c>
      <c r="JP6" s="359" t="s">
        <v>45</v>
      </c>
      <c r="JQ6" s="361" t="s">
        <v>52</v>
      </c>
      <c r="JR6" s="357" t="s">
        <v>43</v>
      </c>
      <c r="JS6" s="358" t="s">
        <v>44</v>
      </c>
      <c r="JT6" s="359" t="s">
        <v>45</v>
      </c>
      <c r="JU6" s="360" t="s">
        <v>46</v>
      </c>
      <c r="JV6" s="358" t="s">
        <v>47</v>
      </c>
      <c r="JW6" s="358" t="s">
        <v>48</v>
      </c>
      <c r="JX6" s="358" t="s">
        <v>49</v>
      </c>
      <c r="JY6" s="358" t="s">
        <v>50</v>
      </c>
      <c r="JZ6" s="358" t="s">
        <v>51</v>
      </c>
      <c r="KA6" s="359" t="s">
        <v>45</v>
      </c>
      <c r="KB6" s="361" t="s">
        <v>52</v>
      </c>
      <c r="KC6" s="357" t="s">
        <v>43</v>
      </c>
      <c r="KD6" s="358" t="s">
        <v>44</v>
      </c>
      <c r="KE6" s="359" t="s">
        <v>45</v>
      </c>
      <c r="KF6" s="360" t="s">
        <v>46</v>
      </c>
      <c r="KG6" s="358" t="s">
        <v>47</v>
      </c>
      <c r="KH6" s="358" t="s">
        <v>48</v>
      </c>
      <c r="KI6" s="358" t="s">
        <v>49</v>
      </c>
      <c r="KJ6" s="358" t="s">
        <v>50</v>
      </c>
      <c r="KK6" s="358" t="s">
        <v>51</v>
      </c>
      <c r="KL6" s="359" t="s">
        <v>45</v>
      </c>
      <c r="KM6" s="361" t="s">
        <v>52</v>
      </c>
    </row>
    <row r="7" spans="2:299" ht="19.5" customHeight="1" x14ac:dyDescent="0.2">
      <c r="B7" s="353" t="s">
        <v>4</v>
      </c>
      <c r="C7" s="315">
        <v>3293</v>
      </c>
      <c r="D7" s="78">
        <v>3038</v>
      </c>
      <c r="E7" s="79">
        <v>6331</v>
      </c>
      <c r="F7" s="240"/>
      <c r="G7" s="78">
        <v>4324</v>
      </c>
      <c r="H7" s="78">
        <v>3901</v>
      </c>
      <c r="I7" s="78">
        <v>2422</v>
      </c>
      <c r="J7" s="78">
        <v>2117</v>
      </c>
      <c r="K7" s="78">
        <v>1403</v>
      </c>
      <c r="L7" s="80">
        <v>14167</v>
      </c>
      <c r="M7" s="81">
        <v>20498</v>
      </c>
      <c r="N7" s="66">
        <v>97</v>
      </c>
      <c r="O7" s="67">
        <v>124</v>
      </c>
      <c r="P7" s="68">
        <v>221</v>
      </c>
      <c r="Q7" s="243"/>
      <c r="R7" s="67">
        <v>123</v>
      </c>
      <c r="S7" s="67">
        <v>162</v>
      </c>
      <c r="T7" s="67">
        <v>79</v>
      </c>
      <c r="U7" s="67">
        <v>94</v>
      </c>
      <c r="V7" s="67">
        <v>72</v>
      </c>
      <c r="W7" s="68">
        <v>530</v>
      </c>
      <c r="X7" s="69">
        <v>751</v>
      </c>
      <c r="Y7" s="66">
        <v>258</v>
      </c>
      <c r="Z7" s="67">
        <v>277</v>
      </c>
      <c r="AA7" s="68">
        <v>535</v>
      </c>
      <c r="AB7" s="243">
        <v>0</v>
      </c>
      <c r="AC7" s="67">
        <v>326</v>
      </c>
      <c r="AD7" s="67">
        <v>328</v>
      </c>
      <c r="AE7" s="67">
        <v>218</v>
      </c>
      <c r="AF7" s="67">
        <v>176</v>
      </c>
      <c r="AG7" s="67">
        <v>161</v>
      </c>
      <c r="AH7" s="68">
        <v>1209</v>
      </c>
      <c r="AI7" s="69">
        <v>1744</v>
      </c>
      <c r="AJ7" s="66">
        <v>373</v>
      </c>
      <c r="AK7" s="67">
        <v>363</v>
      </c>
      <c r="AL7" s="68">
        <v>736</v>
      </c>
      <c r="AM7" s="243"/>
      <c r="AN7" s="67">
        <v>516</v>
      </c>
      <c r="AO7" s="67">
        <v>454</v>
      </c>
      <c r="AP7" s="67">
        <v>264</v>
      </c>
      <c r="AQ7" s="67">
        <v>263</v>
      </c>
      <c r="AR7" s="67">
        <v>211</v>
      </c>
      <c r="AS7" s="68">
        <v>1708</v>
      </c>
      <c r="AT7" s="69">
        <v>2444</v>
      </c>
      <c r="AU7" s="66">
        <v>751</v>
      </c>
      <c r="AV7" s="67">
        <v>691</v>
      </c>
      <c r="AW7" s="68">
        <v>1442</v>
      </c>
      <c r="AX7" s="243"/>
      <c r="AY7" s="67">
        <v>972</v>
      </c>
      <c r="AZ7" s="67">
        <v>799</v>
      </c>
      <c r="BA7" s="67">
        <v>521</v>
      </c>
      <c r="BB7" s="67">
        <v>396</v>
      </c>
      <c r="BC7" s="67">
        <v>279</v>
      </c>
      <c r="BD7" s="68">
        <v>2967</v>
      </c>
      <c r="BE7" s="69">
        <v>4409</v>
      </c>
      <c r="BF7" s="66">
        <v>1018</v>
      </c>
      <c r="BG7" s="67">
        <v>861</v>
      </c>
      <c r="BH7" s="68">
        <v>1879</v>
      </c>
      <c r="BI7" s="243">
        <v>0</v>
      </c>
      <c r="BJ7" s="67">
        <v>1241</v>
      </c>
      <c r="BK7" s="67">
        <v>1023</v>
      </c>
      <c r="BL7" s="67">
        <v>627</v>
      </c>
      <c r="BM7" s="67">
        <v>571</v>
      </c>
      <c r="BN7" s="67">
        <v>320</v>
      </c>
      <c r="BO7" s="68">
        <v>3782</v>
      </c>
      <c r="BP7" s="69">
        <v>5661</v>
      </c>
      <c r="BQ7" s="66">
        <v>796</v>
      </c>
      <c r="BR7" s="67">
        <v>722</v>
      </c>
      <c r="BS7" s="68">
        <v>1518</v>
      </c>
      <c r="BT7" s="243"/>
      <c r="BU7" s="67">
        <v>1146</v>
      </c>
      <c r="BV7" s="67">
        <v>1135</v>
      </c>
      <c r="BW7" s="67">
        <v>713</v>
      </c>
      <c r="BX7" s="67">
        <v>617</v>
      </c>
      <c r="BY7" s="67">
        <v>360</v>
      </c>
      <c r="BZ7" s="68">
        <v>3971</v>
      </c>
      <c r="CA7" s="69">
        <v>5489</v>
      </c>
      <c r="CB7" s="66">
        <v>0</v>
      </c>
      <c r="CC7" s="67">
        <v>0</v>
      </c>
      <c r="CD7" s="68">
        <v>0</v>
      </c>
      <c r="CE7" s="243"/>
      <c r="CF7" s="67">
        <v>0</v>
      </c>
      <c r="CG7" s="67">
        <v>0</v>
      </c>
      <c r="CH7" s="67">
        <v>0</v>
      </c>
      <c r="CI7" s="67">
        <v>0</v>
      </c>
      <c r="CJ7" s="67">
        <v>0</v>
      </c>
      <c r="CK7" s="68">
        <v>0</v>
      </c>
      <c r="CL7" s="69">
        <v>0</v>
      </c>
      <c r="CM7" s="66">
        <v>3293</v>
      </c>
      <c r="CN7" s="67">
        <v>3038</v>
      </c>
      <c r="CO7" s="68">
        <v>6331</v>
      </c>
      <c r="CP7" s="243"/>
      <c r="CQ7" s="67">
        <v>4324</v>
      </c>
      <c r="CR7" s="67">
        <v>3901</v>
      </c>
      <c r="CS7" s="67">
        <v>2422</v>
      </c>
      <c r="CT7" s="67">
        <v>2117</v>
      </c>
      <c r="CU7" s="67">
        <v>1403</v>
      </c>
      <c r="CV7" s="68">
        <v>14167</v>
      </c>
      <c r="CW7" s="69">
        <v>20498</v>
      </c>
      <c r="CX7" s="122">
        <v>1179</v>
      </c>
      <c r="CY7" s="78">
        <v>1285</v>
      </c>
      <c r="CZ7" s="79">
        <v>2464</v>
      </c>
      <c r="DA7" s="240"/>
      <c r="DB7" s="78">
        <v>1694</v>
      </c>
      <c r="DC7" s="78">
        <v>1567</v>
      </c>
      <c r="DD7" s="78">
        <v>1015</v>
      </c>
      <c r="DE7" s="78">
        <v>1078</v>
      </c>
      <c r="DF7" s="78">
        <v>775</v>
      </c>
      <c r="DG7" s="80">
        <v>6129</v>
      </c>
      <c r="DH7" s="81">
        <v>8593</v>
      </c>
      <c r="DI7" s="66">
        <v>32</v>
      </c>
      <c r="DJ7" s="67">
        <v>26</v>
      </c>
      <c r="DK7" s="68">
        <v>58</v>
      </c>
      <c r="DL7" s="243"/>
      <c r="DM7" s="67">
        <v>26</v>
      </c>
      <c r="DN7" s="67">
        <v>38</v>
      </c>
      <c r="DO7" s="67">
        <v>22</v>
      </c>
      <c r="DP7" s="67">
        <v>13</v>
      </c>
      <c r="DQ7" s="67">
        <v>8</v>
      </c>
      <c r="DR7" s="68">
        <v>107</v>
      </c>
      <c r="DS7" s="69">
        <v>165</v>
      </c>
      <c r="DT7" s="66">
        <v>94</v>
      </c>
      <c r="DU7" s="67">
        <v>78</v>
      </c>
      <c r="DV7" s="68">
        <v>172</v>
      </c>
      <c r="DW7" s="243"/>
      <c r="DX7" s="67">
        <v>99</v>
      </c>
      <c r="DY7" s="67">
        <v>82</v>
      </c>
      <c r="DZ7" s="67">
        <v>51</v>
      </c>
      <c r="EA7" s="67">
        <v>46</v>
      </c>
      <c r="EB7" s="67">
        <v>24</v>
      </c>
      <c r="EC7" s="68">
        <v>302</v>
      </c>
      <c r="ED7" s="69">
        <v>474</v>
      </c>
      <c r="EE7" s="66">
        <v>181</v>
      </c>
      <c r="EF7" s="67">
        <v>173</v>
      </c>
      <c r="EG7" s="68">
        <v>354</v>
      </c>
      <c r="EH7" s="243"/>
      <c r="EI7" s="67">
        <v>189</v>
      </c>
      <c r="EJ7" s="67">
        <v>145</v>
      </c>
      <c r="EK7" s="67">
        <v>80</v>
      </c>
      <c r="EL7" s="67">
        <v>69</v>
      </c>
      <c r="EM7" s="67">
        <v>64</v>
      </c>
      <c r="EN7" s="68">
        <v>547</v>
      </c>
      <c r="EO7" s="69">
        <v>901</v>
      </c>
      <c r="EP7" s="66">
        <v>302</v>
      </c>
      <c r="EQ7" s="67">
        <v>299</v>
      </c>
      <c r="ER7" s="68">
        <v>601</v>
      </c>
      <c r="ES7" s="243"/>
      <c r="ET7" s="67">
        <v>361</v>
      </c>
      <c r="EU7" s="67">
        <v>272</v>
      </c>
      <c r="EV7" s="67">
        <v>152</v>
      </c>
      <c r="EW7" s="67">
        <v>130</v>
      </c>
      <c r="EX7" s="67">
        <v>124</v>
      </c>
      <c r="EY7" s="68">
        <v>1039</v>
      </c>
      <c r="EZ7" s="69">
        <v>1640</v>
      </c>
      <c r="FA7" s="66">
        <v>340</v>
      </c>
      <c r="FB7" s="67">
        <v>381</v>
      </c>
      <c r="FC7" s="68">
        <v>721</v>
      </c>
      <c r="FD7" s="243"/>
      <c r="FE7" s="67">
        <v>498</v>
      </c>
      <c r="FF7" s="67">
        <v>458</v>
      </c>
      <c r="FG7" s="67">
        <v>284</v>
      </c>
      <c r="FH7" s="67">
        <v>241</v>
      </c>
      <c r="FI7" s="67">
        <v>192</v>
      </c>
      <c r="FJ7" s="68">
        <v>1673</v>
      </c>
      <c r="FK7" s="69">
        <v>2394</v>
      </c>
      <c r="FL7" s="66">
        <v>230</v>
      </c>
      <c r="FM7" s="67">
        <v>328</v>
      </c>
      <c r="FN7" s="68">
        <v>558</v>
      </c>
      <c r="FO7" s="240"/>
      <c r="FP7" s="67">
        <v>521</v>
      </c>
      <c r="FQ7" s="67">
        <v>572</v>
      </c>
      <c r="FR7" s="67">
        <v>426</v>
      </c>
      <c r="FS7" s="67">
        <v>579</v>
      </c>
      <c r="FT7" s="67">
        <v>363</v>
      </c>
      <c r="FU7" s="68">
        <v>2461</v>
      </c>
      <c r="FV7" s="69">
        <v>3019</v>
      </c>
      <c r="FW7" s="66">
        <v>0</v>
      </c>
      <c r="FX7" s="67">
        <v>0</v>
      </c>
      <c r="FY7" s="68">
        <v>0</v>
      </c>
      <c r="FZ7" s="243"/>
      <c r="GA7" s="67">
        <v>0</v>
      </c>
      <c r="GB7" s="67">
        <v>0</v>
      </c>
      <c r="GC7" s="67">
        <v>0</v>
      </c>
      <c r="GD7" s="67">
        <v>0</v>
      </c>
      <c r="GE7" s="67">
        <v>0</v>
      </c>
      <c r="GF7" s="68">
        <v>0</v>
      </c>
      <c r="GG7" s="69">
        <v>0</v>
      </c>
      <c r="GH7" s="66">
        <v>1179</v>
      </c>
      <c r="GI7" s="67">
        <v>1285</v>
      </c>
      <c r="GJ7" s="68">
        <v>2464</v>
      </c>
      <c r="GK7" s="243"/>
      <c r="GL7" s="67">
        <v>1694</v>
      </c>
      <c r="GM7" s="67">
        <v>1567</v>
      </c>
      <c r="GN7" s="67">
        <v>1015</v>
      </c>
      <c r="GO7" s="67">
        <v>1078</v>
      </c>
      <c r="GP7" s="67">
        <v>775</v>
      </c>
      <c r="GQ7" s="68">
        <v>6129</v>
      </c>
      <c r="GR7" s="69">
        <v>8593</v>
      </c>
      <c r="GS7" s="122">
        <v>4472</v>
      </c>
      <c r="GT7" s="78">
        <v>4323</v>
      </c>
      <c r="GU7" s="79">
        <v>8795</v>
      </c>
      <c r="GV7" s="240"/>
      <c r="GW7" s="78">
        <v>6018</v>
      </c>
      <c r="GX7" s="78">
        <v>5468</v>
      </c>
      <c r="GY7" s="78">
        <v>3437</v>
      </c>
      <c r="GZ7" s="78">
        <v>3195</v>
      </c>
      <c r="HA7" s="78">
        <v>2178</v>
      </c>
      <c r="HB7" s="80">
        <v>20296</v>
      </c>
      <c r="HC7" s="81">
        <v>29091</v>
      </c>
      <c r="HD7" s="66">
        <v>129</v>
      </c>
      <c r="HE7" s="67">
        <v>150</v>
      </c>
      <c r="HF7" s="68">
        <v>279</v>
      </c>
      <c r="HG7" s="243"/>
      <c r="HH7" s="67">
        <v>149</v>
      </c>
      <c r="HI7" s="67">
        <v>200</v>
      </c>
      <c r="HJ7" s="67">
        <v>101</v>
      </c>
      <c r="HK7" s="67">
        <v>107</v>
      </c>
      <c r="HL7" s="67">
        <v>80</v>
      </c>
      <c r="HM7" s="68">
        <v>637</v>
      </c>
      <c r="HN7" s="69">
        <v>916</v>
      </c>
      <c r="HO7" s="66">
        <v>352</v>
      </c>
      <c r="HP7" s="67">
        <v>355</v>
      </c>
      <c r="HQ7" s="68">
        <v>707</v>
      </c>
      <c r="HR7" s="243"/>
      <c r="HS7" s="67">
        <v>425</v>
      </c>
      <c r="HT7" s="67">
        <v>410</v>
      </c>
      <c r="HU7" s="67">
        <v>269</v>
      </c>
      <c r="HV7" s="67">
        <v>222</v>
      </c>
      <c r="HW7" s="67">
        <v>185</v>
      </c>
      <c r="HX7" s="68">
        <v>1511</v>
      </c>
      <c r="HY7" s="69">
        <v>2218</v>
      </c>
      <c r="HZ7" s="66">
        <v>554</v>
      </c>
      <c r="IA7" s="67">
        <v>536</v>
      </c>
      <c r="IB7" s="68">
        <v>1090</v>
      </c>
      <c r="IC7" s="243"/>
      <c r="ID7" s="67">
        <v>705</v>
      </c>
      <c r="IE7" s="67">
        <v>599</v>
      </c>
      <c r="IF7" s="67">
        <v>344</v>
      </c>
      <c r="IG7" s="67">
        <v>332</v>
      </c>
      <c r="IH7" s="67">
        <v>275</v>
      </c>
      <c r="II7" s="68">
        <v>2255</v>
      </c>
      <c r="IJ7" s="69">
        <v>3345</v>
      </c>
      <c r="IK7" s="66">
        <v>1053</v>
      </c>
      <c r="IL7" s="67">
        <v>990</v>
      </c>
      <c r="IM7" s="68">
        <v>2043</v>
      </c>
      <c r="IN7" s="243"/>
      <c r="IO7" s="67">
        <v>1333</v>
      </c>
      <c r="IP7" s="67">
        <v>1071</v>
      </c>
      <c r="IQ7" s="67">
        <v>673</v>
      </c>
      <c r="IR7" s="67">
        <v>526</v>
      </c>
      <c r="IS7" s="67">
        <v>403</v>
      </c>
      <c r="IT7" s="68">
        <v>4006</v>
      </c>
      <c r="IU7" s="69">
        <v>6049</v>
      </c>
      <c r="IV7" s="66">
        <v>1358</v>
      </c>
      <c r="IW7" s="67">
        <v>1242</v>
      </c>
      <c r="IX7" s="68">
        <v>2600</v>
      </c>
      <c r="IY7" s="243"/>
      <c r="IZ7" s="67">
        <v>1739</v>
      </c>
      <c r="JA7" s="67">
        <v>1481</v>
      </c>
      <c r="JB7" s="67">
        <v>911</v>
      </c>
      <c r="JC7" s="67">
        <v>812</v>
      </c>
      <c r="JD7" s="67">
        <v>512</v>
      </c>
      <c r="JE7" s="68">
        <v>5455</v>
      </c>
      <c r="JF7" s="69">
        <v>8055</v>
      </c>
      <c r="JG7" s="66">
        <v>1026</v>
      </c>
      <c r="JH7" s="67">
        <v>1050</v>
      </c>
      <c r="JI7" s="68">
        <v>2076</v>
      </c>
      <c r="JJ7" s="243"/>
      <c r="JK7" s="67">
        <v>1667</v>
      </c>
      <c r="JL7" s="67">
        <v>1707</v>
      </c>
      <c r="JM7" s="67">
        <v>1139</v>
      </c>
      <c r="JN7" s="67">
        <v>1196</v>
      </c>
      <c r="JO7" s="67">
        <v>723</v>
      </c>
      <c r="JP7" s="68">
        <v>6432</v>
      </c>
      <c r="JQ7" s="69">
        <v>8508</v>
      </c>
      <c r="JR7" s="66">
        <v>0</v>
      </c>
      <c r="JS7" s="67">
        <v>0</v>
      </c>
      <c r="JT7" s="68">
        <v>0</v>
      </c>
      <c r="JU7" s="243"/>
      <c r="JV7" s="67">
        <v>0</v>
      </c>
      <c r="JW7" s="67">
        <v>0</v>
      </c>
      <c r="JX7" s="67">
        <v>0</v>
      </c>
      <c r="JY7" s="67">
        <v>0</v>
      </c>
      <c r="JZ7" s="67">
        <v>0</v>
      </c>
      <c r="KA7" s="68">
        <v>0</v>
      </c>
      <c r="KB7" s="69">
        <v>0</v>
      </c>
      <c r="KC7" s="66">
        <v>4472</v>
      </c>
      <c r="KD7" s="67">
        <v>4323</v>
      </c>
      <c r="KE7" s="68">
        <v>8795</v>
      </c>
      <c r="KF7" s="243"/>
      <c r="KG7" s="67">
        <v>6018</v>
      </c>
      <c r="KH7" s="67">
        <v>5468</v>
      </c>
      <c r="KI7" s="67">
        <v>3437</v>
      </c>
      <c r="KJ7" s="67">
        <v>3195</v>
      </c>
      <c r="KK7" s="67">
        <v>2178</v>
      </c>
      <c r="KL7" s="68">
        <v>20296</v>
      </c>
      <c r="KM7" s="69">
        <v>29091</v>
      </c>
    </row>
    <row r="8" spans="2:299" ht="19.5" customHeight="1" x14ac:dyDescent="0.2">
      <c r="B8" s="126" t="s">
        <v>5</v>
      </c>
      <c r="C8" s="316">
        <v>1464</v>
      </c>
      <c r="D8" s="82">
        <v>1565</v>
      </c>
      <c r="E8" s="83">
        <v>3029</v>
      </c>
      <c r="F8" s="241"/>
      <c r="G8" s="82">
        <v>1612</v>
      </c>
      <c r="H8" s="82">
        <v>1927</v>
      </c>
      <c r="I8" s="82">
        <v>1075</v>
      </c>
      <c r="J8" s="82">
        <v>909</v>
      </c>
      <c r="K8" s="82">
        <v>610</v>
      </c>
      <c r="L8" s="84">
        <v>6133</v>
      </c>
      <c r="M8" s="85">
        <v>9162</v>
      </c>
      <c r="N8" s="70">
        <v>42</v>
      </c>
      <c r="O8" s="71">
        <v>57</v>
      </c>
      <c r="P8" s="72">
        <v>99</v>
      </c>
      <c r="Q8" s="244"/>
      <c r="R8" s="71">
        <v>36</v>
      </c>
      <c r="S8" s="71">
        <v>81</v>
      </c>
      <c r="T8" s="71">
        <v>33</v>
      </c>
      <c r="U8" s="71">
        <v>40</v>
      </c>
      <c r="V8" s="71">
        <v>31</v>
      </c>
      <c r="W8" s="72">
        <v>221</v>
      </c>
      <c r="X8" s="73">
        <v>320</v>
      </c>
      <c r="Y8" s="70">
        <v>100</v>
      </c>
      <c r="Z8" s="71">
        <v>150</v>
      </c>
      <c r="AA8" s="72">
        <v>250</v>
      </c>
      <c r="AB8" s="244">
        <v>0</v>
      </c>
      <c r="AC8" s="71">
        <v>94</v>
      </c>
      <c r="AD8" s="71">
        <v>123</v>
      </c>
      <c r="AE8" s="71">
        <v>86</v>
      </c>
      <c r="AF8" s="71">
        <v>79</v>
      </c>
      <c r="AG8" s="71">
        <v>68</v>
      </c>
      <c r="AH8" s="72">
        <v>450</v>
      </c>
      <c r="AI8" s="73">
        <v>700</v>
      </c>
      <c r="AJ8" s="70">
        <v>163</v>
      </c>
      <c r="AK8" s="71">
        <v>195</v>
      </c>
      <c r="AL8" s="72">
        <v>358</v>
      </c>
      <c r="AM8" s="244"/>
      <c r="AN8" s="71">
        <v>172</v>
      </c>
      <c r="AO8" s="71">
        <v>213</v>
      </c>
      <c r="AP8" s="71">
        <v>98</v>
      </c>
      <c r="AQ8" s="71">
        <v>115</v>
      </c>
      <c r="AR8" s="71">
        <v>88</v>
      </c>
      <c r="AS8" s="72">
        <v>686</v>
      </c>
      <c r="AT8" s="73">
        <v>1044</v>
      </c>
      <c r="AU8" s="70">
        <v>342</v>
      </c>
      <c r="AV8" s="71">
        <v>349</v>
      </c>
      <c r="AW8" s="72">
        <v>691</v>
      </c>
      <c r="AX8" s="244"/>
      <c r="AY8" s="71">
        <v>364</v>
      </c>
      <c r="AZ8" s="71">
        <v>386</v>
      </c>
      <c r="BA8" s="71">
        <v>228</v>
      </c>
      <c r="BB8" s="71">
        <v>168</v>
      </c>
      <c r="BC8" s="71">
        <v>117</v>
      </c>
      <c r="BD8" s="72">
        <v>1263</v>
      </c>
      <c r="BE8" s="73">
        <v>1954</v>
      </c>
      <c r="BF8" s="70">
        <v>455</v>
      </c>
      <c r="BG8" s="71">
        <v>444</v>
      </c>
      <c r="BH8" s="72">
        <v>899</v>
      </c>
      <c r="BI8" s="244">
        <v>0</v>
      </c>
      <c r="BJ8" s="71">
        <v>507</v>
      </c>
      <c r="BK8" s="71">
        <v>519</v>
      </c>
      <c r="BL8" s="71">
        <v>284</v>
      </c>
      <c r="BM8" s="71">
        <v>233</v>
      </c>
      <c r="BN8" s="71">
        <v>138</v>
      </c>
      <c r="BO8" s="72">
        <v>1681</v>
      </c>
      <c r="BP8" s="73">
        <v>2580</v>
      </c>
      <c r="BQ8" s="70">
        <v>362</v>
      </c>
      <c r="BR8" s="71">
        <v>370</v>
      </c>
      <c r="BS8" s="72">
        <v>732</v>
      </c>
      <c r="BT8" s="244"/>
      <c r="BU8" s="71">
        <v>439</v>
      </c>
      <c r="BV8" s="71">
        <v>605</v>
      </c>
      <c r="BW8" s="71">
        <v>346</v>
      </c>
      <c r="BX8" s="71">
        <v>274</v>
      </c>
      <c r="BY8" s="71">
        <v>168</v>
      </c>
      <c r="BZ8" s="72">
        <v>1832</v>
      </c>
      <c r="CA8" s="73">
        <v>2564</v>
      </c>
      <c r="CB8" s="70">
        <v>0</v>
      </c>
      <c r="CC8" s="71">
        <v>0</v>
      </c>
      <c r="CD8" s="72">
        <v>0</v>
      </c>
      <c r="CE8" s="244"/>
      <c r="CF8" s="71">
        <v>0</v>
      </c>
      <c r="CG8" s="71">
        <v>0</v>
      </c>
      <c r="CH8" s="71">
        <v>0</v>
      </c>
      <c r="CI8" s="71">
        <v>0</v>
      </c>
      <c r="CJ8" s="71">
        <v>0</v>
      </c>
      <c r="CK8" s="72">
        <v>0</v>
      </c>
      <c r="CL8" s="73">
        <v>0</v>
      </c>
      <c r="CM8" s="70">
        <v>1464</v>
      </c>
      <c r="CN8" s="71">
        <v>1565</v>
      </c>
      <c r="CO8" s="72">
        <v>3029</v>
      </c>
      <c r="CP8" s="244"/>
      <c r="CQ8" s="71">
        <v>1612</v>
      </c>
      <c r="CR8" s="71">
        <v>1927</v>
      </c>
      <c r="CS8" s="71">
        <v>1075</v>
      </c>
      <c r="CT8" s="71">
        <v>909</v>
      </c>
      <c r="CU8" s="71">
        <v>610</v>
      </c>
      <c r="CV8" s="72">
        <v>6133</v>
      </c>
      <c r="CW8" s="73">
        <v>9162</v>
      </c>
      <c r="CX8" s="123">
        <v>492</v>
      </c>
      <c r="CY8" s="82">
        <v>598</v>
      </c>
      <c r="CZ8" s="83">
        <v>1090</v>
      </c>
      <c r="DA8" s="241"/>
      <c r="DB8" s="82">
        <v>602</v>
      </c>
      <c r="DC8" s="82">
        <v>790</v>
      </c>
      <c r="DD8" s="82">
        <v>436</v>
      </c>
      <c r="DE8" s="82">
        <v>482</v>
      </c>
      <c r="DF8" s="82">
        <v>338</v>
      </c>
      <c r="DG8" s="84">
        <v>2648</v>
      </c>
      <c r="DH8" s="85">
        <v>3738</v>
      </c>
      <c r="DI8" s="70">
        <v>13</v>
      </c>
      <c r="DJ8" s="71">
        <v>13</v>
      </c>
      <c r="DK8" s="72">
        <v>26</v>
      </c>
      <c r="DL8" s="244"/>
      <c r="DM8" s="71">
        <v>8</v>
      </c>
      <c r="DN8" s="71">
        <v>22</v>
      </c>
      <c r="DO8" s="71">
        <v>7</v>
      </c>
      <c r="DP8" s="71">
        <v>6</v>
      </c>
      <c r="DQ8" s="71">
        <v>2</v>
      </c>
      <c r="DR8" s="72">
        <v>45</v>
      </c>
      <c r="DS8" s="73">
        <v>71</v>
      </c>
      <c r="DT8" s="70">
        <v>38</v>
      </c>
      <c r="DU8" s="71">
        <v>37</v>
      </c>
      <c r="DV8" s="72">
        <v>75</v>
      </c>
      <c r="DW8" s="244"/>
      <c r="DX8" s="71">
        <v>33</v>
      </c>
      <c r="DY8" s="71">
        <v>44</v>
      </c>
      <c r="DZ8" s="71">
        <v>20</v>
      </c>
      <c r="EA8" s="71">
        <v>22</v>
      </c>
      <c r="EB8" s="71">
        <v>12</v>
      </c>
      <c r="EC8" s="72">
        <v>131</v>
      </c>
      <c r="ED8" s="73">
        <v>206</v>
      </c>
      <c r="EE8" s="70">
        <v>73</v>
      </c>
      <c r="EF8" s="71">
        <v>87</v>
      </c>
      <c r="EG8" s="72">
        <v>160</v>
      </c>
      <c r="EH8" s="244"/>
      <c r="EI8" s="71">
        <v>61</v>
      </c>
      <c r="EJ8" s="71">
        <v>69</v>
      </c>
      <c r="EK8" s="71">
        <v>36</v>
      </c>
      <c r="EL8" s="71">
        <v>29</v>
      </c>
      <c r="EM8" s="71">
        <v>28</v>
      </c>
      <c r="EN8" s="72">
        <v>223</v>
      </c>
      <c r="EO8" s="73">
        <v>383</v>
      </c>
      <c r="EP8" s="70">
        <v>126</v>
      </c>
      <c r="EQ8" s="71">
        <v>130</v>
      </c>
      <c r="ER8" s="72">
        <v>256</v>
      </c>
      <c r="ES8" s="244"/>
      <c r="ET8" s="71">
        <v>139</v>
      </c>
      <c r="EU8" s="71">
        <v>137</v>
      </c>
      <c r="EV8" s="71">
        <v>75</v>
      </c>
      <c r="EW8" s="71">
        <v>62</v>
      </c>
      <c r="EX8" s="71">
        <v>44</v>
      </c>
      <c r="EY8" s="72">
        <v>457</v>
      </c>
      <c r="EZ8" s="73">
        <v>713</v>
      </c>
      <c r="FA8" s="70">
        <v>148</v>
      </c>
      <c r="FB8" s="71">
        <v>177</v>
      </c>
      <c r="FC8" s="72">
        <v>325</v>
      </c>
      <c r="FD8" s="244"/>
      <c r="FE8" s="71">
        <v>178</v>
      </c>
      <c r="FF8" s="71">
        <v>241</v>
      </c>
      <c r="FG8" s="71">
        <v>125</v>
      </c>
      <c r="FH8" s="71">
        <v>121</v>
      </c>
      <c r="FI8" s="71">
        <v>96</v>
      </c>
      <c r="FJ8" s="72">
        <v>761</v>
      </c>
      <c r="FK8" s="73">
        <v>1086</v>
      </c>
      <c r="FL8" s="70">
        <v>94</v>
      </c>
      <c r="FM8" s="71">
        <v>154</v>
      </c>
      <c r="FN8" s="72">
        <v>248</v>
      </c>
      <c r="FO8" s="241"/>
      <c r="FP8" s="71">
        <v>183</v>
      </c>
      <c r="FQ8" s="71">
        <v>277</v>
      </c>
      <c r="FR8" s="71">
        <v>173</v>
      </c>
      <c r="FS8" s="71">
        <v>242</v>
      </c>
      <c r="FT8" s="71">
        <v>156</v>
      </c>
      <c r="FU8" s="72">
        <v>1031</v>
      </c>
      <c r="FV8" s="73">
        <v>1279</v>
      </c>
      <c r="FW8" s="70">
        <v>0</v>
      </c>
      <c r="FX8" s="71">
        <v>0</v>
      </c>
      <c r="FY8" s="72">
        <v>0</v>
      </c>
      <c r="FZ8" s="244"/>
      <c r="GA8" s="71">
        <v>0</v>
      </c>
      <c r="GB8" s="71">
        <v>0</v>
      </c>
      <c r="GC8" s="71">
        <v>0</v>
      </c>
      <c r="GD8" s="71">
        <v>0</v>
      </c>
      <c r="GE8" s="71">
        <v>0</v>
      </c>
      <c r="GF8" s="72">
        <v>0</v>
      </c>
      <c r="GG8" s="73">
        <v>0</v>
      </c>
      <c r="GH8" s="70">
        <v>492</v>
      </c>
      <c r="GI8" s="71">
        <v>598</v>
      </c>
      <c r="GJ8" s="72">
        <v>1090</v>
      </c>
      <c r="GK8" s="244"/>
      <c r="GL8" s="71">
        <v>602</v>
      </c>
      <c r="GM8" s="71">
        <v>790</v>
      </c>
      <c r="GN8" s="71">
        <v>436</v>
      </c>
      <c r="GO8" s="71">
        <v>482</v>
      </c>
      <c r="GP8" s="71">
        <v>338</v>
      </c>
      <c r="GQ8" s="72">
        <v>2648</v>
      </c>
      <c r="GR8" s="73">
        <v>3738</v>
      </c>
      <c r="GS8" s="123">
        <v>1956</v>
      </c>
      <c r="GT8" s="82">
        <v>2163</v>
      </c>
      <c r="GU8" s="83">
        <v>4119</v>
      </c>
      <c r="GV8" s="241"/>
      <c r="GW8" s="82">
        <v>2214</v>
      </c>
      <c r="GX8" s="82">
        <v>2717</v>
      </c>
      <c r="GY8" s="82">
        <v>1511</v>
      </c>
      <c r="GZ8" s="82">
        <v>1391</v>
      </c>
      <c r="HA8" s="82">
        <v>948</v>
      </c>
      <c r="HB8" s="84">
        <v>8781</v>
      </c>
      <c r="HC8" s="85">
        <v>12900</v>
      </c>
      <c r="HD8" s="70">
        <v>55</v>
      </c>
      <c r="HE8" s="71">
        <v>70</v>
      </c>
      <c r="HF8" s="72">
        <v>125</v>
      </c>
      <c r="HG8" s="244"/>
      <c r="HH8" s="71">
        <v>44</v>
      </c>
      <c r="HI8" s="71">
        <v>103</v>
      </c>
      <c r="HJ8" s="71">
        <v>40</v>
      </c>
      <c r="HK8" s="71">
        <v>46</v>
      </c>
      <c r="HL8" s="71">
        <v>33</v>
      </c>
      <c r="HM8" s="72">
        <v>266</v>
      </c>
      <c r="HN8" s="73">
        <v>391</v>
      </c>
      <c r="HO8" s="70">
        <v>138</v>
      </c>
      <c r="HP8" s="71">
        <v>187</v>
      </c>
      <c r="HQ8" s="72">
        <v>325</v>
      </c>
      <c r="HR8" s="244"/>
      <c r="HS8" s="71">
        <v>127</v>
      </c>
      <c r="HT8" s="71">
        <v>167</v>
      </c>
      <c r="HU8" s="71">
        <v>106</v>
      </c>
      <c r="HV8" s="71">
        <v>101</v>
      </c>
      <c r="HW8" s="71">
        <v>80</v>
      </c>
      <c r="HX8" s="72">
        <v>581</v>
      </c>
      <c r="HY8" s="73">
        <v>906</v>
      </c>
      <c r="HZ8" s="70">
        <v>236</v>
      </c>
      <c r="IA8" s="71">
        <v>282</v>
      </c>
      <c r="IB8" s="72">
        <v>518</v>
      </c>
      <c r="IC8" s="244"/>
      <c r="ID8" s="71">
        <v>233</v>
      </c>
      <c r="IE8" s="71">
        <v>282</v>
      </c>
      <c r="IF8" s="71">
        <v>134</v>
      </c>
      <c r="IG8" s="71">
        <v>144</v>
      </c>
      <c r="IH8" s="71">
        <v>116</v>
      </c>
      <c r="II8" s="72">
        <v>909</v>
      </c>
      <c r="IJ8" s="73">
        <v>1427</v>
      </c>
      <c r="IK8" s="70">
        <v>468</v>
      </c>
      <c r="IL8" s="71">
        <v>479</v>
      </c>
      <c r="IM8" s="72">
        <v>947</v>
      </c>
      <c r="IN8" s="244"/>
      <c r="IO8" s="71">
        <v>503</v>
      </c>
      <c r="IP8" s="71">
        <v>523</v>
      </c>
      <c r="IQ8" s="71">
        <v>303</v>
      </c>
      <c r="IR8" s="71">
        <v>230</v>
      </c>
      <c r="IS8" s="71">
        <v>161</v>
      </c>
      <c r="IT8" s="72">
        <v>1720</v>
      </c>
      <c r="IU8" s="73">
        <v>2667</v>
      </c>
      <c r="IV8" s="70">
        <v>603</v>
      </c>
      <c r="IW8" s="71">
        <v>621</v>
      </c>
      <c r="IX8" s="72">
        <v>1224</v>
      </c>
      <c r="IY8" s="244"/>
      <c r="IZ8" s="71">
        <v>685</v>
      </c>
      <c r="JA8" s="71">
        <v>760</v>
      </c>
      <c r="JB8" s="71">
        <v>409</v>
      </c>
      <c r="JC8" s="71">
        <v>354</v>
      </c>
      <c r="JD8" s="71">
        <v>234</v>
      </c>
      <c r="JE8" s="72">
        <v>2442</v>
      </c>
      <c r="JF8" s="73">
        <v>3666</v>
      </c>
      <c r="JG8" s="70">
        <v>456</v>
      </c>
      <c r="JH8" s="71">
        <v>524</v>
      </c>
      <c r="JI8" s="72">
        <v>980</v>
      </c>
      <c r="JJ8" s="244"/>
      <c r="JK8" s="71">
        <v>622</v>
      </c>
      <c r="JL8" s="71">
        <v>882</v>
      </c>
      <c r="JM8" s="71">
        <v>519</v>
      </c>
      <c r="JN8" s="71">
        <v>516</v>
      </c>
      <c r="JO8" s="71">
        <v>324</v>
      </c>
      <c r="JP8" s="72">
        <v>2863</v>
      </c>
      <c r="JQ8" s="73">
        <v>3843</v>
      </c>
      <c r="JR8" s="70">
        <v>0</v>
      </c>
      <c r="JS8" s="71">
        <v>0</v>
      </c>
      <c r="JT8" s="72">
        <v>0</v>
      </c>
      <c r="JU8" s="244"/>
      <c r="JV8" s="71">
        <v>0</v>
      </c>
      <c r="JW8" s="71">
        <v>0</v>
      </c>
      <c r="JX8" s="71">
        <v>0</v>
      </c>
      <c r="JY8" s="71">
        <v>0</v>
      </c>
      <c r="JZ8" s="71">
        <v>0</v>
      </c>
      <c r="KA8" s="72">
        <v>0</v>
      </c>
      <c r="KB8" s="73">
        <v>0</v>
      </c>
      <c r="KC8" s="70">
        <v>1956</v>
      </c>
      <c r="KD8" s="71">
        <v>2163</v>
      </c>
      <c r="KE8" s="72">
        <v>4119</v>
      </c>
      <c r="KF8" s="244"/>
      <c r="KG8" s="71">
        <v>2214</v>
      </c>
      <c r="KH8" s="71">
        <v>2717</v>
      </c>
      <c r="KI8" s="71">
        <v>1511</v>
      </c>
      <c r="KJ8" s="71">
        <v>1391</v>
      </c>
      <c r="KK8" s="71">
        <v>948</v>
      </c>
      <c r="KL8" s="72">
        <v>8781</v>
      </c>
      <c r="KM8" s="73">
        <v>12900</v>
      </c>
    </row>
    <row r="9" spans="2:299" ht="19.5" customHeight="1" x14ac:dyDescent="0.2">
      <c r="B9" s="126" t="s">
        <v>6</v>
      </c>
      <c r="C9" s="316">
        <v>426</v>
      </c>
      <c r="D9" s="82">
        <v>357</v>
      </c>
      <c r="E9" s="83">
        <v>783</v>
      </c>
      <c r="F9" s="241"/>
      <c r="G9" s="82">
        <v>739</v>
      </c>
      <c r="H9" s="82">
        <v>551</v>
      </c>
      <c r="I9" s="82">
        <v>380</v>
      </c>
      <c r="J9" s="82">
        <v>366</v>
      </c>
      <c r="K9" s="82">
        <v>235</v>
      </c>
      <c r="L9" s="84">
        <v>2271</v>
      </c>
      <c r="M9" s="85">
        <v>3054</v>
      </c>
      <c r="N9" s="70">
        <v>11</v>
      </c>
      <c r="O9" s="71">
        <v>21</v>
      </c>
      <c r="P9" s="72">
        <v>32</v>
      </c>
      <c r="Q9" s="244"/>
      <c r="R9" s="71">
        <v>23</v>
      </c>
      <c r="S9" s="71">
        <v>26</v>
      </c>
      <c r="T9" s="71">
        <v>10</v>
      </c>
      <c r="U9" s="71">
        <v>17</v>
      </c>
      <c r="V9" s="71">
        <v>13</v>
      </c>
      <c r="W9" s="72">
        <v>89</v>
      </c>
      <c r="X9" s="73">
        <v>121</v>
      </c>
      <c r="Y9" s="70">
        <v>38</v>
      </c>
      <c r="Z9" s="71">
        <v>31</v>
      </c>
      <c r="AA9" s="72">
        <v>69</v>
      </c>
      <c r="AB9" s="244">
        <v>0</v>
      </c>
      <c r="AC9" s="71">
        <v>64</v>
      </c>
      <c r="AD9" s="71">
        <v>54</v>
      </c>
      <c r="AE9" s="71">
        <v>39</v>
      </c>
      <c r="AF9" s="71">
        <v>29</v>
      </c>
      <c r="AG9" s="71">
        <v>27</v>
      </c>
      <c r="AH9" s="72">
        <v>213</v>
      </c>
      <c r="AI9" s="73">
        <v>282</v>
      </c>
      <c r="AJ9" s="70">
        <v>47</v>
      </c>
      <c r="AK9" s="71">
        <v>48</v>
      </c>
      <c r="AL9" s="72">
        <v>95</v>
      </c>
      <c r="AM9" s="244"/>
      <c r="AN9" s="71">
        <v>85</v>
      </c>
      <c r="AO9" s="71">
        <v>71</v>
      </c>
      <c r="AP9" s="71">
        <v>48</v>
      </c>
      <c r="AQ9" s="71">
        <v>43</v>
      </c>
      <c r="AR9" s="71">
        <v>39</v>
      </c>
      <c r="AS9" s="72">
        <v>286</v>
      </c>
      <c r="AT9" s="73">
        <v>381</v>
      </c>
      <c r="AU9" s="70">
        <v>90</v>
      </c>
      <c r="AV9" s="71">
        <v>71</v>
      </c>
      <c r="AW9" s="72">
        <v>161</v>
      </c>
      <c r="AX9" s="244"/>
      <c r="AY9" s="71">
        <v>161</v>
      </c>
      <c r="AZ9" s="71">
        <v>107</v>
      </c>
      <c r="BA9" s="71">
        <v>81</v>
      </c>
      <c r="BB9" s="71">
        <v>69</v>
      </c>
      <c r="BC9" s="71">
        <v>35</v>
      </c>
      <c r="BD9" s="72">
        <v>453</v>
      </c>
      <c r="BE9" s="73">
        <v>614</v>
      </c>
      <c r="BF9" s="70">
        <v>128</v>
      </c>
      <c r="BG9" s="71">
        <v>102</v>
      </c>
      <c r="BH9" s="72">
        <v>230</v>
      </c>
      <c r="BI9" s="244">
        <v>0</v>
      </c>
      <c r="BJ9" s="71">
        <v>200</v>
      </c>
      <c r="BK9" s="71">
        <v>133</v>
      </c>
      <c r="BL9" s="71">
        <v>103</v>
      </c>
      <c r="BM9" s="71">
        <v>111</v>
      </c>
      <c r="BN9" s="71">
        <v>59</v>
      </c>
      <c r="BO9" s="72">
        <v>606</v>
      </c>
      <c r="BP9" s="73">
        <v>836</v>
      </c>
      <c r="BQ9" s="70">
        <v>112</v>
      </c>
      <c r="BR9" s="71">
        <v>84</v>
      </c>
      <c r="BS9" s="72">
        <v>196</v>
      </c>
      <c r="BT9" s="244"/>
      <c r="BU9" s="71">
        <v>206</v>
      </c>
      <c r="BV9" s="71">
        <v>160</v>
      </c>
      <c r="BW9" s="71">
        <v>99</v>
      </c>
      <c r="BX9" s="71">
        <v>97</v>
      </c>
      <c r="BY9" s="71">
        <v>62</v>
      </c>
      <c r="BZ9" s="72">
        <v>624</v>
      </c>
      <c r="CA9" s="73">
        <v>820</v>
      </c>
      <c r="CB9" s="70">
        <v>0</v>
      </c>
      <c r="CC9" s="71">
        <v>0</v>
      </c>
      <c r="CD9" s="72">
        <v>0</v>
      </c>
      <c r="CE9" s="244"/>
      <c r="CF9" s="71">
        <v>0</v>
      </c>
      <c r="CG9" s="71">
        <v>0</v>
      </c>
      <c r="CH9" s="71">
        <v>0</v>
      </c>
      <c r="CI9" s="71">
        <v>0</v>
      </c>
      <c r="CJ9" s="71">
        <v>0</v>
      </c>
      <c r="CK9" s="72">
        <v>0</v>
      </c>
      <c r="CL9" s="73">
        <v>0</v>
      </c>
      <c r="CM9" s="70">
        <v>426</v>
      </c>
      <c r="CN9" s="71">
        <v>357</v>
      </c>
      <c r="CO9" s="72">
        <v>783</v>
      </c>
      <c r="CP9" s="244"/>
      <c r="CQ9" s="71">
        <v>739</v>
      </c>
      <c r="CR9" s="71">
        <v>551</v>
      </c>
      <c r="CS9" s="71">
        <v>380</v>
      </c>
      <c r="CT9" s="71">
        <v>366</v>
      </c>
      <c r="CU9" s="71">
        <v>235</v>
      </c>
      <c r="CV9" s="72">
        <v>2271</v>
      </c>
      <c r="CW9" s="73">
        <v>3054</v>
      </c>
      <c r="CX9" s="123">
        <v>204</v>
      </c>
      <c r="CY9" s="82">
        <v>202</v>
      </c>
      <c r="CZ9" s="83">
        <v>406</v>
      </c>
      <c r="DA9" s="241"/>
      <c r="DB9" s="82">
        <v>389</v>
      </c>
      <c r="DC9" s="82">
        <v>246</v>
      </c>
      <c r="DD9" s="82">
        <v>181</v>
      </c>
      <c r="DE9" s="82">
        <v>193</v>
      </c>
      <c r="DF9" s="82">
        <v>138</v>
      </c>
      <c r="DG9" s="84">
        <v>1147</v>
      </c>
      <c r="DH9" s="85">
        <v>1553</v>
      </c>
      <c r="DI9" s="70">
        <v>3</v>
      </c>
      <c r="DJ9" s="71">
        <v>3</v>
      </c>
      <c r="DK9" s="72">
        <v>6</v>
      </c>
      <c r="DL9" s="244"/>
      <c r="DM9" s="71">
        <v>9</v>
      </c>
      <c r="DN9" s="71">
        <v>5</v>
      </c>
      <c r="DO9" s="71">
        <v>3</v>
      </c>
      <c r="DP9" s="71">
        <v>4</v>
      </c>
      <c r="DQ9" s="71">
        <v>1</v>
      </c>
      <c r="DR9" s="72">
        <v>22</v>
      </c>
      <c r="DS9" s="73">
        <v>28</v>
      </c>
      <c r="DT9" s="70">
        <v>11</v>
      </c>
      <c r="DU9" s="71">
        <v>11</v>
      </c>
      <c r="DV9" s="72">
        <v>22</v>
      </c>
      <c r="DW9" s="244"/>
      <c r="DX9" s="71">
        <v>30</v>
      </c>
      <c r="DY9" s="71">
        <v>6</v>
      </c>
      <c r="DZ9" s="71">
        <v>8</v>
      </c>
      <c r="EA9" s="71">
        <v>12</v>
      </c>
      <c r="EB9" s="71">
        <v>4</v>
      </c>
      <c r="EC9" s="72">
        <v>60</v>
      </c>
      <c r="ED9" s="73">
        <v>82</v>
      </c>
      <c r="EE9" s="70">
        <v>34</v>
      </c>
      <c r="EF9" s="71">
        <v>23</v>
      </c>
      <c r="EG9" s="72">
        <v>57</v>
      </c>
      <c r="EH9" s="244"/>
      <c r="EI9" s="71">
        <v>55</v>
      </c>
      <c r="EJ9" s="71">
        <v>30</v>
      </c>
      <c r="EK9" s="71">
        <v>14</v>
      </c>
      <c r="EL9" s="71">
        <v>13</v>
      </c>
      <c r="EM9" s="71">
        <v>14</v>
      </c>
      <c r="EN9" s="72">
        <v>126</v>
      </c>
      <c r="EO9" s="73">
        <v>183</v>
      </c>
      <c r="EP9" s="70">
        <v>48</v>
      </c>
      <c r="EQ9" s="71">
        <v>47</v>
      </c>
      <c r="ER9" s="72">
        <v>95</v>
      </c>
      <c r="ES9" s="244"/>
      <c r="ET9" s="71">
        <v>83</v>
      </c>
      <c r="EU9" s="71">
        <v>48</v>
      </c>
      <c r="EV9" s="71">
        <v>23</v>
      </c>
      <c r="EW9" s="71">
        <v>17</v>
      </c>
      <c r="EX9" s="71">
        <v>25</v>
      </c>
      <c r="EY9" s="72">
        <v>196</v>
      </c>
      <c r="EZ9" s="73">
        <v>291</v>
      </c>
      <c r="FA9" s="70">
        <v>62</v>
      </c>
      <c r="FB9" s="71">
        <v>65</v>
      </c>
      <c r="FC9" s="72">
        <v>127</v>
      </c>
      <c r="FD9" s="244"/>
      <c r="FE9" s="71">
        <v>101</v>
      </c>
      <c r="FF9" s="71">
        <v>73</v>
      </c>
      <c r="FG9" s="71">
        <v>56</v>
      </c>
      <c r="FH9" s="71">
        <v>40</v>
      </c>
      <c r="FI9" s="71">
        <v>35</v>
      </c>
      <c r="FJ9" s="72">
        <v>305</v>
      </c>
      <c r="FK9" s="73">
        <v>432</v>
      </c>
      <c r="FL9" s="70">
        <v>46</v>
      </c>
      <c r="FM9" s="71">
        <v>53</v>
      </c>
      <c r="FN9" s="72">
        <v>99</v>
      </c>
      <c r="FO9" s="241"/>
      <c r="FP9" s="71">
        <v>111</v>
      </c>
      <c r="FQ9" s="71">
        <v>84</v>
      </c>
      <c r="FR9" s="71">
        <v>77</v>
      </c>
      <c r="FS9" s="71">
        <v>107</v>
      </c>
      <c r="FT9" s="71">
        <v>59</v>
      </c>
      <c r="FU9" s="72">
        <v>438</v>
      </c>
      <c r="FV9" s="73">
        <v>537</v>
      </c>
      <c r="FW9" s="70">
        <v>0</v>
      </c>
      <c r="FX9" s="71">
        <v>0</v>
      </c>
      <c r="FY9" s="72">
        <v>0</v>
      </c>
      <c r="FZ9" s="244"/>
      <c r="GA9" s="71">
        <v>0</v>
      </c>
      <c r="GB9" s="71">
        <v>0</v>
      </c>
      <c r="GC9" s="71">
        <v>0</v>
      </c>
      <c r="GD9" s="71">
        <v>0</v>
      </c>
      <c r="GE9" s="71">
        <v>0</v>
      </c>
      <c r="GF9" s="72">
        <v>0</v>
      </c>
      <c r="GG9" s="73">
        <v>0</v>
      </c>
      <c r="GH9" s="70">
        <v>204</v>
      </c>
      <c r="GI9" s="71">
        <v>202</v>
      </c>
      <c r="GJ9" s="72">
        <v>406</v>
      </c>
      <c r="GK9" s="244"/>
      <c r="GL9" s="71">
        <v>389</v>
      </c>
      <c r="GM9" s="71">
        <v>246</v>
      </c>
      <c r="GN9" s="71">
        <v>181</v>
      </c>
      <c r="GO9" s="71">
        <v>193</v>
      </c>
      <c r="GP9" s="71">
        <v>138</v>
      </c>
      <c r="GQ9" s="72">
        <v>1147</v>
      </c>
      <c r="GR9" s="73">
        <v>1553</v>
      </c>
      <c r="GS9" s="123">
        <v>630</v>
      </c>
      <c r="GT9" s="82">
        <v>559</v>
      </c>
      <c r="GU9" s="83">
        <v>1189</v>
      </c>
      <c r="GV9" s="241"/>
      <c r="GW9" s="82">
        <v>1128</v>
      </c>
      <c r="GX9" s="82">
        <v>797</v>
      </c>
      <c r="GY9" s="82">
        <v>561</v>
      </c>
      <c r="GZ9" s="82">
        <v>559</v>
      </c>
      <c r="HA9" s="82">
        <v>373</v>
      </c>
      <c r="HB9" s="84">
        <v>3418</v>
      </c>
      <c r="HC9" s="85">
        <v>4607</v>
      </c>
      <c r="HD9" s="70">
        <v>14</v>
      </c>
      <c r="HE9" s="71">
        <v>24</v>
      </c>
      <c r="HF9" s="72">
        <v>38</v>
      </c>
      <c r="HG9" s="244"/>
      <c r="HH9" s="71">
        <v>32</v>
      </c>
      <c r="HI9" s="71">
        <v>31</v>
      </c>
      <c r="HJ9" s="71">
        <v>13</v>
      </c>
      <c r="HK9" s="71">
        <v>21</v>
      </c>
      <c r="HL9" s="71">
        <v>14</v>
      </c>
      <c r="HM9" s="72">
        <v>111</v>
      </c>
      <c r="HN9" s="73">
        <v>149</v>
      </c>
      <c r="HO9" s="70">
        <v>49</v>
      </c>
      <c r="HP9" s="71">
        <v>42</v>
      </c>
      <c r="HQ9" s="72">
        <v>91</v>
      </c>
      <c r="HR9" s="244"/>
      <c r="HS9" s="71">
        <v>94</v>
      </c>
      <c r="HT9" s="71">
        <v>60</v>
      </c>
      <c r="HU9" s="71">
        <v>47</v>
      </c>
      <c r="HV9" s="71">
        <v>41</v>
      </c>
      <c r="HW9" s="71">
        <v>31</v>
      </c>
      <c r="HX9" s="72">
        <v>273</v>
      </c>
      <c r="HY9" s="73">
        <v>364</v>
      </c>
      <c r="HZ9" s="70">
        <v>81</v>
      </c>
      <c r="IA9" s="71">
        <v>71</v>
      </c>
      <c r="IB9" s="72">
        <v>152</v>
      </c>
      <c r="IC9" s="244"/>
      <c r="ID9" s="71">
        <v>140</v>
      </c>
      <c r="IE9" s="71">
        <v>101</v>
      </c>
      <c r="IF9" s="71">
        <v>62</v>
      </c>
      <c r="IG9" s="71">
        <v>56</v>
      </c>
      <c r="IH9" s="71">
        <v>53</v>
      </c>
      <c r="II9" s="72">
        <v>412</v>
      </c>
      <c r="IJ9" s="73">
        <v>564</v>
      </c>
      <c r="IK9" s="70">
        <v>138</v>
      </c>
      <c r="IL9" s="71">
        <v>118</v>
      </c>
      <c r="IM9" s="72">
        <v>256</v>
      </c>
      <c r="IN9" s="244"/>
      <c r="IO9" s="71">
        <v>244</v>
      </c>
      <c r="IP9" s="71">
        <v>155</v>
      </c>
      <c r="IQ9" s="71">
        <v>104</v>
      </c>
      <c r="IR9" s="71">
        <v>86</v>
      </c>
      <c r="IS9" s="71">
        <v>60</v>
      </c>
      <c r="IT9" s="72">
        <v>649</v>
      </c>
      <c r="IU9" s="73">
        <v>905</v>
      </c>
      <c r="IV9" s="70">
        <v>190</v>
      </c>
      <c r="IW9" s="71">
        <v>167</v>
      </c>
      <c r="IX9" s="72">
        <v>357</v>
      </c>
      <c r="IY9" s="244"/>
      <c r="IZ9" s="71">
        <v>301</v>
      </c>
      <c r="JA9" s="71">
        <v>206</v>
      </c>
      <c r="JB9" s="71">
        <v>159</v>
      </c>
      <c r="JC9" s="71">
        <v>151</v>
      </c>
      <c r="JD9" s="71">
        <v>94</v>
      </c>
      <c r="JE9" s="72">
        <v>911</v>
      </c>
      <c r="JF9" s="73">
        <v>1268</v>
      </c>
      <c r="JG9" s="70">
        <v>158</v>
      </c>
      <c r="JH9" s="71">
        <v>137</v>
      </c>
      <c r="JI9" s="72">
        <v>295</v>
      </c>
      <c r="JJ9" s="244"/>
      <c r="JK9" s="71">
        <v>317</v>
      </c>
      <c r="JL9" s="71">
        <v>244</v>
      </c>
      <c r="JM9" s="71">
        <v>176</v>
      </c>
      <c r="JN9" s="71">
        <v>204</v>
      </c>
      <c r="JO9" s="71">
        <v>121</v>
      </c>
      <c r="JP9" s="72">
        <v>1062</v>
      </c>
      <c r="JQ9" s="73">
        <v>1357</v>
      </c>
      <c r="JR9" s="70">
        <v>0</v>
      </c>
      <c r="JS9" s="71">
        <v>0</v>
      </c>
      <c r="JT9" s="72">
        <v>0</v>
      </c>
      <c r="JU9" s="244"/>
      <c r="JV9" s="71">
        <v>0</v>
      </c>
      <c r="JW9" s="71">
        <v>0</v>
      </c>
      <c r="JX9" s="71">
        <v>0</v>
      </c>
      <c r="JY9" s="71">
        <v>0</v>
      </c>
      <c r="JZ9" s="71">
        <v>0</v>
      </c>
      <c r="KA9" s="72">
        <v>0</v>
      </c>
      <c r="KB9" s="73">
        <v>0</v>
      </c>
      <c r="KC9" s="70">
        <v>630</v>
      </c>
      <c r="KD9" s="71">
        <v>559</v>
      </c>
      <c r="KE9" s="72">
        <v>1189</v>
      </c>
      <c r="KF9" s="244"/>
      <c r="KG9" s="71">
        <v>1128</v>
      </c>
      <c r="KH9" s="71">
        <v>797</v>
      </c>
      <c r="KI9" s="71">
        <v>561</v>
      </c>
      <c r="KJ9" s="71">
        <v>559</v>
      </c>
      <c r="KK9" s="71">
        <v>373</v>
      </c>
      <c r="KL9" s="72">
        <v>3418</v>
      </c>
      <c r="KM9" s="73">
        <v>4607</v>
      </c>
    </row>
    <row r="10" spans="2:299" ht="19.5" customHeight="1" x14ac:dyDescent="0.2">
      <c r="B10" s="126" t="s">
        <v>14</v>
      </c>
      <c r="C10" s="316">
        <v>177</v>
      </c>
      <c r="D10" s="82">
        <v>200</v>
      </c>
      <c r="E10" s="83">
        <v>377</v>
      </c>
      <c r="F10" s="241"/>
      <c r="G10" s="82">
        <v>248</v>
      </c>
      <c r="H10" s="82">
        <v>242</v>
      </c>
      <c r="I10" s="82">
        <v>158</v>
      </c>
      <c r="J10" s="82">
        <v>142</v>
      </c>
      <c r="K10" s="82">
        <v>102</v>
      </c>
      <c r="L10" s="84">
        <v>892</v>
      </c>
      <c r="M10" s="85">
        <v>1269</v>
      </c>
      <c r="N10" s="70">
        <v>12</v>
      </c>
      <c r="O10" s="71">
        <v>3</v>
      </c>
      <c r="P10" s="72">
        <v>15</v>
      </c>
      <c r="Q10" s="244"/>
      <c r="R10" s="71">
        <v>11</v>
      </c>
      <c r="S10" s="71">
        <v>11</v>
      </c>
      <c r="T10" s="71">
        <v>6</v>
      </c>
      <c r="U10" s="71">
        <v>10</v>
      </c>
      <c r="V10" s="71">
        <v>7</v>
      </c>
      <c r="W10" s="72">
        <v>45</v>
      </c>
      <c r="X10" s="73">
        <v>60</v>
      </c>
      <c r="Y10" s="70">
        <v>16</v>
      </c>
      <c r="Z10" s="71">
        <v>26</v>
      </c>
      <c r="AA10" s="72">
        <v>42</v>
      </c>
      <c r="AB10" s="244">
        <v>0</v>
      </c>
      <c r="AC10" s="71">
        <v>17</v>
      </c>
      <c r="AD10" s="71">
        <v>26</v>
      </c>
      <c r="AE10" s="71">
        <v>18</v>
      </c>
      <c r="AF10" s="71">
        <v>19</v>
      </c>
      <c r="AG10" s="71">
        <v>12</v>
      </c>
      <c r="AH10" s="72">
        <v>92</v>
      </c>
      <c r="AI10" s="73">
        <v>134</v>
      </c>
      <c r="AJ10" s="70">
        <v>18</v>
      </c>
      <c r="AK10" s="71">
        <v>28</v>
      </c>
      <c r="AL10" s="72">
        <v>46</v>
      </c>
      <c r="AM10" s="244"/>
      <c r="AN10" s="71">
        <v>26</v>
      </c>
      <c r="AO10" s="71">
        <v>26</v>
      </c>
      <c r="AP10" s="71">
        <v>18</v>
      </c>
      <c r="AQ10" s="71">
        <v>14</v>
      </c>
      <c r="AR10" s="71">
        <v>22</v>
      </c>
      <c r="AS10" s="72">
        <v>106</v>
      </c>
      <c r="AT10" s="73">
        <v>152</v>
      </c>
      <c r="AU10" s="70">
        <v>39</v>
      </c>
      <c r="AV10" s="71">
        <v>58</v>
      </c>
      <c r="AW10" s="72">
        <v>97</v>
      </c>
      <c r="AX10" s="244"/>
      <c r="AY10" s="71">
        <v>59</v>
      </c>
      <c r="AZ10" s="71">
        <v>59</v>
      </c>
      <c r="BA10" s="71">
        <v>40</v>
      </c>
      <c r="BB10" s="71">
        <v>27</v>
      </c>
      <c r="BC10" s="71">
        <v>21</v>
      </c>
      <c r="BD10" s="72">
        <v>206</v>
      </c>
      <c r="BE10" s="73">
        <v>303</v>
      </c>
      <c r="BF10" s="70">
        <v>58</v>
      </c>
      <c r="BG10" s="71">
        <v>54</v>
      </c>
      <c r="BH10" s="72">
        <v>112</v>
      </c>
      <c r="BI10" s="244">
        <v>0</v>
      </c>
      <c r="BJ10" s="71">
        <v>69</v>
      </c>
      <c r="BK10" s="71">
        <v>67</v>
      </c>
      <c r="BL10" s="71">
        <v>40</v>
      </c>
      <c r="BM10" s="71">
        <v>38</v>
      </c>
      <c r="BN10" s="71">
        <v>20</v>
      </c>
      <c r="BO10" s="72">
        <v>234</v>
      </c>
      <c r="BP10" s="73">
        <v>346</v>
      </c>
      <c r="BQ10" s="70">
        <v>34</v>
      </c>
      <c r="BR10" s="71">
        <v>31</v>
      </c>
      <c r="BS10" s="72">
        <v>65</v>
      </c>
      <c r="BT10" s="244"/>
      <c r="BU10" s="71">
        <v>66</v>
      </c>
      <c r="BV10" s="71">
        <v>53</v>
      </c>
      <c r="BW10" s="71">
        <v>36</v>
      </c>
      <c r="BX10" s="71">
        <v>34</v>
      </c>
      <c r="BY10" s="71">
        <v>20</v>
      </c>
      <c r="BZ10" s="72">
        <v>209</v>
      </c>
      <c r="CA10" s="73">
        <v>274</v>
      </c>
      <c r="CB10" s="70">
        <v>0</v>
      </c>
      <c r="CC10" s="71">
        <v>0</v>
      </c>
      <c r="CD10" s="72">
        <v>0</v>
      </c>
      <c r="CE10" s="244"/>
      <c r="CF10" s="71">
        <v>0</v>
      </c>
      <c r="CG10" s="71">
        <v>0</v>
      </c>
      <c r="CH10" s="71">
        <v>0</v>
      </c>
      <c r="CI10" s="71">
        <v>0</v>
      </c>
      <c r="CJ10" s="71">
        <v>0</v>
      </c>
      <c r="CK10" s="72">
        <v>0</v>
      </c>
      <c r="CL10" s="73">
        <v>0</v>
      </c>
      <c r="CM10" s="70">
        <v>177</v>
      </c>
      <c r="CN10" s="71">
        <v>200</v>
      </c>
      <c r="CO10" s="72">
        <v>377</v>
      </c>
      <c r="CP10" s="244"/>
      <c r="CQ10" s="71">
        <v>248</v>
      </c>
      <c r="CR10" s="71">
        <v>242</v>
      </c>
      <c r="CS10" s="71">
        <v>158</v>
      </c>
      <c r="CT10" s="71">
        <v>142</v>
      </c>
      <c r="CU10" s="71">
        <v>102</v>
      </c>
      <c r="CV10" s="72">
        <v>892</v>
      </c>
      <c r="CW10" s="73">
        <v>1269</v>
      </c>
      <c r="CX10" s="123">
        <v>62</v>
      </c>
      <c r="CY10" s="82">
        <v>83</v>
      </c>
      <c r="CZ10" s="83">
        <v>145</v>
      </c>
      <c r="DA10" s="241"/>
      <c r="DB10" s="82">
        <v>93</v>
      </c>
      <c r="DC10" s="82">
        <v>88</v>
      </c>
      <c r="DD10" s="82">
        <v>60</v>
      </c>
      <c r="DE10" s="82">
        <v>67</v>
      </c>
      <c r="DF10" s="82">
        <v>49</v>
      </c>
      <c r="DG10" s="84">
        <v>357</v>
      </c>
      <c r="DH10" s="85">
        <v>502</v>
      </c>
      <c r="DI10" s="70">
        <v>2</v>
      </c>
      <c r="DJ10" s="71">
        <v>3</v>
      </c>
      <c r="DK10" s="72">
        <v>5</v>
      </c>
      <c r="DL10" s="244"/>
      <c r="DM10" s="71">
        <v>1</v>
      </c>
      <c r="DN10" s="71">
        <v>3</v>
      </c>
      <c r="DO10" s="71">
        <v>1</v>
      </c>
      <c r="DP10" s="71">
        <v>0</v>
      </c>
      <c r="DQ10" s="71">
        <v>1</v>
      </c>
      <c r="DR10" s="72">
        <v>6</v>
      </c>
      <c r="DS10" s="73">
        <v>11</v>
      </c>
      <c r="DT10" s="70">
        <v>9</v>
      </c>
      <c r="DU10" s="71">
        <v>3</v>
      </c>
      <c r="DV10" s="72">
        <v>12</v>
      </c>
      <c r="DW10" s="244"/>
      <c r="DX10" s="71">
        <v>3</v>
      </c>
      <c r="DY10" s="71">
        <v>4</v>
      </c>
      <c r="DZ10" s="71">
        <v>5</v>
      </c>
      <c r="EA10" s="71">
        <v>3</v>
      </c>
      <c r="EB10" s="71">
        <v>0</v>
      </c>
      <c r="EC10" s="72">
        <v>15</v>
      </c>
      <c r="ED10" s="73">
        <v>27</v>
      </c>
      <c r="EE10" s="70">
        <v>10</v>
      </c>
      <c r="EF10" s="71">
        <v>8</v>
      </c>
      <c r="EG10" s="72">
        <v>18</v>
      </c>
      <c r="EH10" s="244"/>
      <c r="EI10" s="71">
        <v>11</v>
      </c>
      <c r="EJ10" s="71">
        <v>10</v>
      </c>
      <c r="EK10" s="71">
        <v>2</v>
      </c>
      <c r="EL10" s="71">
        <v>5</v>
      </c>
      <c r="EM10" s="71">
        <v>5</v>
      </c>
      <c r="EN10" s="72">
        <v>33</v>
      </c>
      <c r="EO10" s="73">
        <v>51</v>
      </c>
      <c r="EP10" s="70">
        <v>18</v>
      </c>
      <c r="EQ10" s="71">
        <v>21</v>
      </c>
      <c r="ER10" s="72">
        <v>39</v>
      </c>
      <c r="ES10" s="244"/>
      <c r="ET10" s="71">
        <v>18</v>
      </c>
      <c r="EU10" s="71">
        <v>15</v>
      </c>
      <c r="EV10" s="71">
        <v>11</v>
      </c>
      <c r="EW10" s="71">
        <v>7</v>
      </c>
      <c r="EX10" s="71">
        <v>8</v>
      </c>
      <c r="EY10" s="72">
        <v>59</v>
      </c>
      <c r="EZ10" s="73">
        <v>98</v>
      </c>
      <c r="FA10" s="70">
        <v>10</v>
      </c>
      <c r="FB10" s="71">
        <v>33</v>
      </c>
      <c r="FC10" s="72">
        <v>43</v>
      </c>
      <c r="FD10" s="244"/>
      <c r="FE10" s="71">
        <v>24</v>
      </c>
      <c r="FF10" s="71">
        <v>24</v>
      </c>
      <c r="FG10" s="71">
        <v>14</v>
      </c>
      <c r="FH10" s="71">
        <v>13</v>
      </c>
      <c r="FI10" s="71">
        <v>9</v>
      </c>
      <c r="FJ10" s="72">
        <v>84</v>
      </c>
      <c r="FK10" s="73">
        <v>127</v>
      </c>
      <c r="FL10" s="70">
        <v>13</v>
      </c>
      <c r="FM10" s="71">
        <v>15</v>
      </c>
      <c r="FN10" s="72">
        <v>28</v>
      </c>
      <c r="FO10" s="241"/>
      <c r="FP10" s="71">
        <v>36</v>
      </c>
      <c r="FQ10" s="71">
        <v>32</v>
      </c>
      <c r="FR10" s="71">
        <v>27</v>
      </c>
      <c r="FS10" s="71">
        <v>39</v>
      </c>
      <c r="FT10" s="71">
        <v>26</v>
      </c>
      <c r="FU10" s="72">
        <v>160</v>
      </c>
      <c r="FV10" s="73">
        <v>188</v>
      </c>
      <c r="FW10" s="70">
        <v>0</v>
      </c>
      <c r="FX10" s="71">
        <v>0</v>
      </c>
      <c r="FY10" s="72">
        <v>0</v>
      </c>
      <c r="FZ10" s="244"/>
      <c r="GA10" s="71">
        <v>0</v>
      </c>
      <c r="GB10" s="71">
        <v>0</v>
      </c>
      <c r="GC10" s="71">
        <v>0</v>
      </c>
      <c r="GD10" s="71">
        <v>0</v>
      </c>
      <c r="GE10" s="71">
        <v>0</v>
      </c>
      <c r="GF10" s="72">
        <v>0</v>
      </c>
      <c r="GG10" s="73">
        <v>0</v>
      </c>
      <c r="GH10" s="70">
        <v>62</v>
      </c>
      <c r="GI10" s="71">
        <v>83</v>
      </c>
      <c r="GJ10" s="72">
        <v>145</v>
      </c>
      <c r="GK10" s="244"/>
      <c r="GL10" s="71">
        <v>93</v>
      </c>
      <c r="GM10" s="71">
        <v>88</v>
      </c>
      <c r="GN10" s="71">
        <v>60</v>
      </c>
      <c r="GO10" s="71">
        <v>67</v>
      </c>
      <c r="GP10" s="71">
        <v>49</v>
      </c>
      <c r="GQ10" s="72">
        <v>357</v>
      </c>
      <c r="GR10" s="73">
        <v>502</v>
      </c>
      <c r="GS10" s="123">
        <v>239</v>
      </c>
      <c r="GT10" s="82">
        <v>283</v>
      </c>
      <c r="GU10" s="83">
        <v>522</v>
      </c>
      <c r="GV10" s="241"/>
      <c r="GW10" s="82">
        <v>341</v>
      </c>
      <c r="GX10" s="82">
        <v>330</v>
      </c>
      <c r="GY10" s="82">
        <v>218</v>
      </c>
      <c r="GZ10" s="82">
        <v>209</v>
      </c>
      <c r="HA10" s="82">
        <v>151</v>
      </c>
      <c r="HB10" s="84">
        <v>1249</v>
      </c>
      <c r="HC10" s="85">
        <v>1771</v>
      </c>
      <c r="HD10" s="70">
        <v>14</v>
      </c>
      <c r="HE10" s="71">
        <v>6</v>
      </c>
      <c r="HF10" s="72">
        <v>20</v>
      </c>
      <c r="HG10" s="244"/>
      <c r="HH10" s="71">
        <v>12</v>
      </c>
      <c r="HI10" s="71">
        <v>14</v>
      </c>
      <c r="HJ10" s="71">
        <v>7</v>
      </c>
      <c r="HK10" s="71">
        <v>10</v>
      </c>
      <c r="HL10" s="71">
        <v>8</v>
      </c>
      <c r="HM10" s="72">
        <v>51</v>
      </c>
      <c r="HN10" s="73">
        <v>71</v>
      </c>
      <c r="HO10" s="70">
        <v>25</v>
      </c>
      <c r="HP10" s="71">
        <v>29</v>
      </c>
      <c r="HQ10" s="72">
        <v>54</v>
      </c>
      <c r="HR10" s="244"/>
      <c r="HS10" s="71">
        <v>20</v>
      </c>
      <c r="HT10" s="71">
        <v>30</v>
      </c>
      <c r="HU10" s="71">
        <v>23</v>
      </c>
      <c r="HV10" s="71">
        <v>22</v>
      </c>
      <c r="HW10" s="71">
        <v>12</v>
      </c>
      <c r="HX10" s="72">
        <v>107</v>
      </c>
      <c r="HY10" s="73">
        <v>161</v>
      </c>
      <c r="HZ10" s="70">
        <v>28</v>
      </c>
      <c r="IA10" s="71">
        <v>36</v>
      </c>
      <c r="IB10" s="72">
        <v>64</v>
      </c>
      <c r="IC10" s="244"/>
      <c r="ID10" s="71">
        <v>37</v>
      </c>
      <c r="IE10" s="71">
        <v>36</v>
      </c>
      <c r="IF10" s="71">
        <v>20</v>
      </c>
      <c r="IG10" s="71">
        <v>19</v>
      </c>
      <c r="IH10" s="71">
        <v>27</v>
      </c>
      <c r="II10" s="72">
        <v>139</v>
      </c>
      <c r="IJ10" s="73">
        <v>203</v>
      </c>
      <c r="IK10" s="70">
        <v>57</v>
      </c>
      <c r="IL10" s="71">
        <v>79</v>
      </c>
      <c r="IM10" s="72">
        <v>136</v>
      </c>
      <c r="IN10" s="244"/>
      <c r="IO10" s="71">
        <v>77</v>
      </c>
      <c r="IP10" s="71">
        <v>74</v>
      </c>
      <c r="IQ10" s="71">
        <v>51</v>
      </c>
      <c r="IR10" s="71">
        <v>34</v>
      </c>
      <c r="IS10" s="71">
        <v>29</v>
      </c>
      <c r="IT10" s="72">
        <v>265</v>
      </c>
      <c r="IU10" s="73">
        <v>401</v>
      </c>
      <c r="IV10" s="70">
        <v>68</v>
      </c>
      <c r="IW10" s="71">
        <v>87</v>
      </c>
      <c r="IX10" s="72">
        <v>155</v>
      </c>
      <c r="IY10" s="244"/>
      <c r="IZ10" s="71">
        <v>93</v>
      </c>
      <c r="JA10" s="71">
        <v>91</v>
      </c>
      <c r="JB10" s="71">
        <v>54</v>
      </c>
      <c r="JC10" s="71">
        <v>51</v>
      </c>
      <c r="JD10" s="71">
        <v>29</v>
      </c>
      <c r="JE10" s="72">
        <v>318</v>
      </c>
      <c r="JF10" s="73">
        <v>473</v>
      </c>
      <c r="JG10" s="70">
        <v>47</v>
      </c>
      <c r="JH10" s="71">
        <v>46</v>
      </c>
      <c r="JI10" s="72">
        <v>93</v>
      </c>
      <c r="JJ10" s="244"/>
      <c r="JK10" s="71">
        <v>102</v>
      </c>
      <c r="JL10" s="71">
        <v>85</v>
      </c>
      <c r="JM10" s="71">
        <v>63</v>
      </c>
      <c r="JN10" s="71">
        <v>73</v>
      </c>
      <c r="JO10" s="71">
        <v>46</v>
      </c>
      <c r="JP10" s="72">
        <v>369</v>
      </c>
      <c r="JQ10" s="73">
        <v>462</v>
      </c>
      <c r="JR10" s="70">
        <v>0</v>
      </c>
      <c r="JS10" s="71">
        <v>0</v>
      </c>
      <c r="JT10" s="72">
        <v>0</v>
      </c>
      <c r="JU10" s="244"/>
      <c r="JV10" s="71">
        <v>0</v>
      </c>
      <c r="JW10" s="71">
        <v>0</v>
      </c>
      <c r="JX10" s="71">
        <v>0</v>
      </c>
      <c r="JY10" s="71">
        <v>0</v>
      </c>
      <c r="JZ10" s="71">
        <v>0</v>
      </c>
      <c r="KA10" s="72">
        <v>0</v>
      </c>
      <c r="KB10" s="73">
        <v>0</v>
      </c>
      <c r="KC10" s="70">
        <v>239</v>
      </c>
      <c r="KD10" s="71">
        <v>283</v>
      </c>
      <c r="KE10" s="72">
        <v>522</v>
      </c>
      <c r="KF10" s="244"/>
      <c r="KG10" s="71">
        <v>341</v>
      </c>
      <c r="KH10" s="71">
        <v>330</v>
      </c>
      <c r="KI10" s="71">
        <v>218</v>
      </c>
      <c r="KJ10" s="71">
        <v>209</v>
      </c>
      <c r="KK10" s="71">
        <v>151</v>
      </c>
      <c r="KL10" s="72">
        <v>1249</v>
      </c>
      <c r="KM10" s="73">
        <v>1771</v>
      </c>
    </row>
    <row r="11" spans="2:299" ht="19.5" customHeight="1" x14ac:dyDescent="0.2">
      <c r="B11" s="126" t="s">
        <v>7</v>
      </c>
      <c r="C11" s="316">
        <v>122</v>
      </c>
      <c r="D11" s="82">
        <v>83</v>
      </c>
      <c r="E11" s="83">
        <v>205</v>
      </c>
      <c r="F11" s="241"/>
      <c r="G11" s="82">
        <v>244</v>
      </c>
      <c r="H11" s="82">
        <v>155</v>
      </c>
      <c r="I11" s="82">
        <v>87</v>
      </c>
      <c r="J11" s="82">
        <v>63</v>
      </c>
      <c r="K11" s="82">
        <v>44</v>
      </c>
      <c r="L11" s="84">
        <v>593</v>
      </c>
      <c r="M11" s="85">
        <v>798</v>
      </c>
      <c r="N11" s="70">
        <v>7</v>
      </c>
      <c r="O11" s="71">
        <v>2</v>
      </c>
      <c r="P11" s="72">
        <v>9</v>
      </c>
      <c r="Q11" s="244"/>
      <c r="R11" s="71">
        <v>6</v>
      </c>
      <c r="S11" s="71">
        <v>9</v>
      </c>
      <c r="T11" s="71">
        <v>4</v>
      </c>
      <c r="U11" s="71">
        <v>4</v>
      </c>
      <c r="V11" s="71">
        <v>2</v>
      </c>
      <c r="W11" s="72">
        <v>25</v>
      </c>
      <c r="X11" s="73">
        <v>34</v>
      </c>
      <c r="Y11" s="70">
        <v>13</v>
      </c>
      <c r="Z11" s="71">
        <v>5</v>
      </c>
      <c r="AA11" s="72">
        <v>18</v>
      </c>
      <c r="AB11" s="244">
        <v>0</v>
      </c>
      <c r="AC11" s="71">
        <v>25</v>
      </c>
      <c r="AD11" s="71">
        <v>13</v>
      </c>
      <c r="AE11" s="71">
        <v>16</v>
      </c>
      <c r="AF11" s="71">
        <v>5</v>
      </c>
      <c r="AG11" s="71">
        <v>5</v>
      </c>
      <c r="AH11" s="72">
        <v>64</v>
      </c>
      <c r="AI11" s="73">
        <v>82</v>
      </c>
      <c r="AJ11" s="70">
        <v>16</v>
      </c>
      <c r="AK11" s="71">
        <v>7</v>
      </c>
      <c r="AL11" s="72">
        <v>23</v>
      </c>
      <c r="AM11" s="244"/>
      <c r="AN11" s="71">
        <v>30</v>
      </c>
      <c r="AO11" s="71">
        <v>18</v>
      </c>
      <c r="AP11" s="71">
        <v>11</v>
      </c>
      <c r="AQ11" s="71">
        <v>13</v>
      </c>
      <c r="AR11" s="71">
        <v>6</v>
      </c>
      <c r="AS11" s="72">
        <v>78</v>
      </c>
      <c r="AT11" s="73">
        <v>101</v>
      </c>
      <c r="AU11" s="70">
        <v>29</v>
      </c>
      <c r="AV11" s="71">
        <v>24</v>
      </c>
      <c r="AW11" s="72">
        <v>53</v>
      </c>
      <c r="AX11" s="244"/>
      <c r="AY11" s="71">
        <v>66</v>
      </c>
      <c r="AZ11" s="71">
        <v>35</v>
      </c>
      <c r="BA11" s="71">
        <v>14</v>
      </c>
      <c r="BB11" s="71">
        <v>10</v>
      </c>
      <c r="BC11" s="71">
        <v>11</v>
      </c>
      <c r="BD11" s="72">
        <v>136</v>
      </c>
      <c r="BE11" s="73">
        <v>189</v>
      </c>
      <c r="BF11" s="70">
        <v>32</v>
      </c>
      <c r="BG11" s="71">
        <v>23</v>
      </c>
      <c r="BH11" s="72">
        <v>55</v>
      </c>
      <c r="BI11" s="244">
        <v>0</v>
      </c>
      <c r="BJ11" s="71">
        <v>58</v>
      </c>
      <c r="BK11" s="71">
        <v>38</v>
      </c>
      <c r="BL11" s="71">
        <v>20</v>
      </c>
      <c r="BM11" s="71">
        <v>14</v>
      </c>
      <c r="BN11" s="71">
        <v>12</v>
      </c>
      <c r="BO11" s="72">
        <v>142</v>
      </c>
      <c r="BP11" s="73">
        <v>197</v>
      </c>
      <c r="BQ11" s="70">
        <v>25</v>
      </c>
      <c r="BR11" s="71">
        <v>22</v>
      </c>
      <c r="BS11" s="72">
        <v>47</v>
      </c>
      <c r="BT11" s="244"/>
      <c r="BU11" s="71">
        <v>59</v>
      </c>
      <c r="BV11" s="71">
        <v>42</v>
      </c>
      <c r="BW11" s="71">
        <v>22</v>
      </c>
      <c r="BX11" s="71">
        <v>17</v>
      </c>
      <c r="BY11" s="71">
        <v>8</v>
      </c>
      <c r="BZ11" s="72">
        <v>148</v>
      </c>
      <c r="CA11" s="73">
        <v>195</v>
      </c>
      <c r="CB11" s="70">
        <v>0</v>
      </c>
      <c r="CC11" s="71">
        <v>0</v>
      </c>
      <c r="CD11" s="72">
        <v>0</v>
      </c>
      <c r="CE11" s="244"/>
      <c r="CF11" s="71">
        <v>0</v>
      </c>
      <c r="CG11" s="71">
        <v>0</v>
      </c>
      <c r="CH11" s="71">
        <v>0</v>
      </c>
      <c r="CI11" s="71">
        <v>0</v>
      </c>
      <c r="CJ11" s="71">
        <v>0</v>
      </c>
      <c r="CK11" s="72">
        <v>0</v>
      </c>
      <c r="CL11" s="73">
        <v>0</v>
      </c>
      <c r="CM11" s="70">
        <v>122</v>
      </c>
      <c r="CN11" s="71">
        <v>83</v>
      </c>
      <c r="CO11" s="72">
        <v>205</v>
      </c>
      <c r="CP11" s="244"/>
      <c r="CQ11" s="71">
        <v>244</v>
      </c>
      <c r="CR11" s="71">
        <v>155</v>
      </c>
      <c r="CS11" s="71">
        <v>87</v>
      </c>
      <c r="CT11" s="71">
        <v>63</v>
      </c>
      <c r="CU11" s="71">
        <v>44</v>
      </c>
      <c r="CV11" s="72">
        <v>593</v>
      </c>
      <c r="CW11" s="73">
        <v>798</v>
      </c>
      <c r="CX11" s="123">
        <v>34</v>
      </c>
      <c r="CY11" s="82">
        <v>34</v>
      </c>
      <c r="CZ11" s="83">
        <v>68</v>
      </c>
      <c r="DA11" s="241"/>
      <c r="DB11" s="82">
        <v>70</v>
      </c>
      <c r="DC11" s="82">
        <v>34</v>
      </c>
      <c r="DD11" s="82">
        <v>30</v>
      </c>
      <c r="DE11" s="82">
        <v>25</v>
      </c>
      <c r="DF11" s="82">
        <v>18</v>
      </c>
      <c r="DG11" s="84">
        <v>177</v>
      </c>
      <c r="DH11" s="85">
        <v>245</v>
      </c>
      <c r="DI11" s="70">
        <v>0</v>
      </c>
      <c r="DJ11" s="71">
        <v>0</v>
      </c>
      <c r="DK11" s="72">
        <v>0</v>
      </c>
      <c r="DL11" s="244"/>
      <c r="DM11" s="71">
        <v>2</v>
      </c>
      <c r="DN11" s="71">
        <v>2</v>
      </c>
      <c r="DO11" s="71">
        <v>2</v>
      </c>
      <c r="DP11" s="71">
        <v>0</v>
      </c>
      <c r="DQ11" s="71">
        <v>1</v>
      </c>
      <c r="DR11" s="72">
        <v>7</v>
      </c>
      <c r="DS11" s="73">
        <v>7</v>
      </c>
      <c r="DT11" s="70">
        <v>2</v>
      </c>
      <c r="DU11" s="71">
        <v>2</v>
      </c>
      <c r="DV11" s="72">
        <v>4</v>
      </c>
      <c r="DW11" s="244"/>
      <c r="DX11" s="71">
        <v>7</v>
      </c>
      <c r="DY11" s="71">
        <v>6</v>
      </c>
      <c r="DZ11" s="71">
        <v>2</v>
      </c>
      <c r="EA11" s="71">
        <v>1</v>
      </c>
      <c r="EB11" s="71">
        <v>0</v>
      </c>
      <c r="EC11" s="72">
        <v>16</v>
      </c>
      <c r="ED11" s="73">
        <v>20</v>
      </c>
      <c r="EE11" s="70">
        <v>1</v>
      </c>
      <c r="EF11" s="71">
        <v>3</v>
      </c>
      <c r="EG11" s="72">
        <v>4</v>
      </c>
      <c r="EH11" s="244"/>
      <c r="EI11" s="71">
        <v>5</v>
      </c>
      <c r="EJ11" s="71">
        <v>2</v>
      </c>
      <c r="EK11" s="71">
        <v>2</v>
      </c>
      <c r="EL11" s="71">
        <v>5</v>
      </c>
      <c r="EM11" s="71">
        <v>2</v>
      </c>
      <c r="EN11" s="72">
        <v>16</v>
      </c>
      <c r="EO11" s="73">
        <v>20</v>
      </c>
      <c r="EP11" s="70">
        <v>9</v>
      </c>
      <c r="EQ11" s="71">
        <v>10</v>
      </c>
      <c r="ER11" s="72">
        <v>19</v>
      </c>
      <c r="ES11" s="244"/>
      <c r="ET11" s="71">
        <v>16</v>
      </c>
      <c r="EU11" s="71">
        <v>3</v>
      </c>
      <c r="EV11" s="71">
        <v>4</v>
      </c>
      <c r="EW11" s="71">
        <v>2</v>
      </c>
      <c r="EX11" s="71">
        <v>2</v>
      </c>
      <c r="EY11" s="72">
        <v>27</v>
      </c>
      <c r="EZ11" s="73">
        <v>46</v>
      </c>
      <c r="FA11" s="70">
        <v>16</v>
      </c>
      <c r="FB11" s="71">
        <v>10</v>
      </c>
      <c r="FC11" s="72">
        <v>26</v>
      </c>
      <c r="FD11" s="244"/>
      <c r="FE11" s="71">
        <v>21</v>
      </c>
      <c r="FF11" s="71">
        <v>6</v>
      </c>
      <c r="FG11" s="71">
        <v>10</v>
      </c>
      <c r="FH11" s="71">
        <v>3</v>
      </c>
      <c r="FI11" s="71">
        <v>7</v>
      </c>
      <c r="FJ11" s="72">
        <v>47</v>
      </c>
      <c r="FK11" s="73">
        <v>73</v>
      </c>
      <c r="FL11" s="70">
        <v>6</v>
      </c>
      <c r="FM11" s="71">
        <v>9</v>
      </c>
      <c r="FN11" s="72">
        <v>15</v>
      </c>
      <c r="FO11" s="241"/>
      <c r="FP11" s="71">
        <v>19</v>
      </c>
      <c r="FQ11" s="71">
        <v>15</v>
      </c>
      <c r="FR11" s="71">
        <v>10</v>
      </c>
      <c r="FS11" s="71">
        <v>14</v>
      </c>
      <c r="FT11" s="71">
        <v>6</v>
      </c>
      <c r="FU11" s="72">
        <v>64</v>
      </c>
      <c r="FV11" s="73">
        <v>79</v>
      </c>
      <c r="FW11" s="70">
        <v>0</v>
      </c>
      <c r="FX11" s="71">
        <v>0</v>
      </c>
      <c r="FY11" s="72">
        <v>0</v>
      </c>
      <c r="FZ11" s="244"/>
      <c r="GA11" s="71">
        <v>0</v>
      </c>
      <c r="GB11" s="71">
        <v>0</v>
      </c>
      <c r="GC11" s="71">
        <v>0</v>
      </c>
      <c r="GD11" s="71">
        <v>0</v>
      </c>
      <c r="GE11" s="71">
        <v>0</v>
      </c>
      <c r="GF11" s="72">
        <v>0</v>
      </c>
      <c r="GG11" s="73">
        <v>0</v>
      </c>
      <c r="GH11" s="70">
        <v>34</v>
      </c>
      <c r="GI11" s="71">
        <v>34</v>
      </c>
      <c r="GJ11" s="72">
        <v>68</v>
      </c>
      <c r="GK11" s="244"/>
      <c r="GL11" s="71">
        <v>70</v>
      </c>
      <c r="GM11" s="71">
        <v>34</v>
      </c>
      <c r="GN11" s="71">
        <v>30</v>
      </c>
      <c r="GO11" s="71">
        <v>25</v>
      </c>
      <c r="GP11" s="71">
        <v>18</v>
      </c>
      <c r="GQ11" s="72">
        <v>177</v>
      </c>
      <c r="GR11" s="73">
        <v>245</v>
      </c>
      <c r="GS11" s="123">
        <v>156</v>
      </c>
      <c r="GT11" s="82">
        <v>117</v>
      </c>
      <c r="GU11" s="83">
        <v>273</v>
      </c>
      <c r="GV11" s="241"/>
      <c r="GW11" s="82">
        <v>314</v>
      </c>
      <c r="GX11" s="82">
        <v>189</v>
      </c>
      <c r="GY11" s="82">
        <v>117</v>
      </c>
      <c r="GZ11" s="82">
        <v>88</v>
      </c>
      <c r="HA11" s="82">
        <v>62</v>
      </c>
      <c r="HB11" s="84">
        <v>770</v>
      </c>
      <c r="HC11" s="85">
        <v>1043</v>
      </c>
      <c r="HD11" s="70">
        <v>7</v>
      </c>
      <c r="HE11" s="71">
        <v>2</v>
      </c>
      <c r="HF11" s="72">
        <v>9</v>
      </c>
      <c r="HG11" s="244"/>
      <c r="HH11" s="71">
        <v>8</v>
      </c>
      <c r="HI11" s="71">
        <v>11</v>
      </c>
      <c r="HJ11" s="71">
        <v>6</v>
      </c>
      <c r="HK11" s="71">
        <v>4</v>
      </c>
      <c r="HL11" s="71">
        <v>3</v>
      </c>
      <c r="HM11" s="72">
        <v>32</v>
      </c>
      <c r="HN11" s="73">
        <v>41</v>
      </c>
      <c r="HO11" s="70">
        <v>15</v>
      </c>
      <c r="HP11" s="71">
        <v>7</v>
      </c>
      <c r="HQ11" s="72">
        <v>22</v>
      </c>
      <c r="HR11" s="244"/>
      <c r="HS11" s="71">
        <v>32</v>
      </c>
      <c r="HT11" s="71">
        <v>19</v>
      </c>
      <c r="HU11" s="71">
        <v>18</v>
      </c>
      <c r="HV11" s="71">
        <v>6</v>
      </c>
      <c r="HW11" s="71">
        <v>5</v>
      </c>
      <c r="HX11" s="72">
        <v>80</v>
      </c>
      <c r="HY11" s="73">
        <v>102</v>
      </c>
      <c r="HZ11" s="70">
        <v>17</v>
      </c>
      <c r="IA11" s="71">
        <v>10</v>
      </c>
      <c r="IB11" s="72">
        <v>27</v>
      </c>
      <c r="IC11" s="244"/>
      <c r="ID11" s="71">
        <v>35</v>
      </c>
      <c r="IE11" s="71">
        <v>20</v>
      </c>
      <c r="IF11" s="71">
        <v>13</v>
      </c>
      <c r="IG11" s="71">
        <v>18</v>
      </c>
      <c r="IH11" s="71">
        <v>8</v>
      </c>
      <c r="II11" s="72">
        <v>94</v>
      </c>
      <c r="IJ11" s="73">
        <v>121</v>
      </c>
      <c r="IK11" s="70">
        <v>38</v>
      </c>
      <c r="IL11" s="71">
        <v>34</v>
      </c>
      <c r="IM11" s="72">
        <v>72</v>
      </c>
      <c r="IN11" s="244"/>
      <c r="IO11" s="71">
        <v>82</v>
      </c>
      <c r="IP11" s="71">
        <v>38</v>
      </c>
      <c r="IQ11" s="71">
        <v>18</v>
      </c>
      <c r="IR11" s="71">
        <v>12</v>
      </c>
      <c r="IS11" s="71">
        <v>13</v>
      </c>
      <c r="IT11" s="72">
        <v>163</v>
      </c>
      <c r="IU11" s="73">
        <v>235</v>
      </c>
      <c r="IV11" s="70">
        <v>48</v>
      </c>
      <c r="IW11" s="71">
        <v>33</v>
      </c>
      <c r="IX11" s="72">
        <v>81</v>
      </c>
      <c r="IY11" s="244"/>
      <c r="IZ11" s="71">
        <v>79</v>
      </c>
      <c r="JA11" s="71">
        <v>44</v>
      </c>
      <c r="JB11" s="71">
        <v>30</v>
      </c>
      <c r="JC11" s="71">
        <v>17</v>
      </c>
      <c r="JD11" s="71">
        <v>19</v>
      </c>
      <c r="JE11" s="72">
        <v>189</v>
      </c>
      <c r="JF11" s="73">
        <v>270</v>
      </c>
      <c r="JG11" s="70">
        <v>31</v>
      </c>
      <c r="JH11" s="71">
        <v>31</v>
      </c>
      <c r="JI11" s="72">
        <v>62</v>
      </c>
      <c r="JJ11" s="244"/>
      <c r="JK11" s="71">
        <v>78</v>
      </c>
      <c r="JL11" s="71">
        <v>57</v>
      </c>
      <c r="JM11" s="71">
        <v>32</v>
      </c>
      <c r="JN11" s="71">
        <v>31</v>
      </c>
      <c r="JO11" s="71">
        <v>14</v>
      </c>
      <c r="JP11" s="72">
        <v>212</v>
      </c>
      <c r="JQ11" s="73">
        <v>274</v>
      </c>
      <c r="JR11" s="70">
        <v>0</v>
      </c>
      <c r="JS11" s="71">
        <v>0</v>
      </c>
      <c r="JT11" s="72">
        <v>0</v>
      </c>
      <c r="JU11" s="244"/>
      <c r="JV11" s="71">
        <v>0</v>
      </c>
      <c r="JW11" s="71">
        <v>0</v>
      </c>
      <c r="JX11" s="71">
        <v>0</v>
      </c>
      <c r="JY11" s="71">
        <v>0</v>
      </c>
      <c r="JZ11" s="71">
        <v>0</v>
      </c>
      <c r="KA11" s="72">
        <v>0</v>
      </c>
      <c r="KB11" s="73">
        <v>0</v>
      </c>
      <c r="KC11" s="70">
        <v>156</v>
      </c>
      <c r="KD11" s="71">
        <v>117</v>
      </c>
      <c r="KE11" s="72">
        <v>273</v>
      </c>
      <c r="KF11" s="244"/>
      <c r="KG11" s="71">
        <v>314</v>
      </c>
      <c r="KH11" s="71">
        <v>189</v>
      </c>
      <c r="KI11" s="71">
        <v>117</v>
      </c>
      <c r="KJ11" s="71">
        <v>88</v>
      </c>
      <c r="KK11" s="71">
        <v>62</v>
      </c>
      <c r="KL11" s="72">
        <v>770</v>
      </c>
      <c r="KM11" s="73">
        <v>1043</v>
      </c>
    </row>
    <row r="12" spans="2:299" ht="19.5" customHeight="1" x14ac:dyDescent="0.2">
      <c r="B12" s="126" t="s">
        <v>8</v>
      </c>
      <c r="C12" s="316">
        <v>53</v>
      </c>
      <c r="D12" s="82">
        <v>27</v>
      </c>
      <c r="E12" s="83">
        <v>80</v>
      </c>
      <c r="F12" s="241"/>
      <c r="G12" s="82">
        <v>110</v>
      </c>
      <c r="H12" s="82">
        <v>81</v>
      </c>
      <c r="I12" s="82">
        <v>33</v>
      </c>
      <c r="J12" s="82">
        <v>53</v>
      </c>
      <c r="K12" s="82">
        <v>20</v>
      </c>
      <c r="L12" s="84">
        <v>297</v>
      </c>
      <c r="M12" s="85">
        <v>377</v>
      </c>
      <c r="N12" s="70">
        <v>3</v>
      </c>
      <c r="O12" s="71">
        <v>4</v>
      </c>
      <c r="P12" s="72">
        <v>7</v>
      </c>
      <c r="Q12" s="244"/>
      <c r="R12" s="71">
        <v>3</v>
      </c>
      <c r="S12" s="71">
        <v>3</v>
      </c>
      <c r="T12" s="71">
        <v>0</v>
      </c>
      <c r="U12" s="71">
        <v>3</v>
      </c>
      <c r="V12" s="71">
        <v>0</v>
      </c>
      <c r="W12" s="72">
        <v>9</v>
      </c>
      <c r="X12" s="73">
        <v>16</v>
      </c>
      <c r="Y12" s="70">
        <v>3</v>
      </c>
      <c r="Z12" s="71">
        <v>1</v>
      </c>
      <c r="AA12" s="72">
        <v>4</v>
      </c>
      <c r="AB12" s="244">
        <v>0</v>
      </c>
      <c r="AC12" s="71">
        <v>10</v>
      </c>
      <c r="AD12" s="71">
        <v>11</v>
      </c>
      <c r="AE12" s="71">
        <v>2</v>
      </c>
      <c r="AF12" s="71">
        <v>6</v>
      </c>
      <c r="AG12" s="71">
        <v>3</v>
      </c>
      <c r="AH12" s="72">
        <v>32</v>
      </c>
      <c r="AI12" s="73">
        <v>36</v>
      </c>
      <c r="AJ12" s="70">
        <v>3</v>
      </c>
      <c r="AK12" s="71">
        <v>2</v>
      </c>
      <c r="AL12" s="72">
        <v>5</v>
      </c>
      <c r="AM12" s="244"/>
      <c r="AN12" s="71">
        <v>13</v>
      </c>
      <c r="AO12" s="71">
        <v>10</v>
      </c>
      <c r="AP12" s="71">
        <v>5</v>
      </c>
      <c r="AQ12" s="71">
        <v>6</v>
      </c>
      <c r="AR12" s="71">
        <v>3</v>
      </c>
      <c r="AS12" s="72">
        <v>37</v>
      </c>
      <c r="AT12" s="73">
        <v>42</v>
      </c>
      <c r="AU12" s="70">
        <v>14</v>
      </c>
      <c r="AV12" s="71">
        <v>6</v>
      </c>
      <c r="AW12" s="72">
        <v>20</v>
      </c>
      <c r="AX12" s="244"/>
      <c r="AY12" s="71">
        <v>22</v>
      </c>
      <c r="AZ12" s="71">
        <v>13</v>
      </c>
      <c r="BA12" s="71">
        <v>2</v>
      </c>
      <c r="BB12" s="71">
        <v>10</v>
      </c>
      <c r="BC12" s="71">
        <v>3</v>
      </c>
      <c r="BD12" s="72">
        <v>50</v>
      </c>
      <c r="BE12" s="73">
        <v>70</v>
      </c>
      <c r="BF12" s="70">
        <v>14</v>
      </c>
      <c r="BG12" s="71">
        <v>3</v>
      </c>
      <c r="BH12" s="72">
        <v>17</v>
      </c>
      <c r="BI12" s="244">
        <v>0</v>
      </c>
      <c r="BJ12" s="71">
        <v>38</v>
      </c>
      <c r="BK12" s="71">
        <v>15</v>
      </c>
      <c r="BL12" s="71">
        <v>13</v>
      </c>
      <c r="BM12" s="71">
        <v>11</v>
      </c>
      <c r="BN12" s="71">
        <v>5</v>
      </c>
      <c r="BO12" s="72">
        <v>82</v>
      </c>
      <c r="BP12" s="73">
        <v>99</v>
      </c>
      <c r="BQ12" s="70">
        <v>16</v>
      </c>
      <c r="BR12" s="71">
        <v>11</v>
      </c>
      <c r="BS12" s="72">
        <v>27</v>
      </c>
      <c r="BT12" s="244"/>
      <c r="BU12" s="71">
        <v>24</v>
      </c>
      <c r="BV12" s="71">
        <v>29</v>
      </c>
      <c r="BW12" s="71">
        <v>11</v>
      </c>
      <c r="BX12" s="71">
        <v>17</v>
      </c>
      <c r="BY12" s="71">
        <v>6</v>
      </c>
      <c r="BZ12" s="72">
        <v>87</v>
      </c>
      <c r="CA12" s="73">
        <v>114</v>
      </c>
      <c r="CB12" s="70">
        <v>0</v>
      </c>
      <c r="CC12" s="71">
        <v>0</v>
      </c>
      <c r="CD12" s="72">
        <v>0</v>
      </c>
      <c r="CE12" s="244"/>
      <c r="CF12" s="71">
        <v>0</v>
      </c>
      <c r="CG12" s="71">
        <v>0</v>
      </c>
      <c r="CH12" s="71">
        <v>0</v>
      </c>
      <c r="CI12" s="71">
        <v>0</v>
      </c>
      <c r="CJ12" s="71">
        <v>0</v>
      </c>
      <c r="CK12" s="72">
        <v>0</v>
      </c>
      <c r="CL12" s="73">
        <v>0</v>
      </c>
      <c r="CM12" s="70">
        <v>53</v>
      </c>
      <c r="CN12" s="71">
        <v>27</v>
      </c>
      <c r="CO12" s="72">
        <v>80</v>
      </c>
      <c r="CP12" s="244"/>
      <c r="CQ12" s="71">
        <v>110</v>
      </c>
      <c r="CR12" s="71">
        <v>81</v>
      </c>
      <c r="CS12" s="71">
        <v>33</v>
      </c>
      <c r="CT12" s="71">
        <v>53</v>
      </c>
      <c r="CU12" s="71">
        <v>20</v>
      </c>
      <c r="CV12" s="72">
        <v>297</v>
      </c>
      <c r="CW12" s="73">
        <v>377</v>
      </c>
      <c r="CX12" s="123">
        <v>18</v>
      </c>
      <c r="CY12" s="82">
        <v>21</v>
      </c>
      <c r="CZ12" s="83">
        <v>39</v>
      </c>
      <c r="DA12" s="241"/>
      <c r="DB12" s="82">
        <v>37</v>
      </c>
      <c r="DC12" s="82">
        <v>40</v>
      </c>
      <c r="DD12" s="82">
        <v>20</v>
      </c>
      <c r="DE12" s="82">
        <v>20</v>
      </c>
      <c r="DF12" s="82">
        <v>14</v>
      </c>
      <c r="DG12" s="84">
        <v>131</v>
      </c>
      <c r="DH12" s="85">
        <v>170</v>
      </c>
      <c r="DI12" s="70">
        <v>1</v>
      </c>
      <c r="DJ12" s="71">
        <v>0</v>
      </c>
      <c r="DK12" s="72">
        <v>1</v>
      </c>
      <c r="DL12" s="244"/>
      <c r="DM12" s="71">
        <v>0</v>
      </c>
      <c r="DN12" s="71">
        <v>0</v>
      </c>
      <c r="DO12" s="71">
        <v>0</v>
      </c>
      <c r="DP12" s="71">
        <v>1</v>
      </c>
      <c r="DQ12" s="71">
        <v>0</v>
      </c>
      <c r="DR12" s="72">
        <v>1</v>
      </c>
      <c r="DS12" s="73">
        <v>2</v>
      </c>
      <c r="DT12" s="70">
        <v>2</v>
      </c>
      <c r="DU12" s="71">
        <v>1</v>
      </c>
      <c r="DV12" s="72">
        <v>3</v>
      </c>
      <c r="DW12" s="244"/>
      <c r="DX12" s="71">
        <v>4</v>
      </c>
      <c r="DY12" s="71">
        <v>1</v>
      </c>
      <c r="DZ12" s="71">
        <v>2</v>
      </c>
      <c r="EA12" s="71">
        <v>1</v>
      </c>
      <c r="EB12" s="71">
        <v>0</v>
      </c>
      <c r="EC12" s="72">
        <v>8</v>
      </c>
      <c r="ED12" s="73">
        <v>11</v>
      </c>
      <c r="EE12" s="70">
        <v>3</v>
      </c>
      <c r="EF12" s="71">
        <v>5</v>
      </c>
      <c r="EG12" s="72">
        <v>8</v>
      </c>
      <c r="EH12" s="244"/>
      <c r="EI12" s="71">
        <v>3</v>
      </c>
      <c r="EJ12" s="71">
        <v>7</v>
      </c>
      <c r="EK12" s="71">
        <v>2</v>
      </c>
      <c r="EL12" s="71">
        <v>0</v>
      </c>
      <c r="EM12" s="71">
        <v>0</v>
      </c>
      <c r="EN12" s="72">
        <v>12</v>
      </c>
      <c r="EO12" s="73">
        <v>20</v>
      </c>
      <c r="EP12" s="70">
        <v>7</v>
      </c>
      <c r="EQ12" s="71">
        <v>6</v>
      </c>
      <c r="ER12" s="72">
        <v>13</v>
      </c>
      <c r="ES12" s="244"/>
      <c r="ET12" s="71">
        <v>6</v>
      </c>
      <c r="EU12" s="71">
        <v>4</v>
      </c>
      <c r="EV12" s="71">
        <v>2</v>
      </c>
      <c r="EW12" s="71">
        <v>7</v>
      </c>
      <c r="EX12" s="71">
        <v>3</v>
      </c>
      <c r="EY12" s="72">
        <v>22</v>
      </c>
      <c r="EZ12" s="73">
        <v>35</v>
      </c>
      <c r="FA12" s="70">
        <v>3</v>
      </c>
      <c r="FB12" s="71">
        <v>3</v>
      </c>
      <c r="FC12" s="72">
        <v>6</v>
      </c>
      <c r="FD12" s="244"/>
      <c r="FE12" s="71">
        <v>13</v>
      </c>
      <c r="FF12" s="71">
        <v>13</v>
      </c>
      <c r="FG12" s="71">
        <v>5</v>
      </c>
      <c r="FH12" s="71">
        <v>4</v>
      </c>
      <c r="FI12" s="71">
        <v>2</v>
      </c>
      <c r="FJ12" s="72">
        <v>37</v>
      </c>
      <c r="FK12" s="73">
        <v>43</v>
      </c>
      <c r="FL12" s="70">
        <v>2</v>
      </c>
      <c r="FM12" s="71">
        <v>6</v>
      </c>
      <c r="FN12" s="72">
        <v>8</v>
      </c>
      <c r="FO12" s="241"/>
      <c r="FP12" s="71">
        <v>11</v>
      </c>
      <c r="FQ12" s="71">
        <v>15</v>
      </c>
      <c r="FR12" s="71">
        <v>9</v>
      </c>
      <c r="FS12" s="71">
        <v>7</v>
      </c>
      <c r="FT12" s="71">
        <v>9</v>
      </c>
      <c r="FU12" s="72">
        <v>51</v>
      </c>
      <c r="FV12" s="73">
        <v>59</v>
      </c>
      <c r="FW12" s="70">
        <v>0</v>
      </c>
      <c r="FX12" s="71">
        <v>0</v>
      </c>
      <c r="FY12" s="72">
        <v>0</v>
      </c>
      <c r="FZ12" s="244"/>
      <c r="GA12" s="71">
        <v>0</v>
      </c>
      <c r="GB12" s="71">
        <v>0</v>
      </c>
      <c r="GC12" s="71">
        <v>0</v>
      </c>
      <c r="GD12" s="71">
        <v>0</v>
      </c>
      <c r="GE12" s="71">
        <v>0</v>
      </c>
      <c r="GF12" s="72">
        <v>0</v>
      </c>
      <c r="GG12" s="73">
        <v>0</v>
      </c>
      <c r="GH12" s="70">
        <v>18</v>
      </c>
      <c r="GI12" s="71">
        <v>21</v>
      </c>
      <c r="GJ12" s="72">
        <v>39</v>
      </c>
      <c r="GK12" s="244"/>
      <c r="GL12" s="71">
        <v>37</v>
      </c>
      <c r="GM12" s="71">
        <v>40</v>
      </c>
      <c r="GN12" s="71">
        <v>20</v>
      </c>
      <c r="GO12" s="71">
        <v>20</v>
      </c>
      <c r="GP12" s="71">
        <v>14</v>
      </c>
      <c r="GQ12" s="72">
        <v>131</v>
      </c>
      <c r="GR12" s="73">
        <v>170</v>
      </c>
      <c r="GS12" s="123">
        <v>71</v>
      </c>
      <c r="GT12" s="82">
        <v>48</v>
      </c>
      <c r="GU12" s="83">
        <v>119</v>
      </c>
      <c r="GV12" s="241"/>
      <c r="GW12" s="82">
        <v>147</v>
      </c>
      <c r="GX12" s="82">
        <v>121</v>
      </c>
      <c r="GY12" s="82">
        <v>53</v>
      </c>
      <c r="GZ12" s="82">
        <v>73</v>
      </c>
      <c r="HA12" s="82">
        <v>34</v>
      </c>
      <c r="HB12" s="84">
        <v>428</v>
      </c>
      <c r="HC12" s="85">
        <v>547</v>
      </c>
      <c r="HD12" s="70">
        <v>4</v>
      </c>
      <c r="HE12" s="71">
        <v>4</v>
      </c>
      <c r="HF12" s="72">
        <v>8</v>
      </c>
      <c r="HG12" s="244"/>
      <c r="HH12" s="71">
        <v>3</v>
      </c>
      <c r="HI12" s="71">
        <v>3</v>
      </c>
      <c r="HJ12" s="71">
        <v>0</v>
      </c>
      <c r="HK12" s="71">
        <v>4</v>
      </c>
      <c r="HL12" s="71">
        <v>0</v>
      </c>
      <c r="HM12" s="72">
        <v>10</v>
      </c>
      <c r="HN12" s="73">
        <v>18</v>
      </c>
      <c r="HO12" s="70">
        <v>5</v>
      </c>
      <c r="HP12" s="71">
        <v>2</v>
      </c>
      <c r="HQ12" s="72">
        <v>7</v>
      </c>
      <c r="HR12" s="244"/>
      <c r="HS12" s="71">
        <v>14</v>
      </c>
      <c r="HT12" s="71">
        <v>12</v>
      </c>
      <c r="HU12" s="71">
        <v>4</v>
      </c>
      <c r="HV12" s="71">
        <v>7</v>
      </c>
      <c r="HW12" s="71">
        <v>3</v>
      </c>
      <c r="HX12" s="72">
        <v>40</v>
      </c>
      <c r="HY12" s="73">
        <v>47</v>
      </c>
      <c r="HZ12" s="70">
        <v>6</v>
      </c>
      <c r="IA12" s="71">
        <v>7</v>
      </c>
      <c r="IB12" s="72">
        <v>13</v>
      </c>
      <c r="IC12" s="244"/>
      <c r="ID12" s="71">
        <v>16</v>
      </c>
      <c r="IE12" s="71">
        <v>17</v>
      </c>
      <c r="IF12" s="71">
        <v>7</v>
      </c>
      <c r="IG12" s="71">
        <v>6</v>
      </c>
      <c r="IH12" s="71">
        <v>3</v>
      </c>
      <c r="II12" s="72">
        <v>49</v>
      </c>
      <c r="IJ12" s="73">
        <v>62</v>
      </c>
      <c r="IK12" s="70">
        <v>21</v>
      </c>
      <c r="IL12" s="71">
        <v>12</v>
      </c>
      <c r="IM12" s="72">
        <v>33</v>
      </c>
      <c r="IN12" s="244"/>
      <c r="IO12" s="71">
        <v>28</v>
      </c>
      <c r="IP12" s="71">
        <v>17</v>
      </c>
      <c r="IQ12" s="71">
        <v>4</v>
      </c>
      <c r="IR12" s="71">
        <v>17</v>
      </c>
      <c r="IS12" s="71">
        <v>6</v>
      </c>
      <c r="IT12" s="72">
        <v>72</v>
      </c>
      <c r="IU12" s="73">
        <v>105</v>
      </c>
      <c r="IV12" s="70">
        <v>17</v>
      </c>
      <c r="IW12" s="71">
        <v>6</v>
      </c>
      <c r="IX12" s="72">
        <v>23</v>
      </c>
      <c r="IY12" s="244"/>
      <c r="IZ12" s="71">
        <v>51</v>
      </c>
      <c r="JA12" s="71">
        <v>28</v>
      </c>
      <c r="JB12" s="71">
        <v>18</v>
      </c>
      <c r="JC12" s="71">
        <v>15</v>
      </c>
      <c r="JD12" s="71">
        <v>7</v>
      </c>
      <c r="JE12" s="72">
        <v>119</v>
      </c>
      <c r="JF12" s="73">
        <v>142</v>
      </c>
      <c r="JG12" s="70">
        <v>18</v>
      </c>
      <c r="JH12" s="71">
        <v>17</v>
      </c>
      <c r="JI12" s="72">
        <v>35</v>
      </c>
      <c r="JJ12" s="244"/>
      <c r="JK12" s="71">
        <v>35</v>
      </c>
      <c r="JL12" s="71">
        <v>44</v>
      </c>
      <c r="JM12" s="71">
        <v>20</v>
      </c>
      <c r="JN12" s="71">
        <v>24</v>
      </c>
      <c r="JO12" s="71">
        <v>15</v>
      </c>
      <c r="JP12" s="72">
        <v>138</v>
      </c>
      <c r="JQ12" s="73">
        <v>173</v>
      </c>
      <c r="JR12" s="70">
        <v>0</v>
      </c>
      <c r="JS12" s="71">
        <v>0</v>
      </c>
      <c r="JT12" s="72">
        <v>0</v>
      </c>
      <c r="JU12" s="244"/>
      <c r="JV12" s="71">
        <v>0</v>
      </c>
      <c r="JW12" s="71">
        <v>0</v>
      </c>
      <c r="JX12" s="71">
        <v>0</v>
      </c>
      <c r="JY12" s="71">
        <v>0</v>
      </c>
      <c r="JZ12" s="71">
        <v>0</v>
      </c>
      <c r="KA12" s="72">
        <v>0</v>
      </c>
      <c r="KB12" s="73">
        <v>0</v>
      </c>
      <c r="KC12" s="70">
        <v>71</v>
      </c>
      <c r="KD12" s="71">
        <v>48</v>
      </c>
      <c r="KE12" s="72">
        <v>119</v>
      </c>
      <c r="KF12" s="244"/>
      <c r="KG12" s="71">
        <v>147</v>
      </c>
      <c r="KH12" s="71">
        <v>121</v>
      </c>
      <c r="KI12" s="71">
        <v>53</v>
      </c>
      <c r="KJ12" s="71">
        <v>73</v>
      </c>
      <c r="KK12" s="71">
        <v>34</v>
      </c>
      <c r="KL12" s="72">
        <v>428</v>
      </c>
      <c r="KM12" s="73">
        <v>547</v>
      </c>
    </row>
    <row r="13" spans="2:299" ht="19.5" customHeight="1" x14ac:dyDescent="0.2">
      <c r="B13" s="126" t="s">
        <v>9</v>
      </c>
      <c r="C13" s="316">
        <v>187</v>
      </c>
      <c r="D13" s="82">
        <v>111</v>
      </c>
      <c r="E13" s="83">
        <v>298</v>
      </c>
      <c r="F13" s="241"/>
      <c r="G13" s="82">
        <v>233</v>
      </c>
      <c r="H13" s="82">
        <v>134</v>
      </c>
      <c r="I13" s="82">
        <v>103</v>
      </c>
      <c r="J13" s="82">
        <v>96</v>
      </c>
      <c r="K13" s="82">
        <v>55</v>
      </c>
      <c r="L13" s="84">
        <v>621</v>
      </c>
      <c r="M13" s="85">
        <v>919</v>
      </c>
      <c r="N13" s="70">
        <v>0</v>
      </c>
      <c r="O13" s="71">
        <v>4</v>
      </c>
      <c r="P13" s="72">
        <v>4</v>
      </c>
      <c r="Q13" s="244"/>
      <c r="R13" s="71">
        <v>4</v>
      </c>
      <c r="S13" s="71">
        <v>2</v>
      </c>
      <c r="T13" s="71">
        <v>2</v>
      </c>
      <c r="U13" s="71">
        <v>1</v>
      </c>
      <c r="V13" s="71">
        <v>5</v>
      </c>
      <c r="W13" s="72">
        <v>14</v>
      </c>
      <c r="X13" s="73">
        <v>18</v>
      </c>
      <c r="Y13" s="70">
        <v>7</v>
      </c>
      <c r="Z13" s="71">
        <v>9</v>
      </c>
      <c r="AA13" s="72">
        <v>16</v>
      </c>
      <c r="AB13" s="244">
        <v>0</v>
      </c>
      <c r="AC13" s="71">
        <v>8</v>
      </c>
      <c r="AD13" s="71">
        <v>9</v>
      </c>
      <c r="AE13" s="71">
        <v>3</v>
      </c>
      <c r="AF13" s="71">
        <v>4</v>
      </c>
      <c r="AG13" s="71">
        <v>4</v>
      </c>
      <c r="AH13" s="72">
        <v>28</v>
      </c>
      <c r="AI13" s="73">
        <v>44</v>
      </c>
      <c r="AJ13" s="70">
        <v>20</v>
      </c>
      <c r="AK13" s="71">
        <v>7</v>
      </c>
      <c r="AL13" s="72">
        <v>27</v>
      </c>
      <c r="AM13" s="244"/>
      <c r="AN13" s="71">
        <v>22</v>
      </c>
      <c r="AO13" s="71">
        <v>10</v>
      </c>
      <c r="AP13" s="71">
        <v>13</v>
      </c>
      <c r="AQ13" s="71">
        <v>10</v>
      </c>
      <c r="AR13" s="71">
        <v>8</v>
      </c>
      <c r="AS13" s="72">
        <v>63</v>
      </c>
      <c r="AT13" s="73">
        <v>90</v>
      </c>
      <c r="AU13" s="70">
        <v>39</v>
      </c>
      <c r="AV13" s="71">
        <v>19</v>
      </c>
      <c r="AW13" s="72">
        <v>58</v>
      </c>
      <c r="AX13" s="244"/>
      <c r="AY13" s="71">
        <v>56</v>
      </c>
      <c r="AZ13" s="71">
        <v>25</v>
      </c>
      <c r="BA13" s="71">
        <v>20</v>
      </c>
      <c r="BB13" s="71">
        <v>17</v>
      </c>
      <c r="BC13" s="71">
        <v>11</v>
      </c>
      <c r="BD13" s="72">
        <v>129</v>
      </c>
      <c r="BE13" s="73">
        <v>187</v>
      </c>
      <c r="BF13" s="70">
        <v>66</v>
      </c>
      <c r="BG13" s="71">
        <v>39</v>
      </c>
      <c r="BH13" s="72">
        <v>105</v>
      </c>
      <c r="BI13" s="244">
        <v>0</v>
      </c>
      <c r="BJ13" s="71">
        <v>81</v>
      </c>
      <c r="BK13" s="71">
        <v>45</v>
      </c>
      <c r="BL13" s="71">
        <v>27</v>
      </c>
      <c r="BM13" s="71">
        <v>30</v>
      </c>
      <c r="BN13" s="71">
        <v>10</v>
      </c>
      <c r="BO13" s="72">
        <v>193</v>
      </c>
      <c r="BP13" s="73">
        <v>298</v>
      </c>
      <c r="BQ13" s="70">
        <v>55</v>
      </c>
      <c r="BR13" s="71">
        <v>33</v>
      </c>
      <c r="BS13" s="72">
        <v>88</v>
      </c>
      <c r="BT13" s="244"/>
      <c r="BU13" s="71">
        <v>62</v>
      </c>
      <c r="BV13" s="71">
        <v>43</v>
      </c>
      <c r="BW13" s="71">
        <v>38</v>
      </c>
      <c r="BX13" s="71">
        <v>34</v>
      </c>
      <c r="BY13" s="71">
        <v>17</v>
      </c>
      <c r="BZ13" s="72">
        <v>194</v>
      </c>
      <c r="CA13" s="73">
        <v>282</v>
      </c>
      <c r="CB13" s="70">
        <v>0</v>
      </c>
      <c r="CC13" s="71">
        <v>0</v>
      </c>
      <c r="CD13" s="72">
        <v>0</v>
      </c>
      <c r="CE13" s="244"/>
      <c r="CF13" s="71">
        <v>0</v>
      </c>
      <c r="CG13" s="71">
        <v>0</v>
      </c>
      <c r="CH13" s="71">
        <v>0</v>
      </c>
      <c r="CI13" s="71">
        <v>0</v>
      </c>
      <c r="CJ13" s="71">
        <v>0</v>
      </c>
      <c r="CK13" s="72">
        <v>0</v>
      </c>
      <c r="CL13" s="73">
        <v>0</v>
      </c>
      <c r="CM13" s="70">
        <v>187</v>
      </c>
      <c r="CN13" s="71">
        <v>111</v>
      </c>
      <c r="CO13" s="72">
        <v>298</v>
      </c>
      <c r="CP13" s="244"/>
      <c r="CQ13" s="71">
        <v>233</v>
      </c>
      <c r="CR13" s="71">
        <v>134</v>
      </c>
      <c r="CS13" s="71">
        <v>103</v>
      </c>
      <c r="CT13" s="71">
        <v>96</v>
      </c>
      <c r="CU13" s="71">
        <v>55</v>
      </c>
      <c r="CV13" s="72">
        <v>621</v>
      </c>
      <c r="CW13" s="73">
        <v>919</v>
      </c>
      <c r="CX13" s="123">
        <v>58</v>
      </c>
      <c r="CY13" s="82">
        <v>41</v>
      </c>
      <c r="CZ13" s="83">
        <v>99</v>
      </c>
      <c r="DA13" s="241"/>
      <c r="DB13" s="82">
        <v>63</v>
      </c>
      <c r="DC13" s="82">
        <v>39</v>
      </c>
      <c r="DD13" s="82">
        <v>41</v>
      </c>
      <c r="DE13" s="82">
        <v>36</v>
      </c>
      <c r="DF13" s="82">
        <v>34</v>
      </c>
      <c r="DG13" s="84">
        <v>213</v>
      </c>
      <c r="DH13" s="85">
        <v>312</v>
      </c>
      <c r="DI13" s="70">
        <v>2</v>
      </c>
      <c r="DJ13" s="71">
        <v>1</v>
      </c>
      <c r="DK13" s="72">
        <v>3</v>
      </c>
      <c r="DL13" s="244"/>
      <c r="DM13" s="71">
        <v>1</v>
      </c>
      <c r="DN13" s="71">
        <v>0</v>
      </c>
      <c r="DO13" s="71">
        <v>0</v>
      </c>
      <c r="DP13" s="71">
        <v>0</v>
      </c>
      <c r="DQ13" s="71">
        <v>0</v>
      </c>
      <c r="DR13" s="72">
        <v>1</v>
      </c>
      <c r="DS13" s="73">
        <v>4</v>
      </c>
      <c r="DT13" s="70">
        <v>6</v>
      </c>
      <c r="DU13" s="71">
        <v>1</v>
      </c>
      <c r="DV13" s="72">
        <v>7</v>
      </c>
      <c r="DW13" s="244"/>
      <c r="DX13" s="71">
        <v>3</v>
      </c>
      <c r="DY13" s="71">
        <v>3</v>
      </c>
      <c r="DZ13" s="71">
        <v>2</v>
      </c>
      <c r="EA13" s="71">
        <v>2</v>
      </c>
      <c r="EB13" s="71">
        <v>1</v>
      </c>
      <c r="EC13" s="72">
        <v>11</v>
      </c>
      <c r="ED13" s="73">
        <v>18</v>
      </c>
      <c r="EE13" s="70">
        <v>8</v>
      </c>
      <c r="EF13" s="71">
        <v>6</v>
      </c>
      <c r="EG13" s="72">
        <v>14</v>
      </c>
      <c r="EH13" s="244"/>
      <c r="EI13" s="71">
        <v>8</v>
      </c>
      <c r="EJ13" s="71">
        <v>3</v>
      </c>
      <c r="EK13" s="71">
        <v>3</v>
      </c>
      <c r="EL13" s="71">
        <v>1</v>
      </c>
      <c r="EM13" s="71">
        <v>3</v>
      </c>
      <c r="EN13" s="72">
        <v>18</v>
      </c>
      <c r="EO13" s="73">
        <v>32</v>
      </c>
      <c r="EP13" s="70">
        <v>18</v>
      </c>
      <c r="EQ13" s="71">
        <v>10</v>
      </c>
      <c r="ER13" s="72">
        <v>28</v>
      </c>
      <c r="ES13" s="244"/>
      <c r="ET13" s="71">
        <v>12</v>
      </c>
      <c r="EU13" s="71">
        <v>5</v>
      </c>
      <c r="EV13" s="71">
        <v>3</v>
      </c>
      <c r="EW13" s="71">
        <v>3</v>
      </c>
      <c r="EX13" s="71">
        <v>5</v>
      </c>
      <c r="EY13" s="72">
        <v>28</v>
      </c>
      <c r="EZ13" s="73">
        <v>56</v>
      </c>
      <c r="FA13" s="70">
        <v>16</v>
      </c>
      <c r="FB13" s="71">
        <v>8</v>
      </c>
      <c r="FC13" s="72">
        <v>24</v>
      </c>
      <c r="FD13" s="244"/>
      <c r="FE13" s="71">
        <v>15</v>
      </c>
      <c r="FF13" s="71">
        <v>13</v>
      </c>
      <c r="FG13" s="71">
        <v>14</v>
      </c>
      <c r="FH13" s="71">
        <v>10</v>
      </c>
      <c r="FI13" s="71">
        <v>12</v>
      </c>
      <c r="FJ13" s="72">
        <v>64</v>
      </c>
      <c r="FK13" s="73">
        <v>88</v>
      </c>
      <c r="FL13" s="70">
        <v>8</v>
      </c>
      <c r="FM13" s="71">
        <v>15</v>
      </c>
      <c r="FN13" s="72">
        <v>23</v>
      </c>
      <c r="FO13" s="241"/>
      <c r="FP13" s="71">
        <v>24</v>
      </c>
      <c r="FQ13" s="71">
        <v>15</v>
      </c>
      <c r="FR13" s="71">
        <v>19</v>
      </c>
      <c r="FS13" s="71">
        <v>20</v>
      </c>
      <c r="FT13" s="71">
        <v>13</v>
      </c>
      <c r="FU13" s="72">
        <v>91</v>
      </c>
      <c r="FV13" s="73">
        <v>114</v>
      </c>
      <c r="FW13" s="70">
        <v>0</v>
      </c>
      <c r="FX13" s="71">
        <v>0</v>
      </c>
      <c r="FY13" s="72">
        <v>0</v>
      </c>
      <c r="FZ13" s="244"/>
      <c r="GA13" s="71">
        <v>0</v>
      </c>
      <c r="GB13" s="71">
        <v>0</v>
      </c>
      <c r="GC13" s="71">
        <v>0</v>
      </c>
      <c r="GD13" s="71">
        <v>0</v>
      </c>
      <c r="GE13" s="71">
        <v>0</v>
      </c>
      <c r="GF13" s="72">
        <v>0</v>
      </c>
      <c r="GG13" s="73">
        <v>0</v>
      </c>
      <c r="GH13" s="70">
        <v>58</v>
      </c>
      <c r="GI13" s="71">
        <v>41</v>
      </c>
      <c r="GJ13" s="72">
        <v>99</v>
      </c>
      <c r="GK13" s="244"/>
      <c r="GL13" s="71">
        <v>63</v>
      </c>
      <c r="GM13" s="71">
        <v>39</v>
      </c>
      <c r="GN13" s="71">
        <v>41</v>
      </c>
      <c r="GO13" s="71">
        <v>36</v>
      </c>
      <c r="GP13" s="71">
        <v>34</v>
      </c>
      <c r="GQ13" s="72">
        <v>213</v>
      </c>
      <c r="GR13" s="73">
        <v>312</v>
      </c>
      <c r="GS13" s="123">
        <v>245</v>
      </c>
      <c r="GT13" s="82">
        <v>152</v>
      </c>
      <c r="GU13" s="83">
        <v>397</v>
      </c>
      <c r="GV13" s="241"/>
      <c r="GW13" s="82">
        <v>296</v>
      </c>
      <c r="GX13" s="82">
        <v>173</v>
      </c>
      <c r="GY13" s="82">
        <v>144</v>
      </c>
      <c r="GZ13" s="82">
        <v>132</v>
      </c>
      <c r="HA13" s="82">
        <v>89</v>
      </c>
      <c r="HB13" s="84">
        <v>834</v>
      </c>
      <c r="HC13" s="85">
        <v>1231</v>
      </c>
      <c r="HD13" s="70">
        <v>2</v>
      </c>
      <c r="HE13" s="71">
        <v>5</v>
      </c>
      <c r="HF13" s="72">
        <v>7</v>
      </c>
      <c r="HG13" s="244"/>
      <c r="HH13" s="71">
        <v>5</v>
      </c>
      <c r="HI13" s="71">
        <v>2</v>
      </c>
      <c r="HJ13" s="71">
        <v>2</v>
      </c>
      <c r="HK13" s="71">
        <v>1</v>
      </c>
      <c r="HL13" s="71">
        <v>5</v>
      </c>
      <c r="HM13" s="72">
        <v>15</v>
      </c>
      <c r="HN13" s="73">
        <v>22</v>
      </c>
      <c r="HO13" s="70">
        <v>13</v>
      </c>
      <c r="HP13" s="71">
        <v>10</v>
      </c>
      <c r="HQ13" s="72">
        <v>23</v>
      </c>
      <c r="HR13" s="244"/>
      <c r="HS13" s="71">
        <v>11</v>
      </c>
      <c r="HT13" s="71">
        <v>12</v>
      </c>
      <c r="HU13" s="71">
        <v>5</v>
      </c>
      <c r="HV13" s="71">
        <v>6</v>
      </c>
      <c r="HW13" s="71">
        <v>5</v>
      </c>
      <c r="HX13" s="72">
        <v>39</v>
      </c>
      <c r="HY13" s="73">
        <v>62</v>
      </c>
      <c r="HZ13" s="70">
        <v>28</v>
      </c>
      <c r="IA13" s="71">
        <v>13</v>
      </c>
      <c r="IB13" s="72">
        <v>41</v>
      </c>
      <c r="IC13" s="244"/>
      <c r="ID13" s="71">
        <v>30</v>
      </c>
      <c r="IE13" s="71">
        <v>13</v>
      </c>
      <c r="IF13" s="71">
        <v>16</v>
      </c>
      <c r="IG13" s="71">
        <v>11</v>
      </c>
      <c r="IH13" s="71">
        <v>11</v>
      </c>
      <c r="II13" s="72">
        <v>81</v>
      </c>
      <c r="IJ13" s="73">
        <v>122</v>
      </c>
      <c r="IK13" s="70">
        <v>57</v>
      </c>
      <c r="IL13" s="71">
        <v>29</v>
      </c>
      <c r="IM13" s="72">
        <v>86</v>
      </c>
      <c r="IN13" s="244"/>
      <c r="IO13" s="71">
        <v>68</v>
      </c>
      <c r="IP13" s="71">
        <v>30</v>
      </c>
      <c r="IQ13" s="71">
        <v>23</v>
      </c>
      <c r="IR13" s="71">
        <v>20</v>
      </c>
      <c r="IS13" s="71">
        <v>16</v>
      </c>
      <c r="IT13" s="72">
        <v>157</v>
      </c>
      <c r="IU13" s="73">
        <v>243</v>
      </c>
      <c r="IV13" s="70">
        <v>82</v>
      </c>
      <c r="IW13" s="71">
        <v>47</v>
      </c>
      <c r="IX13" s="72">
        <v>129</v>
      </c>
      <c r="IY13" s="244"/>
      <c r="IZ13" s="71">
        <v>96</v>
      </c>
      <c r="JA13" s="71">
        <v>58</v>
      </c>
      <c r="JB13" s="71">
        <v>41</v>
      </c>
      <c r="JC13" s="71">
        <v>40</v>
      </c>
      <c r="JD13" s="71">
        <v>22</v>
      </c>
      <c r="JE13" s="72">
        <v>257</v>
      </c>
      <c r="JF13" s="73">
        <v>386</v>
      </c>
      <c r="JG13" s="70">
        <v>63</v>
      </c>
      <c r="JH13" s="71">
        <v>48</v>
      </c>
      <c r="JI13" s="72">
        <v>111</v>
      </c>
      <c r="JJ13" s="244"/>
      <c r="JK13" s="71">
        <v>86</v>
      </c>
      <c r="JL13" s="71">
        <v>58</v>
      </c>
      <c r="JM13" s="71">
        <v>57</v>
      </c>
      <c r="JN13" s="71">
        <v>54</v>
      </c>
      <c r="JO13" s="71">
        <v>30</v>
      </c>
      <c r="JP13" s="72">
        <v>285</v>
      </c>
      <c r="JQ13" s="73">
        <v>396</v>
      </c>
      <c r="JR13" s="70">
        <v>0</v>
      </c>
      <c r="JS13" s="71">
        <v>0</v>
      </c>
      <c r="JT13" s="72">
        <v>0</v>
      </c>
      <c r="JU13" s="244"/>
      <c r="JV13" s="71">
        <v>0</v>
      </c>
      <c r="JW13" s="71">
        <v>0</v>
      </c>
      <c r="JX13" s="71">
        <v>0</v>
      </c>
      <c r="JY13" s="71">
        <v>0</v>
      </c>
      <c r="JZ13" s="71">
        <v>0</v>
      </c>
      <c r="KA13" s="72">
        <v>0</v>
      </c>
      <c r="KB13" s="73">
        <v>0</v>
      </c>
      <c r="KC13" s="70">
        <v>245</v>
      </c>
      <c r="KD13" s="71">
        <v>152</v>
      </c>
      <c r="KE13" s="72">
        <v>397</v>
      </c>
      <c r="KF13" s="244"/>
      <c r="KG13" s="71">
        <v>296</v>
      </c>
      <c r="KH13" s="71">
        <v>173</v>
      </c>
      <c r="KI13" s="71">
        <v>144</v>
      </c>
      <c r="KJ13" s="71">
        <v>132</v>
      </c>
      <c r="KK13" s="71">
        <v>89</v>
      </c>
      <c r="KL13" s="72">
        <v>834</v>
      </c>
      <c r="KM13" s="73">
        <v>1231</v>
      </c>
    </row>
    <row r="14" spans="2:299" ht="19.5" customHeight="1" x14ac:dyDescent="0.2">
      <c r="B14" s="126" t="s">
        <v>10</v>
      </c>
      <c r="C14" s="316">
        <v>270</v>
      </c>
      <c r="D14" s="82">
        <v>181</v>
      </c>
      <c r="E14" s="83">
        <v>451</v>
      </c>
      <c r="F14" s="241"/>
      <c r="G14" s="82">
        <v>247</v>
      </c>
      <c r="H14" s="82">
        <v>157</v>
      </c>
      <c r="I14" s="82">
        <v>111</v>
      </c>
      <c r="J14" s="82">
        <v>93</v>
      </c>
      <c r="K14" s="82">
        <v>83</v>
      </c>
      <c r="L14" s="84">
        <v>691</v>
      </c>
      <c r="M14" s="85">
        <v>1142</v>
      </c>
      <c r="N14" s="70">
        <v>4</v>
      </c>
      <c r="O14" s="71">
        <v>8</v>
      </c>
      <c r="P14" s="72">
        <v>12</v>
      </c>
      <c r="Q14" s="244"/>
      <c r="R14" s="71">
        <v>11</v>
      </c>
      <c r="S14" s="71">
        <v>5</v>
      </c>
      <c r="T14" s="71">
        <v>6</v>
      </c>
      <c r="U14" s="71">
        <v>4</v>
      </c>
      <c r="V14" s="71">
        <v>6</v>
      </c>
      <c r="W14" s="72">
        <v>32</v>
      </c>
      <c r="X14" s="73">
        <v>44</v>
      </c>
      <c r="Y14" s="70">
        <v>16</v>
      </c>
      <c r="Z14" s="71">
        <v>14</v>
      </c>
      <c r="AA14" s="72">
        <v>30</v>
      </c>
      <c r="AB14" s="244">
        <v>0</v>
      </c>
      <c r="AC14" s="71">
        <v>17</v>
      </c>
      <c r="AD14" s="71">
        <v>17</v>
      </c>
      <c r="AE14" s="71">
        <v>3</v>
      </c>
      <c r="AF14" s="71">
        <v>5</v>
      </c>
      <c r="AG14" s="71">
        <v>13</v>
      </c>
      <c r="AH14" s="72">
        <v>55</v>
      </c>
      <c r="AI14" s="73">
        <v>85</v>
      </c>
      <c r="AJ14" s="70">
        <v>27</v>
      </c>
      <c r="AK14" s="71">
        <v>22</v>
      </c>
      <c r="AL14" s="72">
        <v>49</v>
      </c>
      <c r="AM14" s="244"/>
      <c r="AN14" s="71">
        <v>42</v>
      </c>
      <c r="AO14" s="71">
        <v>20</v>
      </c>
      <c r="AP14" s="71">
        <v>16</v>
      </c>
      <c r="AQ14" s="71">
        <v>12</v>
      </c>
      <c r="AR14" s="71">
        <v>9</v>
      </c>
      <c r="AS14" s="72">
        <v>99</v>
      </c>
      <c r="AT14" s="73">
        <v>148</v>
      </c>
      <c r="AU14" s="70">
        <v>68</v>
      </c>
      <c r="AV14" s="71">
        <v>39</v>
      </c>
      <c r="AW14" s="72">
        <v>107</v>
      </c>
      <c r="AX14" s="244"/>
      <c r="AY14" s="71">
        <v>46</v>
      </c>
      <c r="AZ14" s="71">
        <v>24</v>
      </c>
      <c r="BA14" s="71">
        <v>19</v>
      </c>
      <c r="BB14" s="71">
        <v>8</v>
      </c>
      <c r="BC14" s="71">
        <v>22</v>
      </c>
      <c r="BD14" s="72">
        <v>119</v>
      </c>
      <c r="BE14" s="73">
        <v>226</v>
      </c>
      <c r="BF14" s="70">
        <v>88</v>
      </c>
      <c r="BG14" s="71">
        <v>46</v>
      </c>
      <c r="BH14" s="72">
        <v>134</v>
      </c>
      <c r="BI14" s="244">
        <v>0</v>
      </c>
      <c r="BJ14" s="71">
        <v>69</v>
      </c>
      <c r="BK14" s="71">
        <v>43</v>
      </c>
      <c r="BL14" s="71">
        <v>30</v>
      </c>
      <c r="BM14" s="71">
        <v>34</v>
      </c>
      <c r="BN14" s="71">
        <v>13</v>
      </c>
      <c r="BO14" s="72">
        <v>189</v>
      </c>
      <c r="BP14" s="73">
        <v>323</v>
      </c>
      <c r="BQ14" s="70">
        <v>67</v>
      </c>
      <c r="BR14" s="71">
        <v>52</v>
      </c>
      <c r="BS14" s="72">
        <v>119</v>
      </c>
      <c r="BT14" s="244"/>
      <c r="BU14" s="71">
        <v>62</v>
      </c>
      <c r="BV14" s="71">
        <v>48</v>
      </c>
      <c r="BW14" s="71">
        <v>37</v>
      </c>
      <c r="BX14" s="71">
        <v>30</v>
      </c>
      <c r="BY14" s="71">
        <v>20</v>
      </c>
      <c r="BZ14" s="72">
        <v>197</v>
      </c>
      <c r="CA14" s="73">
        <v>316</v>
      </c>
      <c r="CB14" s="70">
        <v>0</v>
      </c>
      <c r="CC14" s="71">
        <v>0</v>
      </c>
      <c r="CD14" s="72">
        <v>0</v>
      </c>
      <c r="CE14" s="244"/>
      <c r="CF14" s="71">
        <v>0</v>
      </c>
      <c r="CG14" s="71">
        <v>0</v>
      </c>
      <c r="CH14" s="71">
        <v>0</v>
      </c>
      <c r="CI14" s="71">
        <v>0</v>
      </c>
      <c r="CJ14" s="71">
        <v>0</v>
      </c>
      <c r="CK14" s="72">
        <v>0</v>
      </c>
      <c r="CL14" s="73">
        <v>0</v>
      </c>
      <c r="CM14" s="70">
        <v>270</v>
      </c>
      <c r="CN14" s="71">
        <v>181</v>
      </c>
      <c r="CO14" s="72">
        <v>451</v>
      </c>
      <c r="CP14" s="244"/>
      <c r="CQ14" s="71">
        <v>247</v>
      </c>
      <c r="CR14" s="71">
        <v>157</v>
      </c>
      <c r="CS14" s="71">
        <v>111</v>
      </c>
      <c r="CT14" s="71">
        <v>93</v>
      </c>
      <c r="CU14" s="71">
        <v>83</v>
      </c>
      <c r="CV14" s="72">
        <v>691</v>
      </c>
      <c r="CW14" s="73">
        <v>1142</v>
      </c>
      <c r="CX14" s="123">
        <v>103</v>
      </c>
      <c r="CY14" s="82">
        <v>70</v>
      </c>
      <c r="CZ14" s="83">
        <v>173</v>
      </c>
      <c r="DA14" s="241"/>
      <c r="DB14" s="82">
        <v>114</v>
      </c>
      <c r="DC14" s="82">
        <v>51</v>
      </c>
      <c r="DD14" s="82">
        <v>46</v>
      </c>
      <c r="DE14" s="82">
        <v>38</v>
      </c>
      <c r="DF14" s="82">
        <v>44</v>
      </c>
      <c r="DG14" s="84">
        <v>293</v>
      </c>
      <c r="DH14" s="85">
        <v>466</v>
      </c>
      <c r="DI14" s="70">
        <v>7</v>
      </c>
      <c r="DJ14" s="71">
        <v>2</v>
      </c>
      <c r="DK14" s="72">
        <v>9</v>
      </c>
      <c r="DL14" s="244"/>
      <c r="DM14" s="71">
        <v>0</v>
      </c>
      <c r="DN14" s="71">
        <v>1</v>
      </c>
      <c r="DO14" s="71">
        <v>2</v>
      </c>
      <c r="DP14" s="71">
        <v>0</v>
      </c>
      <c r="DQ14" s="71">
        <v>0</v>
      </c>
      <c r="DR14" s="72">
        <v>3</v>
      </c>
      <c r="DS14" s="73">
        <v>12</v>
      </c>
      <c r="DT14" s="70">
        <v>7</v>
      </c>
      <c r="DU14" s="71">
        <v>6</v>
      </c>
      <c r="DV14" s="72">
        <v>13</v>
      </c>
      <c r="DW14" s="244"/>
      <c r="DX14" s="71">
        <v>2</v>
      </c>
      <c r="DY14" s="71">
        <v>1</v>
      </c>
      <c r="DZ14" s="71">
        <v>2</v>
      </c>
      <c r="EA14" s="71">
        <v>1</v>
      </c>
      <c r="EB14" s="71">
        <v>0</v>
      </c>
      <c r="EC14" s="72">
        <v>6</v>
      </c>
      <c r="ED14" s="73">
        <v>19</v>
      </c>
      <c r="EE14" s="70">
        <v>13</v>
      </c>
      <c r="EF14" s="71">
        <v>7</v>
      </c>
      <c r="EG14" s="72">
        <v>20</v>
      </c>
      <c r="EH14" s="244"/>
      <c r="EI14" s="71">
        <v>10</v>
      </c>
      <c r="EJ14" s="71">
        <v>2</v>
      </c>
      <c r="EK14" s="71">
        <v>6</v>
      </c>
      <c r="EL14" s="71">
        <v>3</v>
      </c>
      <c r="EM14" s="71">
        <v>3</v>
      </c>
      <c r="EN14" s="72">
        <v>24</v>
      </c>
      <c r="EO14" s="73">
        <v>44</v>
      </c>
      <c r="EP14" s="70">
        <v>29</v>
      </c>
      <c r="EQ14" s="71">
        <v>18</v>
      </c>
      <c r="ER14" s="72">
        <v>47</v>
      </c>
      <c r="ES14" s="244"/>
      <c r="ET14" s="71">
        <v>22</v>
      </c>
      <c r="EU14" s="71">
        <v>7</v>
      </c>
      <c r="EV14" s="71">
        <v>2</v>
      </c>
      <c r="EW14" s="71">
        <v>1</v>
      </c>
      <c r="EX14" s="71">
        <v>10</v>
      </c>
      <c r="EY14" s="72">
        <v>42</v>
      </c>
      <c r="EZ14" s="73">
        <v>89</v>
      </c>
      <c r="FA14" s="70">
        <v>30</v>
      </c>
      <c r="FB14" s="71">
        <v>15</v>
      </c>
      <c r="FC14" s="72">
        <v>45</v>
      </c>
      <c r="FD14" s="244"/>
      <c r="FE14" s="71">
        <v>42</v>
      </c>
      <c r="FF14" s="71">
        <v>12</v>
      </c>
      <c r="FG14" s="71">
        <v>12</v>
      </c>
      <c r="FH14" s="71">
        <v>7</v>
      </c>
      <c r="FI14" s="71">
        <v>6</v>
      </c>
      <c r="FJ14" s="72">
        <v>79</v>
      </c>
      <c r="FK14" s="73">
        <v>124</v>
      </c>
      <c r="FL14" s="70">
        <v>17</v>
      </c>
      <c r="FM14" s="71">
        <v>22</v>
      </c>
      <c r="FN14" s="72">
        <v>39</v>
      </c>
      <c r="FO14" s="241"/>
      <c r="FP14" s="71">
        <v>38</v>
      </c>
      <c r="FQ14" s="71">
        <v>28</v>
      </c>
      <c r="FR14" s="71">
        <v>22</v>
      </c>
      <c r="FS14" s="71">
        <v>26</v>
      </c>
      <c r="FT14" s="71">
        <v>25</v>
      </c>
      <c r="FU14" s="72">
        <v>139</v>
      </c>
      <c r="FV14" s="73">
        <v>178</v>
      </c>
      <c r="FW14" s="70">
        <v>0</v>
      </c>
      <c r="FX14" s="71">
        <v>0</v>
      </c>
      <c r="FY14" s="72">
        <v>0</v>
      </c>
      <c r="FZ14" s="244"/>
      <c r="GA14" s="71">
        <v>0</v>
      </c>
      <c r="GB14" s="71">
        <v>0</v>
      </c>
      <c r="GC14" s="71">
        <v>0</v>
      </c>
      <c r="GD14" s="71">
        <v>0</v>
      </c>
      <c r="GE14" s="71">
        <v>0</v>
      </c>
      <c r="GF14" s="72">
        <v>0</v>
      </c>
      <c r="GG14" s="73">
        <v>0</v>
      </c>
      <c r="GH14" s="70">
        <v>103</v>
      </c>
      <c r="GI14" s="71">
        <v>70</v>
      </c>
      <c r="GJ14" s="72">
        <v>173</v>
      </c>
      <c r="GK14" s="244"/>
      <c r="GL14" s="71">
        <v>114</v>
      </c>
      <c r="GM14" s="71">
        <v>51</v>
      </c>
      <c r="GN14" s="71">
        <v>46</v>
      </c>
      <c r="GO14" s="71">
        <v>38</v>
      </c>
      <c r="GP14" s="71">
        <v>44</v>
      </c>
      <c r="GQ14" s="72">
        <v>293</v>
      </c>
      <c r="GR14" s="73">
        <v>466</v>
      </c>
      <c r="GS14" s="123">
        <v>373</v>
      </c>
      <c r="GT14" s="82">
        <v>251</v>
      </c>
      <c r="GU14" s="83">
        <v>624</v>
      </c>
      <c r="GV14" s="241"/>
      <c r="GW14" s="82">
        <v>361</v>
      </c>
      <c r="GX14" s="82">
        <v>208</v>
      </c>
      <c r="GY14" s="82">
        <v>157</v>
      </c>
      <c r="GZ14" s="82">
        <v>131</v>
      </c>
      <c r="HA14" s="82">
        <v>127</v>
      </c>
      <c r="HB14" s="84">
        <v>984</v>
      </c>
      <c r="HC14" s="85">
        <v>1608</v>
      </c>
      <c r="HD14" s="70">
        <v>11</v>
      </c>
      <c r="HE14" s="71">
        <v>10</v>
      </c>
      <c r="HF14" s="72">
        <v>21</v>
      </c>
      <c r="HG14" s="244"/>
      <c r="HH14" s="71">
        <v>11</v>
      </c>
      <c r="HI14" s="71">
        <v>6</v>
      </c>
      <c r="HJ14" s="71">
        <v>8</v>
      </c>
      <c r="HK14" s="71">
        <v>4</v>
      </c>
      <c r="HL14" s="71">
        <v>6</v>
      </c>
      <c r="HM14" s="72">
        <v>35</v>
      </c>
      <c r="HN14" s="73">
        <v>56</v>
      </c>
      <c r="HO14" s="70">
        <v>23</v>
      </c>
      <c r="HP14" s="71">
        <v>20</v>
      </c>
      <c r="HQ14" s="72">
        <v>43</v>
      </c>
      <c r="HR14" s="244"/>
      <c r="HS14" s="71">
        <v>19</v>
      </c>
      <c r="HT14" s="71">
        <v>18</v>
      </c>
      <c r="HU14" s="71">
        <v>5</v>
      </c>
      <c r="HV14" s="71">
        <v>6</v>
      </c>
      <c r="HW14" s="71">
        <v>13</v>
      </c>
      <c r="HX14" s="72">
        <v>61</v>
      </c>
      <c r="HY14" s="73">
        <v>104</v>
      </c>
      <c r="HZ14" s="70">
        <v>40</v>
      </c>
      <c r="IA14" s="71">
        <v>29</v>
      </c>
      <c r="IB14" s="72">
        <v>69</v>
      </c>
      <c r="IC14" s="244"/>
      <c r="ID14" s="71">
        <v>52</v>
      </c>
      <c r="IE14" s="71">
        <v>22</v>
      </c>
      <c r="IF14" s="71">
        <v>22</v>
      </c>
      <c r="IG14" s="71">
        <v>15</v>
      </c>
      <c r="IH14" s="71">
        <v>12</v>
      </c>
      <c r="II14" s="72">
        <v>123</v>
      </c>
      <c r="IJ14" s="73">
        <v>192</v>
      </c>
      <c r="IK14" s="70">
        <v>97</v>
      </c>
      <c r="IL14" s="71">
        <v>57</v>
      </c>
      <c r="IM14" s="72">
        <v>154</v>
      </c>
      <c r="IN14" s="244"/>
      <c r="IO14" s="71">
        <v>68</v>
      </c>
      <c r="IP14" s="71">
        <v>31</v>
      </c>
      <c r="IQ14" s="71">
        <v>21</v>
      </c>
      <c r="IR14" s="71">
        <v>9</v>
      </c>
      <c r="IS14" s="71">
        <v>32</v>
      </c>
      <c r="IT14" s="72">
        <v>161</v>
      </c>
      <c r="IU14" s="73">
        <v>315</v>
      </c>
      <c r="IV14" s="70">
        <v>118</v>
      </c>
      <c r="IW14" s="71">
        <v>61</v>
      </c>
      <c r="IX14" s="72">
        <v>179</v>
      </c>
      <c r="IY14" s="244"/>
      <c r="IZ14" s="71">
        <v>111</v>
      </c>
      <c r="JA14" s="71">
        <v>55</v>
      </c>
      <c r="JB14" s="71">
        <v>42</v>
      </c>
      <c r="JC14" s="71">
        <v>41</v>
      </c>
      <c r="JD14" s="71">
        <v>19</v>
      </c>
      <c r="JE14" s="72">
        <v>268</v>
      </c>
      <c r="JF14" s="73">
        <v>447</v>
      </c>
      <c r="JG14" s="70">
        <v>84</v>
      </c>
      <c r="JH14" s="71">
        <v>74</v>
      </c>
      <c r="JI14" s="72">
        <v>158</v>
      </c>
      <c r="JJ14" s="244"/>
      <c r="JK14" s="71">
        <v>100</v>
      </c>
      <c r="JL14" s="71">
        <v>76</v>
      </c>
      <c r="JM14" s="71">
        <v>59</v>
      </c>
      <c r="JN14" s="71">
        <v>56</v>
      </c>
      <c r="JO14" s="71">
        <v>45</v>
      </c>
      <c r="JP14" s="72">
        <v>336</v>
      </c>
      <c r="JQ14" s="73">
        <v>494</v>
      </c>
      <c r="JR14" s="70">
        <v>0</v>
      </c>
      <c r="JS14" s="71">
        <v>0</v>
      </c>
      <c r="JT14" s="72">
        <v>0</v>
      </c>
      <c r="JU14" s="244"/>
      <c r="JV14" s="71">
        <v>0</v>
      </c>
      <c r="JW14" s="71">
        <v>0</v>
      </c>
      <c r="JX14" s="71">
        <v>0</v>
      </c>
      <c r="JY14" s="71">
        <v>0</v>
      </c>
      <c r="JZ14" s="71">
        <v>0</v>
      </c>
      <c r="KA14" s="72">
        <v>0</v>
      </c>
      <c r="KB14" s="73">
        <v>0</v>
      </c>
      <c r="KC14" s="70">
        <v>373</v>
      </c>
      <c r="KD14" s="71">
        <v>251</v>
      </c>
      <c r="KE14" s="72">
        <v>624</v>
      </c>
      <c r="KF14" s="244"/>
      <c r="KG14" s="71">
        <v>361</v>
      </c>
      <c r="KH14" s="71">
        <v>208</v>
      </c>
      <c r="KI14" s="71">
        <v>157</v>
      </c>
      <c r="KJ14" s="71">
        <v>131</v>
      </c>
      <c r="KK14" s="71">
        <v>127</v>
      </c>
      <c r="KL14" s="72">
        <v>984</v>
      </c>
      <c r="KM14" s="73">
        <v>1608</v>
      </c>
    </row>
    <row r="15" spans="2:299" ht="19.5" customHeight="1" x14ac:dyDescent="0.2">
      <c r="B15" s="126" t="s">
        <v>11</v>
      </c>
      <c r="C15" s="316">
        <v>58</v>
      </c>
      <c r="D15" s="82">
        <v>39</v>
      </c>
      <c r="E15" s="83">
        <v>97</v>
      </c>
      <c r="F15" s="241"/>
      <c r="G15" s="82">
        <v>95</v>
      </c>
      <c r="H15" s="82">
        <v>30</v>
      </c>
      <c r="I15" s="82">
        <v>33</v>
      </c>
      <c r="J15" s="82">
        <v>33</v>
      </c>
      <c r="K15" s="82">
        <v>24</v>
      </c>
      <c r="L15" s="84">
        <v>215</v>
      </c>
      <c r="M15" s="85">
        <v>312</v>
      </c>
      <c r="N15" s="70">
        <v>0</v>
      </c>
      <c r="O15" s="71">
        <v>2</v>
      </c>
      <c r="P15" s="72">
        <v>2</v>
      </c>
      <c r="Q15" s="244"/>
      <c r="R15" s="71">
        <v>7</v>
      </c>
      <c r="S15" s="71">
        <v>1</v>
      </c>
      <c r="T15" s="71">
        <v>1</v>
      </c>
      <c r="U15" s="71">
        <v>1</v>
      </c>
      <c r="V15" s="71">
        <v>0</v>
      </c>
      <c r="W15" s="72">
        <v>10</v>
      </c>
      <c r="X15" s="73">
        <v>12</v>
      </c>
      <c r="Y15" s="70">
        <v>10</v>
      </c>
      <c r="Z15" s="71">
        <v>3</v>
      </c>
      <c r="AA15" s="72">
        <v>13</v>
      </c>
      <c r="AB15" s="244">
        <v>0</v>
      </c>
      <c r="AC15" s="71">
        <v>11</v>
      </c>
      <c r="AD15" s="71">
        <v>2</v>
      </c>
      <c r="AE15" s="71">
        <v>2</v>
      </c>
      <c r="AF15" s="71">
        <v>0</v>
      </c>
      <c r="AG15" s="71">
        <v>3</v>
      </c>
      <c r="AH15" s="72">
        <v>18</v>
      </c>
      <c r="AI15" s="73">
        <v>31</v>
      </c>
      <c r="AJ15" s="70">
        <v>6</v>
      </c>
      <c r="AK15" s="71">
        <v>3</v>
      </c>
      <c r="AL15" s="72">
        <v>9</v>
      </c>
      <c r="AM15" s="244"/>
      <c r="AN15" s="71">
        <v>22</v>
      </c>
      <c r="AO15" s="71">
        <v>2</v>
      </c>
      <c r="AP15" s="71">
        <v>4</v>
      </c>
      <c r="AQ15" s="71">
        <v>5</v>
      </c>
      <c r="AR15" s="71">
        <v>3</v>
      </c>
      <c r="AS15" s="72">
        <v>36</v>
      </c>
      <c r="AT15" s="73">
        <v>45</v>
      </c>
      <c r="AU15" s="70">
        <v>12</v>
      </c>
      <c r="AV15" s="71">
        <v>9</v>
      </c>
      <c r="AW15" s="72">
        <v>21</v>
      </c>
      <c r="AX15" s="244"/>
      <c r="AY15" s="71">
        <v>16</v>
      </c>
      <c r="AZ15" s="71">
        <v>8</v>
      </c>
      <c r="BA15" s="71">
        <v>9</v>
      </c>
      <c r="BB15" s="71">
        <v>12</v>
      </c>
      <c r="BC15" s="71">
        <v>6</v>
      </c>
      <c r="BD15" s="72">
        <v>51</v>
      </c>
      <c r="BE15" s="73">
        <v>72</v>
      </c>
      <c r="BF15" s="70">
        <v>21</v>
      </c>
      <c r="BG15" s="71">
        <v>13</v>
      </c>
      <c r="BH15" s="72">
        <v>34</v>
      </c>
      <c r="BI15" s="244">
        <v>0</v>
      </c>
      <c r="BJ15" s="71">
        <v>17</v>
      </c>
      <c r="BK15" s="71">
        <v>8</v>
      </c>
      <c r="BL15" s="71">
        <v>5</v>
      </c>
      <c r="BM15" s="71">
        <v>8</v>
      </c>
      <c r="BN15" s="71">
        <v>4</v>
      </c>
      <c r="BO15" s="72">
        <v>42</v>
      </c>
      <c r="BP15" s="73">
        <v>76</v>
      </c>
      <c r="BQ15" s="70">
        <v>9</v>
      </c>
      <c r="BR15" s="71">
        <v>9</v>
      </c>
      <c r="BS15" s="72">
        <v>18</v>
      </c>
      <c r="BT15" s="244"/>
      <c r="BU15" s="71">
        <v>22</v>
      </c>
      <c r="BV15" s="71">
        <v>9</v>
      </c>
      <c r="BW15" s="71">
        <v>12</v>
      </c>
      <c r="BX15" s="71">
        <v>7</v>
      </c>
      <c r="BY15" s="71">
        <v>8</v>
      </c>
      <c r="BZ15" s="72">
        <v>58</v>
      </c>
      <c r="CA15" s="73">
        <v>76</v>
      </c>
      <c r="CB15" s="70">
        <v>0</v>
      </c>
      <c r="CC15" s="71">
        <v>0</v>
      </c>
      <c r="CD15" s="72">
        <v>0</v>
      </c>
      <c r="CE15" s="244"/>
      <c r="CF15" s="71">
        <v>0</v>
      </c>
      <c r="CG15" s="71">
        <v>0</v>
      </c>
      <c r="CH15" s="71">
        <v>0</v>
      </c>
      <c r="CI15" s="71">
        <v>0</v>
      </c>
      <c r="CJ15" s="71">
        <v>0</v>
      </c>
      <c r="CK15" s="72">
        <v>0</v>
      </c>
      <c r="CL15" s="73">
        <v>0</v>
      </c>
      <c r="CM15" s="70">
        <v>58</v>
      </c>
      <c r="CN15" s="71">
        <v>39</v>
      </c>
      <c r="CO15" s="72">
        <v>97</v>
      </c>
      <c r="CP15" s="244"/>
      <c r="CQ15" s="71">
        <v>95</v>
      </c>
      <c r="CR15" s="71">
        <v>30</v>
      </c>
      <c r="CS15" s="71">
        <v>33</v>
      </c>
      <c r="CT15" s="71">
        <v>33</v>
      </c>
      <c r="CU15" s="71">
        <v>24</v>
      </c>
      <c r="CV15" s="72">
        <v>215</v>
      </c>
      <c r="CW15" s="73">
        <v>312</v>
      </c>
      <c r="CX15" s="123">
        <v>24</v>
      </c>
      <c r="CY15" s="82">
        <v>18</v>
      </c>
      <c r="CZ15" s="83">
        <v>42</v>
      </c>
      <c r="DA15" s="241"/>
      <c r="DB15" s="82">
        <v>39</v>
      </c>
      <c r="DC15" s="82">
        <v>24</v>
      </c>
      <c r="DD15" s="82">
        <v>20</v>
      </c>
      <c r="DE15" s="82">
        <v>27</v>
      </c>
      <c r="DF15" s="82">
        <v>16</v>
      </c>
      <c r="DG15" s="84">
        <v>126</v>
      </c>
      <c r="DH15" s="85">
        <v>168</v>
      </c>
      <c r="DI15" s="70">
        <v>0</v>
      </c>
      <c r="DJ15" s="71">
        <v>1</v>
      </c>
      <c r="DK15" s="72">
        <v>1</v>
      </c>
      <c r="DL15" s="244"/>
      <c r="DM15" s="71">
        <v>0</v>
      </c>
      <c r="DN15" s="71">
        <v>2</v>
      </c>
      <c r="DO15" s="71">
        <v>0</v>
      </c>
      <c r="DP15" s="71">
        <v>0</v>
      </c>
      <c r="DQ15" s="71">
        <v>0</v>
      </c>
      <c r="DR15" s="72">
        <v>2</v>
      </c>
      <c r="DS15" s="73">
        <v>3</v>
      </c>
      <c r="DT15" s="70">
        <v>3</v>
      </c>
      <c r="DU15" s="71">
        <v>1</v>
      </c>
      <c r="DV15" s="72">
        <v>4</v>
      </c>
      <c r="DW15" s="244"/>
      <c r="DX15" s="71">
        <v>2</v>
      </c>
      <c r="DY15" s="71">
        <v>1</v>
      </c>
      <c r="DZ15" s="71">
        <v>1</v>
      </c>
      <c r="EA15" s="71">
        <v>1</v>
      </c>
      <c r="EB15" s="71">
        <v>0</v>
      </c>
      <c r="EC15" s="72">
        <v>5</v>
      </c>
      <c r="ED15" s="73">
        <v>9</v>
      </c>
      <c r="EE15" s="70">
        <v>2</v>
      </c>
      <c r="EF15" s="71">
        <v>4</v>
      </c>
      <c r="EG15" s="72">
        <v>6</v>
      </c>
      <c r="EH15" s="244"/>
      <c r="EI15" s="71">
        <v>4</v>
      </c>
      <c r="EJ15" s="71">
        <v>2</v>
      </c>
      <c r="EK15" s="71">
        <v>1</v>
      </c>
      <c r="EL15" s="71">
        <v>1</v>
      </c>
      <c r="EM15" s="71">
        <v>0</v>
      </c>
      <c r="EN15" s="72">
        <v>8</v>
      </c>
      <c r="EO15" s="73">
        <v>14</v>
      </c>
      <c r="EP15" s="70">
        <v>5</v>
      </c>
      <c r="EQ15" s="71">
        <v>1</v>
      </c>
      <c r="ER15" s="72">
        <v>6</v>
      </c>
      <c r="ES15" s="244"/>
      <c r="ET15" s="71">
        <v>6</v>
      </c>
      <c r="EU15" s="71">
        <v>3</v>
      </c>
      <c r="EV15" s="71">
        <v>2</v>
      </c>
      <c r="EW15" s="71">
        <v>5</v>
      </c>
      <c r="EX15" s="71">
        <v>6</v>
      </c>
      <c r="EY15" s="72">
        <v>22</v>
      </c>
      <c r="EZ15" s="73">
        <v>28</v>
      </c>
      <c r="FA15" s="70">
        <v>10</v>
      </c>
      <c r="FB15" s="71">
        <v>3</v>
      </c>
      <c r="FC15" s="72">
        <v>13</v>
      </c>
      <c r="FD15" s="244"/>
      <c r="FE15" s="71">
        <v>16</v>
      </c>
      <c r="FF15" s="71">
        <v>8</v>
      </c>
      <c r="FG15" s="71">
        <v>6</v>
      </c>
      <c r="FH15" s="71">
        <v>7</v>
      </c>
      <c r="FI15" s="71">
        <v>2</v>
      </c>
      <c r="FJ15" s="72">
        <v>39</v>
      </c>
      <c r="FK15" s="73">
        <v>52</v>
      </c>
      <c r="FL15" s="70">
        <v>4</v>
      </c>
      <c r="FM15" s="71">
        <v>8</v>
      </c>
      <c r="FN15" s="72">
        <v>12</v>
      </c>
      <c r="FO15" s="241"/>
      <c r="FP15" s="71">
        <v>11</v>
      </c>
      <c r="FQ15" s="71">
        <v>8</v>
      </c>
      <c r="FR15" s="71">
        <v>10</v>
      </c>
      <c r="FS15" s="71">
        <v>13</v>
      </c>
      <c r="FT15" s="71">
        <v>8</v>
      </c>
      <c r="FU15" s="72">
        <v>50</v>
      </c>
      <c r="FV15" s="73">
        <v>62</v>
      </c>
      <c r="FW15" s="70">
        <v>0</v>
      </c>
      <c r="FX15" s="71">
        <v>0</v>
      </c>
      <c r="FY15" s="72">
        <v>0</v>
      </c>
      <c r="FZ15" s="244"/>
      <c r="GA15" s="71">
        <v>0</v>
      </c>
      <c r="GB15" s="71">
        <v>0</v>
      </c>
      <c r="GC15" s="71">
        <v>0</v>
      </c>
      <c r="GD15" s="71">
        <v>0</v>
      </c>
      <c r="GE15" s="71">
        <v>0</v>
      </c>
      <c r="GF15" s="72">
        <v>0</v>
      </c>
      <c r="GG15" s="73">
        <v>0</v>
      </c>
      <c r="GH15" s="70">
        <v>24</v>
      </c>
      <c r="GI15" s="71">
        <v>18</v>
      </c>
      <c r="GJ15" s="72">
        <v>42</v>
      </c>
      <c r="GK15" s="244"/>
      <c r="GL15" s="71">
        <v>39</v>
      </c>
      <c r="GM15" s="71">
        <v>24</v>
      </c>
      <c r="GN15" s="71">
        <v>20</v>
      </c>
      <c r="GO15" s="71">
        <v>27</v>
      </c>
      <c r="GP15" s="71">
        <v>16</v>
      </c>
      <c r="GQ15" s="72">
        <v>126</v>
      </c>
      <c r="GR15" s="73">
        <v>168</v>
      </c>
      <c r="GS15" s="123">
        <v>82</v>
      </c>
      <c r="GT15" s="82">
        <v>57</v>
      </c>
      <c r="GU15" s="83">
        <v>139</v>
      </c>
      <c r="GV15" s="241"/>
      <c r="GW15" s="82">
        <v>134</v>
      </c>
      <c r="GX15" s="82">
        <v>54</v>
      </c>
      <c r="GY15" s="82">
        <v>53</v>
      </c>
      <c r="GZ15" s="82">
        <v>60</v>
      </c>
      <c r="HA15" s="82">
        <v>40</v>
      </c>
      <c r="HB15" s="84">
        <v>341</v>
      </c>
      <c r="HC15" s="85">
        <v>480</v>
      </c>
      <c r="HD15" s="70">
        <v>0</v>
      </c>
      <c r="HE15" s="71">
        <v>3</v>
      </c>
      <c r="HF15" s="72">
        <v>3</v>
      </c>
      <c r="HG15" s="244"/>
      <c r="HH15" s="71">
        <v>7</v>
      </c>
      <c r="HI15" s="71">
        <v>3</v>
      </c>
      <c r="HJ15" s="71">
        <v>1</v>
      </c>
      <c r="HK15" s="71">
        <v>1</v>
      </c>
      <c r="HL15" s="71">
        <v>0</v>
      </c>
      <c r="HM15" s="72">
        <v>12</v>
      </c>
      <c r="HN15" s="73">
        <v>15</v>
      </c>
      <c r="HO15" s="70">
        <v>13</v>
      </c>
      <c r="HP15" s="71">
        <v>4</v>
      </c>
      <c r="HQ15" s="72">
        <v>17</v>
      </c>
      <c r="HR15" s="244"/>
      <c r="HS15" s="71">
        <v>13</v>
      </c>
      <c r="HT15" s="71">
        <v>3</v>
      </c>
      <c r="HU15" s="71">
        <v>3</v>
      </c>
      <c r="HV15" s="71">
        <v>1</v>
      </c>
      <c r="HW15" s="71">
        <v>3</v>
      </c>
      <c r="HX15" s="72">
        <v>23</v>
      </c>
      <c r="HY15" s="73">
        <v>40</v>
      </c>
      <c r="HZ15" s="70">
        <v>8</v>
      </c>
      <c r="IA15" s="71">
        <v>7</v>
      </c>
      <c r="IB15" s="72">
        <v>15</v>
      </c>
      <c r="IC15" s="244"/>
      <c r="ID15" s="71">
        <v>26</v>
      </c>
      <c r="IE15" s="71">
        <v>4</v>
      </c>
      <c r="IF15" s="71">
        <v>5</v>
      </c>
      <c r="IG15" s="71">
        <v>6</v>
      </c>
      <c r="IH15" s="71">
        <v>3</v>
      </c>
      <c r="II15" s="72">
        <v>44</v>
      </c>
      <c r="IJ15" s="73">
        <v>59</v>
      </c>
      <c r="IK15" s="70">
        <v>17</v>
      </c>
      <c r="IL15" s="71">
        <v>10</v>
      </c>
      <c r="IM15" s="72">
        <v>27</v>
      </c>
      <c r="IN15" s="244"/>
      <c r="IO15" s="71">
        <v>22</v>
      </c>
      <c r="IP15" s="71">
        <v>11</v>
      </c>
      <c r="IQ15" s="71">
        <v>11</v>
      </c>
      <c r="IR15" s="71">
        <v>17</v>
      </c>
      <c r="IS15" s="71">
        <v>12</v>
      </c>
      <c r="IT15" s="72">
        <v>73</v>
      </c>
      <c r="IU15" s="73">
        <v>100</v>
      </c>
      <c r="IV15" s="70">
        <v>31</v>
      </c>
      <c r="IW15" s="71">
        <v>16</v>
      </c>
      <c r="IX15" s="72">
        <v>47</v>
      </c>
      <c r="IY15" s="244"/>
      <c r="IZ15" s="71">
        <v>33</v>
      </c>
      <c r="JA15" s="71">
        <v>16</v>
      </c>
      <c r="JB15" s="71">
        <v>11</v>
      </c>
      <c r="JC15" s="71">
        <v>15</v>
      </c>
      <c r="JD15" s="71">
        <v>6</v>
      </c>
      <c r="JE15" s="72">
        <v>81</v>
      </c>
      <c r="JF15" s="73">
        <v>128</v>
      </c>
      <c r="JG15" s="70">
        <v>13</v>
      </c>
      <c r="JH15" s="71">
        <v>17</v>
      </c>
      <c r="JI15" s="72">
        <v>30</v>
      </c>
      <c r="JJ15" s="244"/>
      <c r="JK15" s="71">
        <v>33</v>
      </c>
      <c r="JL15" s="71">
        <v>17</v>
      </c>
      <c r="JM15" s="71">
        <v>22</v>
      </c>
      <c r="JN15" s="71">
        <v>20</v>
      </c>
      <c r="JO15" s="71">
        <v>16</v>
      </c>
      <c r="JP15" s="72">
        <v>108</v>
      </c>
      <c r="JQ15" s="73">
        <v>138</v>
      </c>
      <c r="JR15" s="70">
        <v>0</v>
      </c>
      <c r="JS15" s="71">
        <v>0</v>
      </c>
      <c r="JT15" s="72">
        <v>0</v>
      </c>
      <c r="JU15" s="244"/>
      <c r="JV15" s="71">
        <v>0</v>
      </c>
      <c r="JW15" s="71">
        <v>0</v>
      </c>
      <c r="JX15" s="71">
        <v>0</v>
      </c>
      <c r="JY15" s="71">
        <v>0</v>
      </c>
      <c r="JZ15" s="71">
        <v>0</v>
      </c>
      <c r="KA15" s="72">
        <v>0</v>
      </c>
      <c r="KB15" s="73">
        <v>0</v>
      </c>
      <c r="KC15" s="70">
        <v>82</v>
      </c>
      <c r="KD15" s="71">
        <v>57</v>
      </c>
      <c r="KE15" s="72">
        <v>139</v>
      </c>
      <c r="KF15" s="244"/>
      <c r="KG15" s="71">
        <v>134</v>
      </c>
      <c r="KH15" s="71">
        <v>54</v>
      </c>
      <c r="KI15" s="71">
        <v>53</v>
      </c>
      <c r="KJ15" s="71">
        <v>60</v>
      </c>
      <c r="KK15" s="71">
        <v>40</v>
      </c>
      <c r="KL15" s="72">
        <v>341</v>
      </c>
      <c r="KM15" s="73">
        <v>480</v>
      </c>
    </row>
    <row r="16" spans="2:299" ht="19.5" customHeight="1" x14ac:dyDescent="0.2">
      <c r="B16" s="126" t="s">
        <v>12</v>
      </c>
      <c r="C16" s="316">
        <v>144</v>
      </c>
      <c r="D16" s="82">
        <v>92</v>
      </c>
      <c r="E16" s="83">
        <v>236</v>
      </c>
      <c r="F16" s="241"/>
      <c r="G16" s="82">
        <v>101</v>
      </c>
      <c r="H16" s="82">
        <v>68</v>
      </c>
      <c r="I16" s="82">
        <v>56</v>
      </c>
      <c r="J16" s="82">
        <v>68</v>
      </c>
      <c r="K16" s="82">
        <v>35</v>
      </c>
      <c r="L16" s="84">
        <v>328</v>
      </c>
      <c r="M16" s="85">
        <v>564</v>
      </c>
      <c r="N16" s="86">
        <v>3</v>
      </c>
      <c r="O16" s="71">
        <v>6</v>
      </c>
      <c r="P16" s="72">
        <v>9</v>
      </c>
      <c r="Q16" s="244"/>
      <c r="R16" s="71">
        <v>0</v>
      </c>
      <c r="S16" s="71">
        <v>3</v>
      </c>
      <c r="T16" s="71">
        <v>1</v>
      </c>
      <c r="U16" s="71">
        <v>2</v>
      </c>
      <c r="V16" s="71">
        <v>3</v>
      </c>
      <c r="W16" s="72">
        <v>9</v>
      </c>
      <c r="X16" s="73">
        <v>18</v>
      </c>
      <c r="Y16" s="70">
        <v>10</v>
      </c>
      <c r="Z16" s="71">
        <v>6</v>
      </c>
      <c r="AA16" s="72">
        <v>16</v>
      </c>
      <c r="AB16" s="244">
        <v>0</v>
      </c>
      <c r="AC16" s="71">
        <v>9</v>
      </c>
      <c r="AD16" s="71">
        <v>3</v>
      </c>
      <c r="AE16" s="71">
        <v>3</v>
      </c>
      <c r="AF16" s="71">
        <v>3</v>
      </c>
      <c r="AG16" s="71">
        <v>3</v>
      </c>
      <c r="AH16" s="72">
        <v>21</v>
      </c>
      <c r="AI16" s="73">
        <v>37</v>
      </c>
      <c r="AJ16" s="86">
        <v>14</v>
      </c>
      <c r="AK16" s="71">
        <v>11</v>
      </c>
      <c r="AL16" s="72">
        <v>25</v>
      </c>
      <c r="AM16" s="244"/>
      <c r="AN16" s="71">
        <v>7</v>
      </c>
      <c r="AO16" s="71">
        <v>9</v>
      </c>
      <c r="AP16" s="71">
        <v>5</v>
      </c>
      <c r="AQ16" s="71">
        <v>5</v>
      </c>
      <c r="AR16" s="71">
        <v>4</v>
      </c>
      <c r="AS16" s="72">
        <v>30</v>
      </c>
      <c r="AT16" s="73">
        <v>55</v>
      </c>
      <c r="AU16" s="70">
        <v>34</v>
      </c>
      <c r="AV16" s="71">
        <v>19</v>
      </c>
      <c r="AW16" s="72">
        <v>53</v>
      </c>
      <c r="AX16" s="244"/>
      <c r="AY16" s="71">
        <v>24</v>
      </c>
      <c r="AZ16" s="71">
        <v>19</v>
      </c>
      <c r="BA16" s="71">
        <v>12</v>
      </c>
      <c r="BB16" s="71">
        <v>16</v>
      </c>
      <c r="BC16" s="71">
        <v>6</v>
      </c>
      <c r="BD16" s="72">
        <v>77</v>
      </c>
      <c r="BE16" s="73">
        <v>130</v>
      </c>
      <c r="BF16" s="86">
        <v>48</v>
      </c>
      <c r="BG16" s="71">
        <v>24</v>
      </c>
      <c r="BH16" s="72">
        <v>72</v>
      </c>
      <c r="BI16" s="244">
        <v>0</v>
      </c>
      <c r="BJ16" s="71">
        <v>31</v>
      </c>
      <c r="BK16" s="71">
        <v>18</v>
      </c>
      <c r="BL16" s="71">
        <v>20</v>
      </c>
      <c r="BM16" s="71">
        <v>25</v>
      </c>
      <c r="BN16" s="71">
        <v>8</v>
      </c>
      <c r="BO16" s="72">
        <v>102</v>
      </c>
      <c r="BP16" s="73">
        <v>174</v>
      </c>
      <c r="BQ16" s="70">
        <v>35</v>
      </c>
      <c r="BR16" s="71">
        <v>26</v>
      </c>
      <c r="BS16" s="72">
        <v>61</v>
      </c>
      <c r="BT16" s="244"/>
      <c r="BU16" s="71">
        <v>30</v>
      </c>
      <c r="BV16" s="71">
        <v>16</v>
      </c>
      <c r="BW16" s="71">
        <v>15</v>
      </c>
      <c r="BX16" s="71">
        <v>17</v>
      </c>
      <c r="BY16" s="71">
        <v>11</v>
      </c>
      <c r="BZ16" s="72">
        <v>89</v>
      </c>
      <c r="CA16" s="73">
        <v>150</v>
      </c>
      <c r="CB16" s="70">
        <v>0</v>
      </c>
      <c r="CC16" s="71">
        <v>0</v>
      </c>
      <c r="CD16" s="72">
        <v>0</v>
      </c>
      <c r="CE16" s="244"/>
      <c r="CF16" s="71">
        <v>0</v>
      </c>
      <c r="CG16" s="71">
        <v>0</v>
      </c>
      <c r="CH16" s="71">
        <v>0</v>
      </c>
      <c r="CI16" s="71">
        <v>0</v>
      </c>
      <c r="CJ16" s="71">
        <v>0</v>
      </c>
      <c r="CK16" s="72">
        <v>0</v>
      </c>
      <c r="CL16" s="73">
        <v>0</v>
      </c>
      <c r="CM16" s="70">
        <v>144</v>
      </c>
      <c r="CN16" s="71">
        <v>92</v>
      </c>
      <c r="CO16" s="72">
        <v>236</v>
      </c>
      <c r="CP16" s="244"/>
      <c r="CQ16" s="71">
        <v>101</v>
      </c>
      <c r="CR16" s="71">
        <v>68</v>
      </c>
      <c r="CS16" s="71">
        <v>56</v>
      </c>
      <c r="CT16" s="71">
        <v>68</v>
      </c>
      <c r="CU16" s="71">
        <v>35</v>
      </c>
      <c r="CV16" s="72">
        <v>328</v>
      </c>
      <c r="CW16" s="73">
        <v>564</v>
      </c>
      <c r="CX16" s="123">
        <v>37</v>
      </c>
      <c r="CY16" s="82">
        <v>32</v>
      </c>
      <c r="CZ16" s="83">
        <v>69</v>
      </c>
      <c r="DA16" s="241"/>
      <c r="DB16" s="82">
        <v>42</v>
      </c>
      <c r="DC16" s="82">
        <v>23</v>
      </c>
      <c r="DD16" s="82">
        <v>26</v>
      </c>
      <c r="DE16" s="82">
        <v>27</v>
      </c>
      <c r="DF16" s="82">
        <v>11</v>
      </c>
      <c r="DG16" s="84">
        <v>129</v>
      </c>
      <c r="DH16" s="85">
        <v>198</v>
      </c>
      <c r="DI16" s="86">
        <v>0</v>
      </c>
      <c r="DJ16" s="71">
        <v>0</v>
      </c>
      <c r="DK16" s="72">
        <v>0</v>
      </c>
      <c r="DL16" s="244"/>
      <c r="DM16" s="71">
        <v>2</v>
      </c>
      <c r="DN16" s="71">
        <v>0</v>
      </c>
      <c r="DO16" s="71">
        <v>0</v>
      </c>
      <c r="DP16" s="71">
        <v>0</v>
      </c>
      <c r="DQ16" s="71">
        <v>0</v>
      </c>
      <c r="DR16" s="72">
        <v>2</v>
      </c>
      <c r="DS16" s="73">
        <v>2</v>
      </c>
      <c r="DT16" s="70">
        <v>3</v>
      </c>
      <c r="DU16" s="71">
        <v>3</v>
      </c>
      <c r="DV16" s="72">
        <v>6</v>
      </c>
      <c r="DW16" s="244"/>
      <c r="DX16" s="71">
        <v>1</v>
      </c>
      <c r="DY16" s="71">
        <v>1</v>
      </c>
      <c r="DZ16" s="71">
        <v>0</v>
      </c>
      <c r="EA16" s="71">
        <v>0</v>
      </c>
      <c r="EB16" s="71">
        <v>0</v>
      </c>
      <c r="EC16" s="72">
        <v>2</v>
      </c>
      <c r="ED16" s="73">
        <v>8</v>
      </c>
      <c r="EE16" s="86">
        <v>10</v>
      </c>
      <c r="EF16" s="71">
        <v>2</v>
      </c>
      <c r="EG16" s="72">
        <v>12</v>
      </c>
      <c r="EH16" s="244"/>
      <c r="EI16" s="71">
        <v>2</v>
      </c>
      <c r="EJ16" s="71">
        <v>3</v>
      </c>
      <c r="EK16" s="71">
        <v>1</v>
      </c>
      <c r="EL16" s="71">
        <v>0</v>
      </c>
      <c r="EM16" s="71">
        <v>2</v>
      </c>
      <c r="EN16" s="72">
        <v>8</v>
      </c>
      <c r="EO16" s="73">
        <v>20</v>
      </c>
      <c r="EP16" s="70">
        <v>6</v>
      </c>
      <c r="EQ16" s="71">
        <v>10</v>
      </c>
      <c r="ER16" s="72">
        <v>16</v>
      </c>
      <c r="ES16" s="244"/>
      <c r="ET16" s="71">
        <v>8</v>
      </c>
      <c r="EU16" s="71">
        <v>3</v>
      </c>
      <c r="EV16" s="71">
        <v>6</v>
      </c>
      <c r="EW16" s="71">
        <v>6</v>
      </c>
      <c r="EX16" s="71">
        <v>1</v>
      </c>
      <c r="EY16" s="72">
        <v>24</v>
      </c>
      <c r="EZ16" s="73">
        <v>40</v>
      </c>
      <c r="FA16" s="86">
        <v>11</v>
      </c>
      <c r="FB16" s="71">
        <v>9</v>
      </c>
      <c r="FC16" s="72">
        <v>20</v>
      </c>
      <c r="FD16" s="244"/>
      <c r="FE16" s="71">
        <v>11</v>
      </c>
      <c r="FF16" s="71">
        <v>8</v>
      </c>
      <c r="FG16" s="71">
        <v>6</v>
      </c>
      <c r="FH16" s="71">
        <v>5</v>
      </c>
      <c r="FI16" s="71">
        <v>1</v>
      </c>
      <c r="FJ16" s="72">
        <v>31</v>
      </c>
      <c r="FK16" s="73">
        <v>51</v>
      </c>
      <c r="FL16" s="70">
        <v>7</v>
      </c>
      <c r="FM16" s="71">
        <v>8</v>
      </c>
      <c r="FN16" s="72">
        <v>15</v>
      </c>
      <c r="FO16" s="241"/>
      <c r="FP16" s="71">
        <v>18</v>
      </c>
      <c r="FQ16" s="71">
        <v>8</v>
      </c>
      <c r="FR16" s="71">
        <v>13</v>
      </c>
      <c r="FS16" s="71">
        <v>16</v>
      </c>
      <c r="FT16" s="71">
        <v>7</v>
      </c>
      <c r="FU16" s="72">
        <v>62</v>
      </c>
      <c r="FV16" s="73">
        <v>77</v>
      </c>
      <c r="FW16" s="70">
        <v>0</v>
      </c>
      <c r="FX16" s="71">
        <v>0</v>
      </c>
      <c r="FY16" s="72">
        <v>0</v>
      </c>
      <c r="FZ16" s="244"/>
      <c r="GA16" s="71">
        <v>0</v>
      </c>
      <c r="GB16" s="71">
        <v>0</v>
      </c>
      <c r="GC16" s="71">
        <v>0</v>
      </c>
      <c r="GD16" s="71">
        <v>0</v>
      </c>
      <c r="GE16" s="71">
        <v>0</v>
      </c>
      <c r="GF16" s="72">
        <v>0</v>
      </c>
      <c r="GG16" s="73">
        <v>0</v>
      </c>
      <c r="GH16" s="70">
        <v>37</v>
      </c>
      <c r="GI16" s="71">
        <v>32</v>
      </c>
      <c r="GJ16" s="72">
        <v>69</v>
      </c>
      <c r="GK16" s="244"/>
      <c r="GL16" s="71">
        <v>42</v>
      </c>
      <c r="GM16" s="71">
        <v>23</v>
      </c>
      <c r="GN16" s="71">
        <v>26</v>
      </c>
      <c r="GO16" s="71">
        <v>27</v>
      </c>
      <c r="GP16" s="71">
        <v>11</v>
      </c>
      <c r="GQ16" s="72">
        <v>129</v>
      </c>
      <c r="GR16" s="73">
        <v>198</v>
      </c>
      <c r="GS16" s="123">
        <v>181</v>
      </c>
      <c r="GT16" s="82">
        <v>124</v>
      </c>
      <c r="GU16" s="83">
        <v>305</v>
      </c>
      <c r="GV16" s="241"/>
      <c r="GW16" s="82">
        <v>143</v>
      </c>
      <c r="GX16" s="82">
        <v>91</v>
      </c>
      <c r="GY16" s="82">
        <v>82</v>
      </c>
      <c r="GZ16" s="82">
        <v>95</v>
      </c>
      <c r="HA16" s="82">
        <v>46</v>
      </c>
      <c r="HB16" s="84">
        <v>457</v>
      </c>
      <c r="HC16" s="85">
        <v>762</v>
      </c>
      <c r="HD16" s="86">
        <v>3</v>
      </c>
      <c r="HE16" s="71">
        <v>6</v>
      </c>
      <c r="HF16" s="72">
        <v>9</v>
      </c>
      <c r="HG16" s="244"/>
      <c r="HH16" s="71">
        <v>2</v>
      </c>
      <c r="HI16" s="71">
        <v>3</v>
      </c>
      <c r="HJ16" s="71">
        <v>1</v>
      </c>
      <c r="HK16" s="71">
        <v>2</v>
      </c>
      <c r="HL16" s="71">
        <v>3</v>
      </c>
      <c r="HM16" s="72">
        <v>11</v>
      </c>
      <c r="HN16" s="73">
        <v>20</v>
      </c>
      <c r="HO16" s="70">
        <v>13</v>
      </c>
      <c r="HP16" s="71">
        <v>9</v>
      </c>
      <c r="HQ16" s="72">
        <v>22</v>
      </c>
      <c r="HR16" s="244"/>
      <c r="HS16" s="71">
        <v>10</v>
      </c>
      <c r="HT16" s="71">
        <v>4</v>
      </c>
      <c r="HU16" s="71">
        <v>3</v>
      </c>
      <c r="HV16" s="71">
        <v>3</v>
      </c>
      <c r="HW16" s="71">
        <v>3</v>
      </c>
      <c r="HX16" s="72">
        <v>23</v>
      </c>
      <c r="HY16" s="73">
        <v>45</v>
      </c>
      <c r="HZ16" s="86">
        <v>24</v>
      </c>
      <c r="IA16" s="71">
        <v>13</v>
      </c>
      <c r="IB16" s="72">
        <v>37</v>
      </c>
      <c r="IC16" s="244"/>
      <c r="ID16" s="71">
        <v>9</v>
      </c>
      <c r="IE16" s="71">
        <v>12</v>
      </c>
      <c r="IF16" s="71">
        <v>6</v>
      </c>
      <c r="IG16" s="71">
        <v>5</v>
      </c>
      <c r="IH16" s="71">
        <v>6</v>
      </c>
      <c r="II16" s="72">
        <v>38</v>
      </c>
      <c r="IJ16" s="73">
        <v>75</v>
      </c>
      <c r="IK16" s="70">
        <v>40</v>
      </c>
      <c r="IL16" s="71">
        <v>29</v>
      </c>
      <c r="IM16" s="72">
        <v>69</v>
      </c>
      <c r="IN16" s="244"/>
      <c r="IO16" s="71">
        <v>32</v>
      </c>
      <c r="IP16" s="71">
        <v>22</v>
      </c>
      <c r="IQ16" s="71">
        <v>18</v>
      </c>
      <c r="IR16" s="71">
        <v>22</v>
      </c>
      <c r="IS16" s="71">
        <v>7</v>
      </c>
      <c r="IT16" s="72">
        <v>101</v>
      </c>
      <c r="IU16" s="73">
        <v>170</v>
      </c>
      <c r="IV16" s="86">
        <v>59</v>
      </c>
      <c r="IW16" s="71">
        <v>33</v>
      </c>
      <c r="IX16" s="72">
        <v>92</v>
      </c>
      <c r="IY16" s="244"/>
      <c r="IZ16" s="71">
        <v>42</v>
      </c>
      <c r="JA16" s="71">
        <v>26</v>
      </c>
      <c r="JB16" s="71">
        <v>26</v>
      </c>
      <c r="JC16" s="71">
        <v>30</v>
      </c>
      <c r="JD16" s="71">
        <v>9</v>
      </c>
      <c r="JE16" s="72">
        <v>133</v>
      </c>
      <c r="JF16" s="73">
        <v>225</v>
      </c>
      <c r="JG16" s="70">
        <v>42</v>
      </c>
      <c r="JH16" s="71">
        <v>34</v>
      </c>
      <c r="JI16" s="72">
        <v>76</v>
      </c>
      <c r="JJ16" s="244"/>
      <c r="JK16" s="71">
        <v>48</v>
      </c>
      <c r="JL16" s="71">
        <v>24</v>
      </c>
      <c r="JM16" s="71">
        <v>28</v>
      </c>
      <c r="JN16" s="71">
        <v>33</v>
      </c>
      <c r="JO16" s="71">
        <v>18</v>
      </c>
      <c r="JP16" s="72">
        <v>151</v>
      </c>
      <c r="JQ16" s="73">
        <v>227</v>
      </c>
      <c r="JR16" s="70">
        <v>0</v>
      </c>
      <c r="JS16" s="71">
        <v>0</v>
      </c>
      <c r="JT16" s="72">
        <v>0</v>
      </c>
      <c r="JU16" s="244"/>
      <c r="JV16" s="71">
        <v>0</v>
      </c>
      <c r="JW16" s="71">
        <v>0</v>
      </c>
      <c r="JX16" s="71">
        <v>0</v>
      </c>
      <c r="JY16" s="71">
        <v>0</v>
      </c>
      <c r="JZ16" s="71">
        <v>0</v>
      </c>
      <c r="KA16" s="72">
        <v>0</v>
      </c>
      <c r="KB16" s="73">
        <v>0</v>
      </c>
      <c r="KC16" s="70">
        <v>181</v>
      </c>
      <c r="KD16" s="71">
        <v>124</v>
      </c>
      <c r="KE16" s="72">
        <v>305</v>
      </c>
      <c r="KF16" s="244"/>
      <c r="KG16" s="71">
        <v>143</v>
      </c>
      <c r="KH16" s="71">
        <v>91</v>
      </c>
      <c r="KI16" s="71">
        <v>82</v>
      </c>
      <c r="KJ16" s="71">
        <v>95</v>
      </c>
      <c r="KK16" s="71">
        <v>46</v>
      </c>
      <c r="KL16" s="72">
        <v>457</v>
      </c>
      <c r="KM16" s="73">
        <v>762</v>
      </c>
    </row>
    <row r="17" spans="2:299" ht="19.5" customHeight="1" x14ac:dyDescent="0.2">
      <c r="B17" s="126" t="s">
        <v>13</v>
      </c>
      <c r="C17" s="316">
        <v>38</v>
      </c>
      <c r="D17" s="82">
        <v>43</v>
      </c>
      <c r="E17" s="83">
        <v>81</v>
      </c>
      <c r="F17" s="241"/>
      <c r="G17" s="82">
        <v>58</v>
      </c>
      <c r="H17" s="82">
        <v>58</v>
      </c>
      <c r="I17" s="82">
        <v>46</v>
      </c>
      <c r="J17" s="82">
        <v>22</v>
      </c>
      <c r="K17" s="82">
        <v>19</v>
      </c>
      <c r="L17" s="84">
        <v>203</v>
      </c>
      <c r="M17" s="85">
        <v>284</v>
      </c>
      <c r="N17" s="70">
        <v>1</v>
      </c>
      <c r="O17" s="71">
        <v>1</v>
      </c>
      <c r="P17" s="72">
        <v>2</v>
      </c>
      <c r="Q17" s="244"/>
      <c r="R17" s="71">
        <v>3</v>
      </c>
      <c r="S17" s="71">
        <v>1</v>
      </c>
      <c r="T17" s="71">
        <v>0</v>
      </c>
      <c r="U17" s="71">
        <v>0</v>
      </c>
      <c r="V17" s="71">
        <v>0</v>
      </c>
      <c r="W17" s="72">
        <v>4</v>
      </c>
      <c r="X17" s="73">
        <v>6</v>
      </c>
      <c r="Y17" s="70">
        <v>2</v>
      </c>
      <c r="Z17" s="71">
        <v>2</v>
      </c>
      <c r="AA17" s="72">
        <v>4</v>
      </c>
      <c r="AB17" s="244">
        <v>0</v>
      </c>
      <c r="AC17" s="71">
        <v>5</v>
      </c>
      <c r="AD17" s="71">
        <v>1</v>
      </c>
      <c r="AE17" s="71">
        <v>1</v>
      </c>
      <c r="AF17" s="71">
        <v>0</v>
      </c>
      <c r="AG17" s="71">
        <v>3</v>
      </c>
      <c r="AH17" s="72">
        <v>10</v>
      </c>
      <c r="AI17" s="73">
        <v>14</v>
      </c>
      <c r="AJ17" s="70">
        <v>2</v>
      </c>
      <c r="AK17" s="71">
        <v>2</v>
      </c>
      <c r="AL17" s="72">
        <v>4</v>
      </c>
      <c r="AM17" s="244"/>
      <c r="AN17" s="71">
        <v>4</v>
      </c>
      <c r="AO17" s="71">
        <v>8</v>
      </c>
      <c r="AP17" s="71">
        <v>5</v>
      </c>
      <c r="AQ17" s="71">
        <v>3</v>
      </c>
      <c r="AR17" s="71">
        <v>1</v>
      </c>
      <c r="AS17" s="72">
        <v>21</v>
      </c>
      <c r="AT17" s="73">
        <v>25</v>
      </c>
      <c r="AU17" s="70">
        <v>8</v>
      </c>
      <c r="AV17" s="71">
        <v>12</v>
      </c>
      <c r="AW17" s="72">
        <v>20</v>
      </c>
      <c r="AX17" s="244"/>
      <c r="AY17" s="71">
        <v>13</v>
      </c>
      <c r="AZ17" s="71">
        <v>8</v>
      </c>
      <c r="BA17" s="71">
        <v>9</v>
      </c>
      <c r="BB17" s="71">
        <v>5</v>
      </c>
      <c r="BC17" s="71">
        <v>3</v>
      </c>
      <c r="BD17" s="72">
        <v>38</v>
      </c>
      <c r="BE17" s="73">
        <v>58</v>
      </c>
      <c r="BF17" s="70">
        <v>15</v>
      </c>
      <c r="BG17" s="71">
        <v>14</v>
      </c>
      <c r="BH17" s="72">
        <v>29</v>
      </c>
      <c r="BI17" s="244">
        <v>0</v>
      </c>
      <c r="BJ17" s="71">
        <v>15</v>
      </c>
      <c r="BK17" s="71">
        <v>20</v>
      </c>
      <c r="BL17" s="71">
        <v>13</v>
      </c>
      <c r="BM17" s="71">
        <v>7</v>
      </c>
      <c r="BN17" s="71">
        <v>5</v>
      </c>
      <c r="BO17" s="72">
        <v>60</v>
      </c>
      <c r="BP17" s="73">
        <v>89</v>
      </c>
      <c r="BQ17" s="70">
        <v>10</v>
      </c>
      <c r="BR17" s="71">
        <v>12</v>
      </c>
      <c r="BS17" s="72">
        <v>22</v>
      </c>
      <c r="BT17" s="244"/>
      <c r="BU17" s="71">
        <v>18</v>
      </c>
      <c r="BV17" s="71">
        <v>20</v>
      </c>
      <c r="BW17" s="71">
        <v>18</v>
      </c>
      <c r="BX17" s="71">
        <v>7</v>
      </c>
      <c r="BY17" s="71">
        <v>7</v>
      </c>
      <c r="BZ17" s="72">
        <v>70</v>
      </c>
      <c r="CA17" s="73">
        <v>92</v>
      </c>
      <c r="CB17" s="70">
        <v>0</v>
      </c>
      <c r="CC17" s="71">
        <v>0</v>
      </c>
      <c r="CD17" s="72">
        <v>0</v>
      </c>
      <c r="CE17" s="244"/>
      <c r="CF17" s="71">
        <v>0</v>
      </c>
      <c r="CG17" s="71">
        <v>0</v>
      </c>
      <c r="CH17" s="71">
        <v>0</v>
      </c>
      <c r="CI17" s="71">
        <v>0</v>
      </c>
      <c r="CJ17" s="71">
        <v>0</v>
      </c>
      <c r="CK17" s="72">
        <v>0</v>
      </c>
      <c r="CL17" s="73">
        <v>0</v>
      </c>
      <c r="CM17" s="70">
        <v>38</v>
      </c>
      <c r="CN17" s="71">
        <v>43</v>
      </c>
      <c r="CO17" s="72">
        <v>81</v>
      </c>
      <c r="CP17" s="244"/>
      <c r="CQ17" s="71">
        <v>58</v>
      </c>
      <c r="CR17" s="71">
        <v>58</v>
      </c>
      <c r="CS17" s="71">
        <v>46</v>
      </c>
      <c r="CT17" s="71">
        <v>22</v>
      </c>
      <c r="CU17" s="71">
        <v>19</v>
      </c>
      <c r="CV17" s="72">
        <v>203</v>
      </c>
      <c r="CW17" s="73">
        <v>284</v>
      </c>
      <c r="CX17" s="123">
        <v>13</v>
      </c>
      <c r="CY17" s="82">
        <v>17</v>
      </c>
      <c r="CZ17" s="83">
        <v>30</v>
      </c>
      <c r="DA17" s="241"/>
      <c r="DB17" s="82">
        <v>26</v>
      </c>
      <c r="DC17" s="82">
        <v>18</v>
      </c>
      <c r="DD17" s="82">
        <v>12</v>
      </c>
      <c r="DE17" s="82">
        <v>14</v>
      </c>
      <c r="DF17" s="82">
        <v>13</v>
      </c>
      <c r="DG17" s="84">
        <v>83</v>
      </c>
      <c r="DH17" s="85">
        <v>113</v>
      </c>
      <c r="DI17" s="70">
        <v>0</v>
      </c>
      <c r="DJ17" s="71">
        <v>0</v>
      </c>
      <c r="DK17" s="72">
        <v>0</v>
      </c>
      <c r="DL17" s="244"/>
      <c r="DM17" s="71">
        <v>0</v>
      </c>
      <c r="DN17" s="71">
        <v>0</v>
      </c>
      <c r="DO17" s="71">
        <v>0</v>
      </c>
      <c r="DP17" s="71">
        <v>0</v>
      </c>
      <c r="DQ17" s="71">
        <v>0</v>
      </c>
      <c r="DR17" s="72">
        <v>0</v>
      </c>
      <c r="DS17" s="73">
        <v>0</v>
      </c>
      <c r="DT17" s="70">
        <v>1</v>
      </c>
      <c r="DU17" s="71">
        <v>1</v>
      </c>
      <c r="DV17" s="72">
        <v>2</v>
      </c>
      <c r="DW17" s="244"/>
      <c r="DX17" s="71">
        <v>3</v>
      </c>
      <c r="DY17" s="71">
        <v>0</v>
      </c>
      <c r="DZ17" s="71">
        <v>2</v>
      </c>
      <c r="EA17" s="71">
        <v>0</v>
      </c>
      <c r="EB17" s="71">
        <v>1</v>
      </c>
      <c r="EC17" s="72">
        <v>6</v>
      </c>
      <c r="ED17" s="73">
        <v>8</v>
      </c>
      <c r="EE17" s="70">
        <v>1</v>
      </c>
      <c r="EF17" s="71">
        <v>0</v>
      </c>
      <c r="EG17" s="72">
        <v>1</v>
      </c>
      <c r="EH17" s="244"/>
      <c r="EI17" s="71">
        <v>3</v>
      </c>
      <c r="EJ17" s="71">
        <v>0</v>
      </c>
      <c r="EK17" s="71">
        <v>2</v>
      </c>
      <c r="EL17" s="71">
        <v>1</v>
      </c>
      <c r="EM17" s="71">
        <v>0</v>
      </c>
      <c r="EN17" s="72">
        <v>6</v>
      </c>
      <c r="EO17" s="73">
        <v>7</v>
      </c>
      <c r="EP17" s="70">
        <v>4</v>
      </c>
      <c r="EQ17" s="71">
        <v>4</v>
      </c>
      <c r="ER17" s="72">
        <v>8</v>
      </c>
      <c r="ES17" s="244"/>
      <c r="ET17" s="71">
        <v>5</v>
      </c>
      <c r="EU17" s="71">
        <v>5</v>
      </c>
      <c r="EV17" s="71">
        <v>1</v>
      </c>
      <c r="EW17" s="71">
        <v>1</v>
      </c>
      <c r="EX17" s="71">
        <v>3</v>
      </c>
      <c r="EY17" s="72">
        <v>15</v>
      </c>
      <c r="EZ17" s="73">
        <v>23</v>
      </c>
      <c r="FA17" s="70">
        <v>4</v>
      </c>
      <c r="FB17" s="71">
        <v>5</v>
      </c>
      <c r="FC17" s="72">
        <v>9</v>
      </c>
      <c r="FD17" s="244"/>
      <c r="FE17" s="71">
        <v>9</v>
      </c>
      <c r="FF17" s="71">
        <v>7</v>
      </c>
      <c r="FG17" s="71">
        <v>2</v>
      </c>
      <c r="FH17" s="71">
        <v>4</v>
      </c>
      <c r="FI17" s="71">
        <v>0</v>
      </c>
      <c r="FJ17" s="72">
        <v>22</v>
      </c>
      <c r="FK17" s="73">
        <v>31</v>
      </c>
      <c r="FL17" s="70">
        <v>3</v>
      </c>
      <c r="FM17" s="71">
        <v>7</v>
      </c>
      <c r="FN17" s="72">
        <v>10</v>
      </c>
      <c r="FO17" s="241"/>
      <c r="FP17" s="71">
        <v>6</v>
      </c>
      <c r="FQ17" s="71">
        <v>6</v>
      </c>
      <c r="FR17" s="71">
        <v>5</v>
      </c>
      <c r="FS17" s="71">
        <v>8</v>
      </c>
      <c r="FT17" s="71">
        <v>9</v>
      </c>
      <c r="FU17" s="72">
        <v>34</v>
      </c>
      <c r="FV17" s="73">
        <v>44</v>
      </c>
      <c r="FW17" s="70">
        <v>0</v>
      </c>
      <c r="FX17" s="71">
        <v>0</v>
      </c>
      <c r="FY17" s="72">
        <v>0</v>
      </c>
      <c r="FZ17" s="244"/>
      <c r="GA17" s="71">
        <v>0</v>
      </c>
      <c r="GB17" s="71">
        <v>0</v>
      </c>
      <c r="GC17" s="71">
        <v>0</v>
      </c>
      <c r="GD17" s="71">
        <v>0</v>
      </c>
      <c r="GE17" s="71">
        <v>0</v>
      </c>
      <c r="GF17" s="72">
        <v>0</v>
      </c>
      <c r="GG17" s="73">
        <v>0</v>
      </c>
      <c r="GH17" s="70">
        <v>13</v>
      </c>
      <c r="GI17" s="71">
        <v>17</v>
      </c>
      <c r="GJ17" s="72">
        <v>30</v>
      </c>
      <c r="GK17" s="244"/>
      <c r="GL17" s="71">
        <v>26</v>
      </c>
      <c r="GM17" s="71">
        <v>18</v>
      </c>
      <c r="GN17" s="71">
        <v>12</v>
      </c>
      <c r="GO17" s="71">
        <v>14</v>
      </c>
      <c r="GP17" s="71">
        <v>13</v>
      </c>
      <c r="GQ17" s="72">
        <v>83</v>
      </c>
      <c r="GR17" s="73">
        <v>113</v>
      </c>
      <c r="GS17" s="123">
        <v>51</v>
      </c>
      <c r="GT17" s="82">
        <v>60</v>
      </c>
      <c r="GU17" s="83">
        <v>111</v>
      </c>
      <c r="GV17" s="241"/>
      <c r="GW17" s="82">
        <v>84</v>
      </c>
      <c r="GX17" s="82">
        <v>76</v>
      </c>
      <c r="GY17" s="82">
        <v>58</v>
      </c>
      <c r="GZ17" s="82">
        <v>36</v>
      </c>
      <c r="HA17" s="82">
        <v>32</v>
      </c>
      <c r="HB17" s="84">
        <v>286</v>
      </c>
      <c r="HC17" s="85">
        <v>397</v>
      </c>
      <c r="HD17" s="70">
        <v>1</v>
      </c>
      <c r="HE17" s="71">
        <v>1</v>
      </c>
      <c r="HF17" s="72">
        <v>2</v>
      </c>
      <c r="HG17" s="244"/>
      <c r="HH17" s="71">
        <v>3</v>
      </c>
      <c r="HI17" s="71">
        <v>1</v>
      </c>
      <c r="HJ17" s="71">
        <v>0</v>
      </c>
      <c r="HK17" s="71">
        <v>0</v>
      </c>
      <c r="HL17" s="71">
        <v>0</v>
      </c>
      <c r="HM17" s="72">
        <v>4</v>
      </c>
      <c r="HN17" s="73">
        <v>6</v>
      </c>
      <c r="HO17" s="70">
        <v>3</v>
      </c>
      <c r="HP17" s="71">
        <v>3</v>
      </c>
      <c r="HQ17" s="72">
        <v>6</v>
      </c>
      <c r="HR17" s="244"/>
      <c r="HS17" s="71">
        <v>8</v>
      </c>
      <c r="HT17" s="71">
        <v>1</v>
      </c>
      <c r="HU17" s="71">
        <v>3</v>
      </c>
      <c r="HV17" s="71">
        <v>0</v>
      </c>
      <c r="HW17" s="71">
        <v>4</v>
      </c>
      <c r="HX17" s="72">
        <v>16</v>
      </c>
      <c r="HY17" s="73">
        <v>22</v>
      </c>
      <c r="HZ17" s="70">
        <v>3</v>
      </c>
      <c r="IA17" s="71">
        <v>2</v>
      </c>
      <c r="IB17" s="72">
        <v>5</v>
      </c>
      <c r="IC17" s="244"/>
      <c r="ID17" s="71">
        <v>7</v>
      </c>
      <c r="IE17" s="71">
        <v>8</v>
      </c>
      <c r="IF17" s="71">
        <v>7</v>
      </c>
      <c r="IG17" s="71">
        <v>4</v>
      </c>
      <c r="IH17" s="71">
        <v>1</v>
      </c>
      <c r="II17" s="72">
        <v>27</v>
      </c>
      <c r="IJ17" s="73">
        <v>32</v>
      </c>
      <c r="IK17" s="70">
        <v>12</v>
      </c>
      <c r="IL17" s="71">
        <v>16</v>
      </c>
      <c r="IM17" s="72">
        <v>28</v>
      </c>
      <c r="IN17" s="244"/>
      <c r="IO17" s="71">
        <v>18</v>
      </c>
      <c r="IP17" s="71">
        <v>13</v>
      </c>
      <c r="IQ17" s="71">
        <v>10</v>
      </c>
      <c r="IR17" s="71">
        <v>6</v>
      </c>
      <c r="IS17" s="71">
        <v>6</v>
      </c>
      <c r="IT17" s="72">
        <v>53</v>
      </c>
      <c r="IU17" s="73">
        <v>81</v>
      </c>
      <c r="IV17" s="70">
        <v>19</v>
      </c>
      <c r="IW17" s="71">
        <v>19</v>
      </c>
      <c r="IX17" s="72">
        <v>38</v>
      </c>
      <c r="IY17" s="244"/>
      <c r="IZ17" s="71">
        <v>24</v>
      </c>
      <c r="JA17" s="71">
        <v>27</v>
      </c>
      <c r="JB17" s="71">
        <v>15</v>
      </c>
      <c r="JC17" s="71">
        <v>11</v>
      </c>
      <c r="JD17" s="71">
        <v>5</v>
      </c>
      <c r="JE17" s="72">
        <v>82</v>
      </c>
      <c r="JF17" s="73">
        <v>120</v>
      </c>
      <c r="JG17" s="70">
        <v>13</v>
      </c>
      <c r="JH17" s="71">
        <v>19</v>
      </c>
      <c r="JI17" s="72">
        <v>32</v>
      </c>
      <c r="JJ17" s="244"/>
      <c r="JK17" s="71">
        <v>24</v>
      </c>
      <c r="JL17" s="71">
        <v>26</v>
      </c>
      <c r="JM17" s="71">
        <v>23</v>
      </c>
      <c r="JN17" s="71">
        <v>15</v>
      </c>
      <c r="JO17" s="71">
        <v>16</v>
      </c>
      <c r="JP17" s="72">
        <v>104</v>
      </c>
      <c r="JQ17" s="73">
        <v>136</v>
      </c>
      <c r="JR17" s="70">
        <v>0</v>
      </c>
      <c r="JS17" s="71">
        <v>0</v>
      </c>
      <c r="JT17" s="72">
        <v>0</v>
      </c>
      <c r="JU17" s="244"/>
      <c r="JV17" s="71">
        <v>0</v>
      </c>
      <c r="JW17" s="71">
        <v>0</v>
      </c>
      <c r="JX17" s="71">
        <v>0</v>
      </c>
      <c r="JY17" s="71">
        <v>0</v>
      </c>
      <c r="JZ17" s="71">
        <v>0</v>
      </c>
      <c r="KA17" s="72">
        <v>0</v>
      </c>
      <c r="KB17" s="73">
        <v>0</v>
      </c>
      <c r="KC17" s="70">
        <v>51</v>
      </c>
      <c r="KD17" s="71">
        <v>60</v>
      </c>
      <c r="KE17" s="72">
        <v>111</v>
      </c>
      <c r="KF17" s="244"/>
      <c r="KG17" s="71">
        <v>84</v>
      </c>
      <c r="KH17" s="71">
        <v>76</v>
      </c>
      <c r="KI17" s="71">
        <v>58</v>
      </c>
      <c r="KJ17" s="71">
        <v>36</v>
      </c>
      <c r="KK17" s="71">
        <v>32</v>
      </c>
      <c r="KL17" s="72">
        <v>286</v>
      </c>
      <c r="KM17" s="73">
        <v>397</v>
      </c>
    </row>
    <row r="18" spans="2:299" ht="19.5" customHeight="1" x14ac:dyDescent="0.2">
      <c r="B18" s="126" t="s">
        <v>15</v>
      </c>
      <c r="C18" s="316">
        <v>8</v>
      </c>
      <c r="D18" s="82">
        <v>9</v>
      </c>
      <c r="E18" s="83">
        <v>17</v>
      </c>
      <c r="F18" s="241"/>
      <c r="G18" s="82">
        <v>20</v>
      </c>
      <c r="H18" s="82">
        <v>17</v>
      </c>
      <c r="I18" s="82">
        <v>6</v>
      </c>
      <c r="J18" s="82">
        <v>13</v>
      </c>
      <c r="K18" s="82">
        <v>8</v>
      </c>
      <c r="L18" s="84">
        <v>64</v>
      </c>
      <c r="M18" s="85">
        <v>81</v>
      </c>
      <c r="N18" s="70">
        <v>1</v>
      </c>
      <c r="O18" s="71">
        <v>2</v>
      </c>
      <c r="P18" s="72">
        <v>3</v>
      </c>
      <c r="Q18" s="244"/>
      <c r="R18" s="71">
        <v>1</v>
      </c>
      <c r="S18" s="71">
        <v>1</v>
      </c>
      <c r="T18" s="71">
        <v>1</v>
      </c>
      <c r="U18" s="71">
        <v>3</v>
      </c>
      <c r="V18" s="71">
        <v>0</v>
      </c>
      <c r="W18" s="72">
        <v>6</v>
      </c>
      <c r="X18" s="73">
        <v>9</v>
      </c>
      <c r="Y18" s="70">
        <v>1</v>
      </c>
      <c r="Z18" s="71">
        <v>0</v>
      </c>
      <c r="AA18" s="72">
        <v>1</v>
      </c>
      <c r="AB18" s="244">
        <v>0</v>
      </c>
      <c r="AC18" s="71">
        <v>1</v>
      </c>
      <c r="AD18" s="71">
        <v>1</v>
      </c>
      <c r="AE18" s="71">
        <v>3</v>
      </c>
      <c r="AF18" s="71">
        <v>2</v>
      </c>
      <c r="AG18" s="71">
        <v>1</v>
      </c>
      <c r="AH18" s="72">
        <v>8</v>
      </c>
      <c r="AI18" s="73">
        <v>9</v>
      </c>
      <c r="AJ18" s="70">
        <v>0</v>
      </c>
      <c r="AK18" s="71">
        <v>2</v>
      </c>
      <c r="AL18" s="72">
        <v>2</v>
      </c>
      <c r="AM18" s="244"/>
      <c r="AN18" s="71">
        <v>6</v>
      </c>
      <c r="AO18" s="71">
        <v>1</v>
      </c>
      <c r="AP18" s="71">
        <v>0</v>
      </c>
      <c r="AQ18" s="71">
        <v>1</v>
      </c>
      <c r="AR18" s="71">
        <v>1</v>
      </c>
      <c r="AS18" s="72">
        <v>9</v>
      </c>
      <c r="AT18" s="73">
        <v>11</v>
      </c>
      <c r="AU18" s="70">
        <v>2</v>
      </c>
      <c r="AV18" s="71">
        <v>1</v>
      </c>
      <c r="AW18" s="72">
        <v>3</v>
      </c>
      <c r="AX18" s="244"/>
      <c r="AY18" s="71">
        <v>2</v>
      </c>
      <c r="AZ18" s="71">
        <v>3</v>
      </c>
      <c r="BA18" s="71">
        <v>1</v>
      </c>
      <c r="BB18" s="71">
        <v>2</v>
      </c>
      <c r="BC18" s="71">
        <v>2</v>
      </c>
      <c r="BD18" s="72">
        <v>10</v>
      </c>
      <c r="BE18" s="73">
        <v>13</v>
      </c>
      <c r="BF18" s="70">
        <v>2</v>
      </c>
      <c r="BG18" s="71">
        <v>2</v>
      </c>
      <c r="BH18" s="72">
        <v>4</v>
      </c>
      <c r="BI18" s="244">
        <v>0</v>
      </c>
      <c r="BJ18" s="71">
        <v>6</v>
      </c>
      <c r="BK18" s="71">
        <v>5</v>
      </c>
      <c r="BL18" s="71">
        <v>0</v>
      </c>
      <c r="BM18" s="71">
        <v>3</v>
      </c>
      <c r="BN18" s="71">
        <v>3</v>
      </c>
      <c r="BO18" s="72">
        <v>17</v>
      </c>
      <c r="BP18" s="73">
        <v>21</v>
      </c>
      <c r="BQ18" s="70">
        <v>2</v>
      </c>
      <c r="BR18" s="71">
        <v>2</v>
      </c>
      <c r="BS18" s="72">
        <v>4</v>
      </c>
      <c r="BT18" s="244"/>
      <c r="BU18" s="71">
        <v>4</v>
      </c>
      <c r="BV18" s="71">
        <v>6</v>
      </c>
      <c r="BW18" s="71">
        <v>1</v>
      </c>
      <c r="BX18" s="71">
        <v>2</v>
      </c>
      <c r="BY18" s="71">
        <v>1</v>
      </c>
      <c r="BZ18" s="72">
        <v>14</v>
      </c>
      <c r="CA18" s="73">
        <v>18</v>
      </c>
      <c r="CB18" s="70">
        <v>0</v>
      </c>
      <c r="CC18" s="71">
        <v>0</v>
      </c>
      <c r="CD18" s="72">
        <v>0</v>
      </c>
      <c r="CE18" s="244"/>
      <c r="CF18" s="71">
        <v>0</v>
      </c>
      <c r="CG18" s="71">
        <v>0</v>
      </c>
      <c r="CH18" s="71">
        <v>0</v>
      </c>
      <c r="CI18" s="71">
        <v>0</v>
      </c>
      <c r="CJ18" s="71">
        <v>0</v>
      </c>
      <c r="CK18" s="72">
        <v>0</v>
      </c>
      <c r="CL18" s="73">
        <v>0</v>
      </c>
      <c r="CM18" s="70">
        <v>8</v>
      </c>
      <c r="CN18" s="71">
        <v>9</v>
      </c>
      <c r="CO18" s="72">
        <v>17</v>
      </c>
      <c r="CP18" s="244"/>
      <c r="CQ18" s="71">
        <v>20</v>
      </c>
      <c r="CR18" s="71">
        <v>17</v>
      </c>
      <c r="CS18" s="71">
        <v>6</v>
      </c>
      <c r="CT18" s="71">
        <v>13</v>
      </c>
      <c r="CU18" s="71">
        <v>8</v>
      </c>
      <c r="CV18" s="72">
        <v>64</v>
      </c>
      <c r="CW18" s="73">
        <v>81</v>
      </c>
      <c r="CX18" s="123">
        <v>3</v>
      </c>
      <c r="CY18" s="82">
        <v>13</v>
      </c>
      <c r="CZ18" s="83">
        <v>16</v>
      </c>
      <c r="DA18" s="241"/>
      <c r="DB18" s="82">
        <v>11</v>
      </c>
      <c r="DC18" s="82">
        <v>7</v>
      </c>
      <c r="DD18" s="82">
        <v>6</v>
      </c>
      <c r="DE18" s="82">
        <v>4</v>
      </c>
      <c r="DF18" s="82">
        <v>1</v>
      </c>
      <c r="DG18" s="84">
        <v>29</v>
      </c>
      <c r="DH18" s="85">
        <v>45</v>
      </c>
      <c r="DI18" s="70">
        <v>0</v>
      </c>
      <c r="DJ18" s="71">
        <v>0</v>
      </c>
      <c r="DK18" s="72">
        <v>0</v>
      </c>
      <c r="DL18" s="244"/>
      <c r="DM18" s="71">
        <v>0</v>
      </c>
      <c r="DN18" s="71">
        <v>0</v>
      </c>
      <c r="DO18" s="71">
        <v>1</v>
      </c>
      <c r="DP18" s="71">
        <v>0</v>
      </c>
      <c r="DQ18" s="71">
        <v>0</v>
      </c>
      <c r="DR18" s="72">
        <v>1</v>
      </c>
      <c r="DS18" s="73">
        <v>1</v>
      </c>
      <c r="DT18" s="70">
        <v>0</v>
      </c>
      <c r="DU18" s="71">
        <v>2</v>
      </c>
      <c r="DV18" s="72">
        <v>2</v>
      </c>
      <c r="DW18" s="244"/>
      <c r="DX18" s="71">
        <v>1</v>
      </c>
      <c r="DY18" s="71">
        <v>0</v>
      </c>
      <c r="DZ18" s="71">
        <v>0</v>
      </c>
      <c r="EA18" s="71">
        <v>0</v>
      </c>
      <c r="EB18" s="71">
        <v>0</v>
      </c>
      <c r="EC18" s="72">
        <v>1</v>
      </c>
      <c r="ED18" s="73">
        <v>3</v>
      </c>
      <c r="EE18" s="70">
        <v>0</v>
      </c>
      <c r="EF18" s="71">
        <v>3</v>
      </c>
      <c r="EG18" s="72">
        <v>3</v>
      </c>
      <c r="EH18" s="244"/>
      <c r="EI18" s="71">
        <v>2</v>
      </c>
      <c r="EJ18" s="71">
        <v>1</v>
      </c>
      <c r="EK18" s="71">
        <v>2</v>
      </c>
      <c r="EL18" s="71">
        <v>0</v>
      </c>
      <c r="EM18" s="71">
        <v>1</v>
      </c>
      <c r="EN18" s="72">
        <v>6</v>
      </c>
      <c r="EO18" s="73">
        <v>9</v>
      </c>
      <c r="EP18" s="70">
        <v>0</v>
      </c>
      <c r="EQ18" s="71">
        <v>5</v>
      </c>
      <c r="ER18" s="72">
        <v>5</v>
      </c>
      <c r="ES18" s="244"/>
      <c r="ET18" s="71">
        <v>2</v>
      </c>
      <c r="EU18" s="71">
        <v>1</v>
      </c>
      <c r="EV18" s="71">
        <v>0</v>
      </c>
      <c r="EW18" s="71">
        <v>0</v>
      </c>
      <c r="EX18" s="71">
        <v>0</v>
      </c>
      <c r="EY18" s="72">
        <v>3</v>
      </c>
      <c r="EZ18" s="73">
        <v>8</v>
      </c>
      <c r="FA18" s="70">
        <v>1</v>
      </c>
      <c r="FB18" s="71">
        <v>1</v>
      </c>
      <c r="FC18" s="72">
        <v>2</v>
      </c>
      <c r="FD18" s="244"/>
      <c r="FE18" s="71">
        <v>4</v>
      </c>
      <c r="FF18" s="71">
        <v>1</v>
      </c>
      <c r="FG18" s="71">
        <v>0</v>
      </c>
      <c r="FH18" s="71">
        <v>0</v>
      </c>
      <c r="FI18" s="71">
        <v>0</v>
      </c>
      <c r="FJ18" s="72">
        <v>5</v>
      </c>
      <c r="FK18" s="73">
        <v>7</v>
      </c>
      <c r="FL18" s="70">
        <v>2</v>
      </c>
      <c r="FM18" s="71">
        <v>2</v>
      </c>
      <c r="FN18" s="72">
        <v>4</v>
      </c>
      <c r="FO18" s="241"/>
      <c r="FP18" s="71">
        <v>2</v>
      </c>
      <c r="FQ18" s="71">
        <v>4</v>
      </c>
      <c r="FR18" s="71">
        <v>3</v>
      </c>
      <c r="FS18" s="71">
        <v>4</v>
      </c>
      <c r="FT18" s="71">
        <v>0</v>
      </c>
      <c r="FU18" s="72">
        <v>13</v>
      </c>
      <c r="FV18" s="73">
        <v>17</v>
      </c>
      <c r="FW18" s="70">
        <v>0</v>
      </c>
      <c r="FX18" s="71">
        <v>0</v>
      </c>
      <c r="FY18" s="72">
        <v>0</v>
      </c>
      <c r="FZ18" s="244"/>
      <c r="GA18" s="71">
        <v>0</v>
      </c>
      <c r="GB18" s="71">
        <v>0</v>
      </c>
      <c r="GC18" s="71">
        <v>0</v>
      </c>
      <c r="GD18" s="71">
        <v>0</v>
      </c>
      <c r="GE18" s="71">
        <v>0</v>
      </c>
      <c r="GF18" s="72">
        <v>0</v>
      </c>
      <c r="GG18" s="73">
        <v>0</v>
      </c>
      <c r="GH18" s="70">
        <v>3</v>
      </c>
      <c r="GI18" s="71">
        <v>13</v>
      </c>
      <c r="GJ18" s="72">
        <v>16</v>
      </c>
      <c r="GK18" s="244"/>
      <c r="GL18" s="71">
        <v>11</v>
      </c>
      <c r="GM18" s="71">
        <v>7</v>
      </c>
      <c r="GN18" s="71">
        <v>6</v>
      </c>
      <c r="GO18" s="71">
        <v>4</v>
      </c>
      <c r="GP18" s="71">
        <v>1</v>
      </c>
      <c r="GQ18" s="72">
        <v>29</v>
      </c>
      <c r="GR18" s="73">
        <v>45</v>
      </c>
      <c r="GS18" s="123">
        <v>11</v>
      </c>
      <c r="GT18" s="82">
        <v>22</v>
      </c>
      <c r="GU18" s="83">
        <v>33</v>
      </c>
      <c r="GV18" s="241"/>
      <c r="GW18" s="82">
        <v>31</v>
      </c>
      <c r="GX18" s="82">
        <v>24</v>
      </c>
      <c r="GY18" s="82">
        <v>12</v>
      </c>
      <c r="GZ18" s="82">
        <v>17</v>
      </c>
      <c r="HA18" s="82">
        <v>9</v>
      </c>
      <c r="HB18" s="84">
        <v>93</v>
      </c>
      <c r="HC18" s="85">
        <v>126</v>
      </c>
      <c r="HD18" s="70">
        <v>1</v>
      </c>
      <c r="HE18" s="71">
        <v>2</v>
      </c>
      <c r="HF18" s="72">
        <v>3</v>
      </c>
      <c r="HG18" s="244"/>
      <c r="HH18" s="71">
        <v>1</v>
      </c>
      <c r="HI18" s="71">
        <v>1</v>
      </c>
      <c r="HJ18" s="71">
        <v>2</v>
      </c>
      <c r="HK18" s="71">
        <v>3</v>
      </c>
      <c r="HL18" s="71">
        <v>0</v>
      </c>
      <c r="HM18" s="72">
        <v>7</v>
      </c>
      <c r="HN18" s="73">
        <v>10</v>
      </c>
      <c r="HO18" s="70">
        <v>1</v>
      </c>
      <c r="HP18" s="71">
        <v>2</v>
      </c>
      <c r="HQ18" s="72">
        <v>3</v>
      </c>
      <c r="HR18" s="244"/>
      <c r="HS18" s="71">
        <v>2</v>
      </c>
      <c r="HT18" s="71">
        <v>1</v>
      </c>
      <c r="HU18" s="71">
        <v>3</v>
      </c>
      <c r="HV18" s="71">
        <v>2</v>
      </c>
      <c r="HW18" s="71">
        <v>1</v>
      </c>
      <c r="HX18" s="72">
        <v>9</v>
      </c>
      <c r="HY18" s="73">
        <v>12</v>
      </c>
      <c r="HZ18" s="70">
        <v>0</v>
      </c>
      <c r="IA18" s="71">
        <v>5</v>
      </c>
      <c r="IB18" s="72">
        <v>5</v>
      </c>
      <c r="IC18" s="244"/>
      <c r="ID18" s="71">
        <v>8</v>
      </c>
      <c r="IE18" s="71">
        <v>2</v>
      </c>
      <c r="IF18" s="71">
        <v>2</v>
      </c>
      <c r="IG18" s="71">
        <v>1</v>
      </c>
      <c r="IH18" s="71">
        <v>2</v>
      </c>
      <c r="II18" s="72">
        <v>15</v>
      </c>
      <c r="IJ18" s="73">
        <v>20</v>
      </c>
      <c r="IK18" s="70">
        <v>2</v>
      </c>
      <c r="IL18" s="71">
        <v>6</v>
      </c>
      <c r="IM18" s="72">
        <v>8</v>
      </c>
      <c r="IN18" s="244"/>
      <c r="IO18" s="71">
        <v>4</v>
      </c>
      <c r="IP18" s="71">
        <v>4</v>
      </c>
      <c r="IQ18" s="71">
        <v>1</v>
      </c>
      <c r="IR18" s="71">
        <v>2</v>
      </c>
      <c r="IS18" s="71">
        <v>2</v>
      </c>
      <c r="IT18" s="72">
        <v>13</v>
      </c>
      <c r="IU18" s="73">
        <v>21</v>
      </c>
      <c r="IV18" s="70">
        <v>3</v>
      </c>
      <c r="IW18" s="71">
        <v>3</v>
      </c>
      <c r="IX18" s="72">
        <v>6</v>
      </c>
      <c r="IY18" s="244"/>
      <c r="IZ18" s="71">
        <v>10</v>
      </c>
      <c r="JA18" s="71">
        <v>6</v>
      </c>
      <c r="JB18" s="71">
        <v>0</v>
      </c>
      <c r="JC18" s="71">
        <v>3</v>
      </c>
      <c r="JD18" s="71">
        <v>3</v>
      </c>
      <c r="JE18" s="72">
        <v>22</v>
      </c>
      <c r="JF18" s="73">
        <v>28</v>
      </c>
      <c r="JG18" s="70">
        <v>4</v>
      </c>
      <c r="JH18" s="71">
        <v>4</v>
      </c>
      <c r="JI18" s="72">
        <v>8</v>
      </c>
      <c r="JJ18" s="244"/>
      <c r="JK18" s="71">
        <v>6</v>
      </c>
      <c r="JL18" s="71">
        <v>10</v>
      </c>
      <c r="JM18" s="71">
        <v>4</v>
      </c>
      <c r="JN18" s="71">
        <v>6</v>
      </c>
      <c r="JO18" s="71">
        <v>1</v>
      </c>
      <c r="JP18" s="72">
        <v>27</v>
      </c>
      <c r="JQ18" s="73">
        <v>35</v>
      </c>
      <c r="JR18" s="70">
        <v>0</v>
      </c>
      <c r="JS18" s="71">
        <v>0</v>
      </c>
      <c r="JT18" s="72">
        <v>0</v>
      </c>
      <c r="JU18" s="244"/>
      <c r="JV18" s="71">
        <v>0</v>
      </c>
      <c r="JW18" s="71">
        <v>0</v>
      </c>
      <c r="JX18" s="71">
        <v>0</v>
      </c>
      <c r="JY18" s="71">
        <v>0</v>
      </c>
      <c r="JZ18" s="71">
        <v>0</v>
      </c>
      <c r="KA18" s="72">
        <v>0</v>
      </c>
      <c r="KB18" s="73">
        <v>0</v>
      </c>
      <c r="KC18" s="70">
        <v>11</v>
      </c>
      <c r="KD18" s="71">
        <v>22</v>
      </c>
      <c r="KE18" s="72">
        <v>33</v>
      </c>
      <c r="KF18" s="244"/>
      <c r="KG18" s="71">
        <v>31</v>
      </c>
      <c r="KH18" s="71">
        <v>24</v>
      </c>
      <c r="KI18" s="71">
        <v>12</v>
      </c>
      <c r="KJ18" s="71">
        <v>17</v>
      </c>
      <c r="KK18" s="71">
        <v>9</v>
      </c>
      <c r="KL18" s="72">
        <v>93</v>
      </c>
      <c r="KM18" s="73">
        <v>126</v>
      </c>
    </row>
    <row r="19" spans="2:299" ht="19.5" customHeight="1" x14ac:dyDescent="0.2">
      <c r="B19" s="126" t="s">
        <v>16</v>
      </c>
      <c r="C19" s="316">
        <v>30</v>
      </c>
      <c r="D19" s="82">
        <v>37</v>
      </c>
      <c r="E19" s="83">
        <v>67</v>
      </c>
      <c r="F19" s="241"/>
      <c r="G19" s="82">
        <v>52</v>
      </c>
      <c r="H19" s="82">
        <v>58</v>
      </c>
      <c r="I19" s="82">
        <v>37</v>
      </c>
      <c r="J19" s="82">
        <v>28</v>
      </c>
      <c r="K19" s="82">
        <v>18</v>
      </c>
      <c r="L19" s="84">
        <v>193</v>
      </c>
      <c r="M19" s="85">
        <v>260</v>
      </c>
      <c r="N19" s="70">
        <v>1</v>
      </c>
      <c r="O19" s="71">
        <v>2</v>
      </c>
      <c r="P19" s="72">
        <v>3</v>
      </c>
      <c r="Q19" s="244"/>
      <c r="R19" s="71">
        <v>0</v>
      </c>
      <c r="S19" s="71">
        <v>2</v>
      </c>
      <c r="T19" s="71">
        <v>0</v>
      </c>
      <c r="U19" s="71">
        <v>0</v>
      </c>
      <c r="V19" s="71">
        <v>2</v>
      </c>
      <c r="W19" s="72">
        <v>4</v>
      </c>
      <c r="X19" s="73">
        <v>7</v>
      </c>
      <c r="Y19" s="70">
        <v>6</v>
      </c>
      <c r="Z19" s="71">
        <v>6</v>
      </c>
      <c r="AA19" s="72">
        <v>12</v>
      </c>
      <c r="AB19" s="244">
        <v>0</v>
      </c>
      <c r="AC19" s="71">
        <v>5</v>
      </c>
      <c r="AD19" s="71">
        <v>9</v>
      </c>
      <c r="AE19" s="71">
        <v>7</v>
      </c>
      <c r="AF19" s="71">
        <v>3</v>
      </c>
      <c r="AG19" s="71">
        <v>1</v>
      </c>
      <c r="AH19" s="72">
        <v>25</v>
      </c>
      <c r="AI19" s="73">
        <v>37</v>
      </c>
      <c r="AJ19" s="70">
        <v>4</v>
      </c>
      <c r="AK19" s="71">
        <v>5</v>
      </c>
      <c r="AL19" s="72">
        <v>9</v>
      </c>
      <c r="AM19" s="244"/>
      <c r="AN19" s="71">
        <v>8</v>
      </c>
      <c r="AO19" s="71">
        <v>7</v>
      </c>
      <c r="AP19" s="71">
        <v>2</v>
      </c>
      <c r="AQ19" s="71">
        <v>5</v>
      </c>
      <c r="AR19" s="71">
        <v>4</v>
      </c>
      <c r="AS19" s="72">
        <v>26</v>
      </c>
      <c r="AT19" s="73">
        <v>35</v>
      </c>
      <c r="AU19" s="70">
        <v>7</v>
      </c>
      <c r="AV19" s="71">
        <v>6</v>
      </c>
      <c r="AW19" s="72">
        <v>13</v>
      </c>
      <c r="AX19" s="244"/>
      <c r="AY19" s="71">
        <v>14</v>
      </c>
      <c r="AZ19" s="71">
        <v>17</v>
      </c>
      <c r="BA19" s="71">
        <v>13</v>
      </c>
      <c r="BB19" s="71">
        <v>4</v>
      </c>
      <c r="BC19" s="71">
        <v>7</v>
      </c>
      <c r="BD19" s="72">
        <v>55</v>
      </c>
      <c r="BE19" s="73">
        <v>68</v>
      </c>
      <c r="BF19" s="70">
        <v>8</v>
      </c>
      <c r="BG19" s="71">
        <v>13</v>
      </c>
      <c r="BH19" s="72">
        <v>21</v>
      </c>
      <c r="BI19" s="244">
        <v>0</v>
      </c>
      <c r="BJ19" s="71">
        <v>9</v>
      </c>
      <c r="BK19" s="71">
        <v>12</v>
      </c>
      <c r="BL19" s="71">
        <v>7</v>
      </c>
      <c r="BM19" s="71">
        <v>3</v>
      </c>
      <c r="BN19" s="71">
        <v>3</v>
      </c>
      <c r="BO19" s="72">
        <v>34</v>
      </c>
      <c r="BP19" s="73">
        <v>55</v>
      </c>
      <c r="BQ19" s="70">
        <v>4</v>
      </c>
      <c r="BR19" s="71">
        <v>5</v>
      </c>
      <c r="BS19" s="72">
        <v>9</v>
      </c>
      <c r="BT19" s="244"/>
      <c r="BU19" s="71">
        <v>16</v>
      </c>
      <c r="BV19" s="71">
        <v>11</v>
      </c>
      <c r="BW19" s="71">
        <v>8</v>
      </c>
      <c r="BX19" s="71">
        <v>13</v>
      </c>
      <c r="BY19" s="71">
        <v>1</v>
      </c>
      <c r="BZ19" s="72">
        <v>49</v>
      </c>
      <c r="CA19" s="73">
        <v>58</v>
      </c>
      <c r="CB19" s="70">
        <v>0</v>
      </c>
      <c r="CC19" s="71">
        <v>0</v>
      </c>
      <c r="CD19" s="72">
        <v>0</v>
      </c>
      <c r="CE19" s="244"/>
      <c r="CF19" s="71">
        <v>0</v>
      </c>
      <c r="CG19" s="71">
        <v>0</v>
      </c>
      <c r="CH19" s="71">
        <v>0</v>
      </c>
      <c r="CI19" s="71">
        <v>0</v>
      </c>
      <c r="CJ19" s="71">
        <v>0</v>
      </c>
      <c r="CK19" s="72">
        <v>0</v>
      </c>
      <c r="CL19" s="73">
        <v>0</v>
      </c>
      <c r="CM19" s="70">
        <v>30</v>
      </c>
      <c r="CN19" s="71">
        <v>37</v>
      </c>
      <c r="CO19" s="72">
        <v>67</v>
      </c>
      <c r="CP19" s="244"/>
      <c r="CQ19" s="71">
        <v>52</v>
      </c>
      <c r="CR19" s="71">
        <v>58</v>
      </c>
      <c r="CS19" s="71">
        <v>37</v>
      </c>
      <c r="CT19" s="71">
        <v>28</v>
      </c>
      <c r="CU19" s="71">
        <v>18</v>
      </c>
      <c r="CV19" s="72">
        <v>193</v>
      </c>
      <c r="CW19" s="73">
        <v>260</v>
      </c>
      <c r="CX19" s="123">
        <v>13</v>
      </c>
      <c r="CY19" s="82">
        <v>12</v>
      </c>
      <c r="CZ19" s="83">
        <v>25</v>
      </c>
      <c r="DA19" s="241"/>
      <c r="DB19" s="82">
        <v>17</v>
      </c>
      <c r="DC19" s="82">
        <v>28</v>
      </c>
      <c r="DD19" s="82">
        <v>12</v>
      </c>
      <c r="DE19" s="82">
        <v>18</v>
      </c>
      <c r="DF19" s="82">
        <v>10</v>
      </c>
      <c r="DG19" s="84">
        <v>85</v>
      </c>
      <c r="DH19" s="85">
        <v>110</v>
      </c>
      <c r="DI19" s="70">
        <v>0</v>
      </c>
      <c r="DJ19" s="71">
        <v>0</v>
      </c>
      <c r="DK19" s="72">
        <v>0</v>
      </c>
      <c r="DL19" s="244"/>
      <c r="DM19" s="71">
        <v>0</v>
      </c>
      <c r="DN19" s="71">
        <v>0</v>
      </c>
      <c r="DO19" s="71">
        <v>0</v>
      </c>
      <c r="DP19" s="71">
        <v>1</v>
      </c>
      <c r="DQ19" s="71">
        <v>0</v>
      </c>
      <c r="DR19" s="72">
        <v>1</v>
      </c>
      <c r="DS19" s="73">
        <v>1</v>
      </c>
      <c r="DT19" s="70">
        <v>2</v>
      </c>
      <c r="DU19" s="71">
        <v>2</v>
      </c>
      <c r="DV19" s="72">
        <v>4</v>
      </c>
      <c r="DW19" s="244"/>
      <c r="DX19" s="71">
        <v>1</v>
      </c>
      <c r="DY19" s="71">
        <v>5</v>
      </c>
      <c r="DZ19" s="71">
        <v>0</v>
      </c>
      <c r="EA19" s="71">
        <v>1</v>
      </c>
      <c r="EB19" s="71">
        <v>0</v>
      </c>
      <c r="EC19" s="72">
        <v>7</v>
      </c>
      <c r="ED19" s="73">
        <v>11</v>
      </c>
      <c r="EE19" s="70">
        <v>3</v>
      </c>
      <c r="EF19" s="71">
        <v>1</v>
      </c>
      <c r="EG19" s="72">
        <v>4</v>
      </c>
      <c r="EH19" s="244"/>
      <c r="EI19" s="71">
        <v>1</v>
      </c>
      <c r="EJ19" s="71">
        <v>2</v>
      </c>
      <c r="EK19" s="71">
        <v>0</v>
      </c>
      <c r="EL19" s="71">
        <v>3</v>
      </c>
      <c r="EM19" s="71">
        <v>0</v>
      </c>
      <c r="EN19" s="72">
        <v>6</v>
      </c>
      <c r="EO19" s="73">
        <v>10</v>
      </c>
      <c r="EP19" s="70">
        <v>5</v>
      </c>
      <c r="EQ19" s="71">
        <v>2</v>
      </c>
      <c r="ER19" s="72">
        <v>7</v>
      </c>
      <c r="ES19" s="244"/>
      <c r="ET19" s="71">
        <v>3</v>
      </c>
      <c r="EU19" s="71">
        <v>8</v>
      </c>
      <c r="EV19" s="71">
        <v>1</v>
      </c>
      <c r="EW19" s="71">
        <v>0</v>
      </c>
      <c r="EX19" s="71">
        <v>1</v>
      </c>
      <c r="EY19" s="72">
        <v>13</v>
      </c>
      <c r="EZ19" s="73">
        <v>20</v>
      </c>
      <c r="FA19" s="70">
        <v>2</v>
      </c>
      <c r="FB19" s="71">
        <v>6</v>
      </c>
      <c r="FC19" s="72">
        <v>8</v>
      </c>
      <c r="FD19" s="244"/>
      <c r="FE19" s="71">
        <v>7</v>
      </c>
      <c r="FF19" s="71">
        <v>6</v>
      </c>
      <c r="FG19" s="71">
        <v>3</v>
      </c>
      <c r="FH19" s="71">
        <v>4</v>
      </c>
      <c r="FI19" s="71">
        <v>4</v>
      </c>
      <c r="FJ19" s="72">
        <v>24</v>
      </c>
      <c r="FK19" s="73">
        <v>32</v>
      </c>
      <c r="FL19" s="70">
        <v>1</v>
      </c>
      <c r="FM19" s="71">
        <v>1</v>
      </c>
      <c r="FN19" s="72">
        <v>2</v>
      </c>
      <c r="FO19" s="241"/>
      <c r="FP19" s="71">
        <v>5</v>
      </c>
      <c r="FQ19" s="71">
        <v>7</v>
      </c>
      <c r="FR19" s="71">
        <v>8</v>
      </c>
      <c r="FS19" s="71">
        <v>9</v>
      </c>
      <c r="FT19" s="71">
        <v>5</v>
      </c>
      <c r="FU19" s="72">
        <v>34</v>
      </c>
      <c r="FV19" s="73">
        <v>36</v>
      </c>
      <c r="FW19" s="70">
        <v>0</v>
      </c>
      <c r="FX19" s="71">
        <v>0</v>
      </c>
      <c r="FY19" s="72">
        <v>0</v>
      </c>
      <c r="FZ19" s="244"/>
      <c r="GA19" s="71">
        <v>0</v>
      </c>
      <c r="GB19" s="71">
        <v>0</v>
      </c>
      <c r="GC19" s="71">
        <v>0</v>
      </c>
      <c r="GD19" s="71">
        <v>0</v>
      </c>
      <c r="GE19" s="71">
        <v>0</v>
      </c>
      <c r="GF19" s="72">
        <v>0</v>
      </c>
      <c r="GG19" s="73">
        <v>0</v>
      </c>
      <c r="GH19" s="70">
        <v>13</v>
      </c>
      <c r="GI19" s="71">
        <v>12</v>
      </c>
      <c r="GJ19" s="72">
        <v>25</v>
      </c>
      <c r="GK19" s="244"/>
      <c r="GL19" s="71">
        <v>17</v>
      </c>
      <c r="GM19" s="71">
        <v>28</v>
      </c>
      <c r="GN19" s="71">
        <v>12</v>
      </c>
      <c r="GO19" s="71">
        <v>18</v>
      </c>
      <c r="GP19" s="71">
        <v>10</v>
      </c>
      <c r="GQ19" s="72">
        <v>85</v>
      </c>
      <c r="GR19" s="73">
        <v>110</v>
      </c>
      <c r="GS19" s="123">
        <v>43</v>
      </c>
      <c r="GT19" s="82">
        <v>49</v>
      </c>
      <c r="GU19" s="83">
        <v>92</v>
      </c>
      <c r="GV19" s="241"/>
      <c r="GW19" s="82">
        <v>69</v>
      </c>
      <c r="GX19" s="82">
        <v>86</v>
      </c>
      <c r="GY19" s="82">
        <v>49</v>
      </c>
      <c r="GZ19" s="82">
        <v>46</v>
      </c>
      <c r="HA19" s="82">
        <v>28</v>
      </c>
      <c r="HB19" s="84">
        <v>278</v>
      </c>
      <c r="HC19" s="85">
        <v>370</v>
      </c>
      <c r="HD19" s="70">
        <v>1</v>
      </c>
      <c r="HE19" s="71">
        <v>2</v>
      </c>
      <c r="HF19" s="72">
        <v>3</v>
      </c>
      <c r="HG19" s="244"/>
      <c r="HH19" s="71">
        <v>0</v>
      </c>
      <c r="HI19" s="71">
        <v>2</v>
      </c>
      <c r="HJ19" s="71">
        <v>0</v>
      </c>
      <c r="HK19" s="71">
        <v>1</v>
      </c>
      <c r="HL19" s="71">
        <v>2</v>
      </c>
      <c r="HM19" s="72">
        <v>5</v>
      </c>
      <c r="HN19" s="73">
        <v>8</v>
      </c>
      <c r="HO19" s="70">
        <v>8</v>
      </c>
      <c r="HP19" s="71">
        <v>8</v>
      </c>
      <c r="HQ19" s="72">
        <v>16</v>
      </c>
      <c r="HR19" s="244"/>
      <c r="HS19" s="71">
        <v>6</v>
      </c>
      <c r="HT19" s="71">
        <v>14</v>
      </c>
      <c r="HU19" s="71">
        <v>7</v>
      </c>
      <c r="HV19" s="71">
        <v>4</v>
      </c>
      <c r="HW19" s="71">
        <v>1</v>
      </c>
      <c r="HX19" s="72">
        <v>32</v>
      </c>
      <c r="HY19" s="73">
        <v>48</v>
      </c>
      <c r="HZ19" s="70">
        <v>7</v>
      </c>
      <c r="IA19" s="71">
        <v>6</v>
      </c>
      <c r="IB19" s="72">
        <v>13</v>
      </c>
      <c r="IC19" s="244"/>
      <c r="ID19" s="71">
        <v>9</v>
      </c>
      <c r="IE19" s="71">
        <v>9</v>
      </c>
      <c r="IF19" s="71">
        <v>2</v>
      </c>
      <c r="IG19" s="71">
        <v>8</v>
      </c>
      <c r="IH19" s="71">
        <v>4</v>
      </c>
      <c r="II19" s="72">
        <v>32</v>
      </c>
      <c r="IJ19" s="73">
        <v>45</v>
      </c>
      <c r="IK19" s="70">
        <v>12</v>
      </c>
      <c r="IL19" s="71">
        <v>8</v>
      </c>
      <c r="IM19" s="72">
        <v>20</v>
      </c>
      <c r="IN19" s="244"/>
      <c r="IO19" s="71">
        <v>17</v>
      </c>
      <c r="IP19" s="71">
        <v>25</v>
      </c>
      <c r="IQ19" s="71">
        <v>14</v>
      </c>
      <c r="IR19" s="71">
        <v>4</v>
      </c>
      <c r="IS19" s="71">
        <v>8</v>
      </c>
      <c r="IT19" s="72">
        <v>68</v>
      </c>
      <c r="IU19" s="73">
        <v>88</v>
      </c>
      <c r="IV19" s="70">
        <v>10</v>
      </c>
      <c r="IW19" s="71">
        <v>19</v>
      </c>
      <c r="IX19" s="72">
        <v>29</v>
      </c>
      <c r="IY19" s="244"/>
      <c r="IZ19" s="71">
        <v>16</v>
      </c>
      <c r="JA19" s="71">
        <v>18</v>
      </c>
      <c r="JB19" s="71">
        <v>10</v>
      </c>
      <c r="JC19" s="71">
        <v>7</v>
      </c>
      <c r="JD19" s="71">
        <v>7</v>
      </c>
      <c r="JE19" s="72">
        <v>58</v>
      </c>
      <c r="JF19" s="73">
        <v>87</v>
      </c>
      <c r="JG19" s="70">
        <v>5</v>
      </c>
      <c r="JH19" s="71">
        <v>6</v>
      </c>
      <c r="JI19" s="72">
        <v>11</v>
      </c>
      <c r="JJ19" s="244"/>
      <c r="JK19" s="71">
        <v>21</v>
      </c>
      <c r="JL19" s="71">
        <v>18</v>
      </c>
      <c r="JM19" s="71">
        <v>16</v>
      </c>
      <c r="JN19" s="71">
        <v>22</v>
      </c>
      <c r="JO19" s="71">
        <v>6</v>
      </c>
      <c r="JP19" s="72">
        <v>83</v>
      </c>
      <c r="JQ19" s="73">
        <v>94</v>
      </c>
      <c r="JR19" s="70">
        <v>0</v>
      </c>
      <c r="JS19" s="71">
        <v>0</v>
      </c>
      <c r="JT19" s="72">
        <v>0</v>
      </c>
      <c r="JU19" s="244"/>
      <c r="JV19" s="71">
        <v>0</v>
      </c>
      <c r="JW19" s="71">
        <v>0</v>
      </c>
      <c r="JX19" s="71">
        <v>0</v>
      </c>
      <c r="JY19" s="71">
        <v>0</v>
      </c>
      <c r="JZ19" s="71">
        <v>0</v>
      </c>
      <c r="KA19" s="72">
        <v>0</v>
      </c>
      <c r="KB19" s="73">
        <v>0</v>
      </c>
      <c r="KC19" s="70">
        <v>43</v>
      </c>
      <c r="KD19" s="71">
        <v>49</v>
      </c>
      <c r="KE19" s="72">
        <v>92</v>
      </c>
      <c r="KF19" s="244"/>
      <c r="KG19" s="71">
        <v>69</v>
      </c>
      <c r="KH19" s="71">
        <v>86</v>
      </c>
      <c r="KI19" s="71">
        <v>49</v>
      </c>
      <c r="KJ19" s="71">
        <v>46</v>
      </c>
      <c r="KK19" s="71">
        <v>28</v>
      </c>
      <c r="KL19" s="72">
        <v>278</v>
      </c>
      <c r="KM19" s="73">
        <v>370</v>
      </c>
    </row>
    <row r="20" spans="2:299" ht="19.5" customHeight="1" x14ac:dyDescent="0.2">
      <c r="B20" s="126" t="s">
        <v>17</v>
      </c>
      <c r="C20" s="316">
        <v>46</v>
      </c>
      <c r="D20" s="82">
        <v>47</v>
      </c>
      <c r="E20" s="83">
        <v>93</v>
      </c>
      <c r="F20" s="241"/>
      <c r="G20" s="82">
        <v>69</v>
      </c>
      <c r="H20" s="82">
        <v>85</v>
      </c>
      <c r="I20" s="82">
        <v>56</v>
      </c>
      <c r="J20" s="82">
        <v>38</v>
      </c>
      <c r="K20" s="82">
        <v>24</v>
      </c>
      <c r="L20" s="84">
        <v>272</v>
      </c>
      <c r="M20" s="85">
        <v>365</v>
      </c>
      <c r="N20" s="70">
        <v>1</v>
      </c>
      <c r="O20" s="71">
        <v>3</v>
      </c>
      <c r="P20" s="72">
        <v>4</v>
      </c>
      <c r="Q20" s="244"/>
      <c r="R20" s="71">
        <v>1</v>
      </c>
      <c r="S20" s="71">
        <v>6</v>
      </c>
      <c r="T20" s="71">
        <v>4</v>
      </c>
      <c r="U20" s="71">
        <v>3</v>
      </c>
      <c r="V20" s="71">
        <v>0</v>
      </c>
      <c r="W20" s="72">
        <v>14</v>
      </c>
      <c r="X20" s="73">
        <v>18</v>
      </c>
      <c r="Y20" s="70">
        <v>7</v>
      </c>
      <c r="Z20" s="71">
        <v>6</v>
      </c>
      <c r="AA20" s="72">
        <v>13</v>
      </c>
      <c r="AB20" s="244">
        <v>0</v>
      </c>
      <c r="AC20" s="71">
        <v>7</v>
      </c>
      <c r="AD20" s="71">
        <v>10</v>
      </c>
      <c r="AE20" s="71">
        <v>10</v>
      </c>
      <c r="AF20" s="71">
        <v>4</v>
      </c>
      <c r="AG20" s="71">
        <v>5</v>
      </c>
      <c r="AH20" s="72">
        <v>36</v>
      </c>
      <c r="AI20" s="73">
        <v>49</v>
      </c>
      <c r="AJ20" s="70">
        <v>9</v>
      </c>
      <c r="AK20" s="71">
        <v>4</v>
      </c>
      <c r="AL20" s="72">
        <v>13</v>
      </c>
      <c r="AM20" s="244"/>
      <c r="AN20" s="71">
        <v>10</v>
      </c>
      <c r="AO20" s="71">
        <v>13</v>
      </c>
      <c r="AP20" s="71">
        <v>8</v>
      </c>
      <c r="AQ20" s="71">
        <v>6</v>
      </c>
      <c r="AR20" s="71">
        <v>2</v>
      </c>
      <c r="AS20" s="72">
        <v>39</v>
      </c>
      <c r="AT20" s="73">
        <v>52</v>
      </c>
      <c r="AU20" s="70">
        <v>8</v>
      </c>
      <c r="AV20" s="71">
        <v>10</v>
      </c>
      <c r="AW20" s="72">
        <v>18</v>
      </c>
      <c r="AX20" s="244"/>
      <c r="AY20" s="71">
        <v>21</v>
      </c>
      <c r="AZ20" s="71">
        <v>17</v>
      </c>
      <c r="BA20" s="71">
        <v>13</v>
      </c>
      <c r="BB20" s="71">
        <v>7</v>
      </c>
      <c r="BC20" s="71">
        <v>4</v>
      </c>
      <c r="BD20" s="72">
        <v>62</v>
      </c>
      <c r="BE20" s="73">
        <v>80</v>
      </c>
      <c r="BF20" s="70">
        <v>10</v>
      </c>
      <c r="BG20" s="71">
        <v>13</v>
      </c>
      <c r="BH20" s="72">
        <v>23</v>
      </c>
      <c r="BI20" s="244">
        <v>0</v>
      </c>
      <c r="BJ20" s="71">
        <v>15</v>
      </c>
      <c r="BK20" s="71">
        <v>25</v>
      </c>
      <c r="BL20" s="71">
        <v>10</v>
      </c>
      <c r="BM20" s="71">
        <v>12</v>
      </c>
      <c r="BN20" s="71">
        <v>7</v>
      </c>
      <c r="BO20" s="72">
        <v>69</v>
      </c>
      <c r="BP20" s="73">
        <v>92</v>
      </c>
      <c r="BQ20" s="70">
        <v>11</v>
      </c>
      <c r="BR20" s="71">
        <v>11</v>
      </c>
      <c r="BS20" s="72">
        <v>22</v>
      </c>
      <c r="BT20" s="244"/>
      <c r="BU20" s="71">
        <v>15</v>
      </c>
      <c r="BV20" s="71">
        <v>14</v>
      </c>
      <c r="BW20" s="71">
        <v>11</v>
      </c>
      <c r="BX20" s="71">
        <v>6</v>
      </c>
      <c r="BY20" s="71">
        <v>6</v>
      </c>
      <c r="BZ20" s="72">
        <v>52</v>
      </c>
      <c r="CA20" s="73">
        <v>74</v>
      </c>
      <c r="CB20" s="70">
        <v>0</v>
      </c>
      <c r="CC20" s="71">
        <v>0</v>
      </c>
      <c r="CD20" s="72">
        <v>0</v>
      </c>
      <c r="CE20" s="244"/>
      <c r="CF20" s="71">
        <v>0</v>
      </c>
      <c r="CG20" s="71">
        <v>0</v>
      </c>
      <c r="CH20" s="71">
        <v>0</v>
      </c>
      <c r="CI20" s="71">
        <v>0</v>
      </c>
      <c r="CJ20" s="71">
        <v>0</v>
      </c>
      <c r="CK20" s="72">
        <v>0</v>
      </c>
      <c r="CL20" s="73">
        <v>0</v>
      </c>
      <c r="CM20" s="70">
        <v>46</v>
      </c>
      <c r="CN20" s="71">
        <v>47</v>
      </c>
      <c r="CO20" s="72">
        <v>93</v>
      </c>
      <c r="CP20" s="244"/>
      <c r="CQ20" s="71">
        <v>69</v>
      </c>
      <c r="CR20" s="71">
        <v>85</v>
      </c>
      <c r="CS20" s="71">
        <v>56</v>
      </c>
      <c r="CT20" s="71">
        <v>38</v>
      </c>
      <c r="CU20" s="71">
        <v>24</v>
      </c>
      <c r="CV20" s="72">
        <v>272</v>
      </c>
      <c r="CW20" s="73">
        <v>365</v>
      </c>
      <c r="CX20" s="123">
        <v>22</v>
      </c>
      <c r="CY20" s="82">
        <v>15</v>
      </c>
      <c r="CZ20" s="83">
        <v>37</v>
      </c>
      <c r="DA20" s="241"/>
      <c r="DB20" s="82">
        <v>36</v>
      </c>
      <c r="DC20" s="82">
        <v>32</v>
      </c>
      <c r="DD20" s="82">
        <v>31</v>
      </c>
      <c r="DE20" s="82">
        <v>17</v>
      </c>
      <c r="DF20" s="82">
        <v>21</v>
      </c>
      <c r="DG20" s="84">
        <v>137</v>
      </c>
      <c r="DH20" s="85">
        <v>174</v>
      </c>
      <c r="DI20" s="70">
        <v>1</v>
      </c>
      <c r="DJ20" s="71">
        <v>0</v>
      </c>
      <c r="DK20" s="72">
        <v>1</v>
      </c>
      <c r="DL20" s="244"/>
      <c r="DM20" s="71">
        <v>0</v>
      </c>
      <c r="DN20" s="71">
        <v>1</v>
      </c>
      <c r="DO20" s="71">
        <v>0</v>
      </c>
      <c r="DP20" s="71">
        <v>0</v>
      </c>
      <c r="DQ20" s="71">
        <v>1</v>
      </c>
      <c r="DR20" s="72">
        <v>2</v>
      </c>
      <c r="DS20" s="73">
        <v>3</v>
      </c>
      <c r="DT20" s="70">
        <v>2</v>
      </c>
      <c r="DU20" s="71">
        <v>0</v>
      </c>
      <c r="DV20" s="72">
        <v>2</v>
      </c>
      <c r="DW20" s="244"/>
      <c r="DX20" s="71">
        <v>4</v>
      </c>
      <c r="DY20" s="71">
        <v>4</v>
      </c>
      <c r="DZ20" s="71">
        <v>1</v>
      </c>
      <c r="EA20" s="71">
        <v>1</v>
      </c>
      <c r="EB20" s="71">
        <v>1</v>
      </c>
      <c r="EC20" s="72">
        <v>11</v>
      </c>
      <c r="ED20" s="73">
        <v>13</v>
      </c>
      <c r="EE20" s="70">
        <v>4</v>
      </c>
      <c r="EF20" s="71">
        <v>2</v>
      </c>
      <c r="EG20" s="72">
        <v>6</v>
      </c>
      <c r="EH20" s="244"/>
      <c r="EI20" s="71">
        <v>6</v>
      </c>
      <c r="EJ20" s="71">
        <v>1</v>
      </c>
      <c r="EK20" s="71">
        <v>2</v>
      </c>
      <c r="EL20" s="71">
        <v>1</v>
      </c>
      <c r="EM20" s="71">
        <v>0</v>
      </c>
      <c r="EN20" s="72">
        <v>10</v>
      </c>
      <c r="EO20" s="73">
        <v>16</v>
      </c>
      <c r="EP20" s="70">
        <v>6</v>
      </c>
      <c r="EQ20" s="71">
        <v>7</v>
      </c>
      <c r="ER20" s="72">
        <v>13</v>
      </c>
      <c r="ES20" s="244"/>
      <c r="ET20" s="71">
        <v>11</v>
      </c>
      <c r="EU20" s="71">
        <v>4</v>
      </c>
      <c r="EV20" s="71">
        <v>6</v>
      </c>
      <c r="EW20" s="71">
        <v>3</v>
      </c>
      <c r="EX20" s="71">
        <v>5</v>
      </c>
      <c r="EY20" s="72">
        <v>29</v>
      </c>
      <c r="EZ20" s="73">
        <v>42</v>
      </c>
      <c r="FA20" s="70">
        <v>4</v>
      </c>
      <c r="FB20" s="71">
        <v>6</v>
      </c>
      <c r="FC20" s="72">
        <v>10</v>
      </c>
      <c r="FD20" s="244"/>
      <c r="FE20" s="71">
        <v>7</v>
      </c>
      <c r="FF20" s="71">
        <v>4</v>
      </c>
      <c r="FG20" s="71">
        <v>11</v>
      </c>
      <c r="FH20" s="71">
        <v>2</v>
      </c>
      <c r="FI20" s="71">
        <v>4</v>
      </c>
      <c r="FJ20" s="72">
        <v>28</v>
      </c>
      <c r="FK20" s="73">
        <v>38</v>
      </c>
      <c r="FL20" s="70">
        <v>5</v>
      </c>
      <c r="FM20" s="71">
        <v>0</v>
      </c>
      <c r="FN20" s="72">
        <v>5</v>
      </c>
      <c r="FO20" s="241"/>
      <c r="FP20" s="71">
        <v>8</v>
      </c>
      <c r="FQ20" s="71">
        <v>18</v>
      </c>
      <c r="FR20" s="71">
        <v>11</v>
      </c>
      <c r="FS20" s="71">
        <v>10</v>
      </c>
      <c r="FT20" s="71">
        <v>10</v>
      </c>
      <c r="FU20" s="72">
        <v>57</v>
      </c>
      <c r="FV20" s="73">
        <v>62</v>
      </c>
      <c r="FW20" s="70">
        <v>0</v>
      </c>
      <c r="FX20" s="71">
        <v>0</v>
      </c>
      <c r="FY20" s="72">
        <v>0</v>
      </c>
      <c r="FZ20" s="244"/>
      <c r="GA20" s="71">
        <v>0</v>
      </c>
      <c r="GB20" s="71">
        <v>0</v>
      </c>
      <c r="GC20" s="71">
        <v>0</v>
      </c>
      <c r="GD20" s="71">
        <v>0</v>
      </c>
      <c r="GE20" s="71">
        <v>0</v>
      </c>
      <c r="GF20" s="72">
        <v>0</v>
      </c>
      <c r="GG20" s="73">
        <v>0</v>
      </c>
      <c r="GH20" s="70">
        <v>22</v>
      </c>
      <c r="GI20" s="71">
        <v>15</v>
      </c>
      <c r="GJ20" s="72">
        <v>37</v>
      </c>
      <c r="GK20" s="244"/>
      <c r="GL20" s="71">
        <v>36</v>
      </c>
      <c r="GM20" s="71">
        <v>32</v>
      </c>
      <c r="GN20" s="71">
        <v>31</v>
      </c>
      <c r="GO20" s="71">
        <v>17</v>
      </c>
      <c r="GP20" s="71">
        <v>21</v>
      </c>
      <c r="GQ20" s="72">
        <v>137</v>
      </c>
      <c r="GR20" s="73">
        <v>174</v>
      </c>
      <c r="GS20" s="123">
        <v>68</v>
      </c>
      <c r="GT20" s="82">
        <v>62</v>
      </c>
      <c r="GU20" s="83">
        <v>130</v>
      </c>
      <c r="GV20" s="241"/>
      <c r="GW20" s="82">
        <v>105</v>
      </c>
      <c r="GX20" s="82">
        <v>117</v>
      </c>
      <c r="GY20" s="82">
        <v>87</v>
      </c>
      <c r="GZ20" s="82">
        <v>55</v>
      </c>
      <c r="HA20" s="82">
        <v>45</v>
      </c>
      <c r="HB20" s="84">
        <v>409</v>
      </c>
      <c r="HC20" s="85">
        <v>539</v>
      </c>
      <c r="HD20" s="70">
        <v>2</v>
      </c>
      <c r="HE20" s="71">
        <v>3</v>
      </c>
      <c r="HF20" s="72">
        <v>5</v>
      </c>
      <c r="HG20" s="244"/>
      <c r="HH20" s="71">
        <v>1</v>
      </c>
      <c r="HI20" s="71">
        <v>7</v>
      </c>
      <c r="HJ20" s="71">
        <v>4</v>
      </c>
      <c r="HK20" s="71">
        <v>3</v>
      </c>
      <c r="HL20" s="71">
        <v>1</v>
      </c>
      <c r="HM20" s="72">
        <v>16</v>
      </c>
      <c r="HN20" s="73">
        <v>21</v>
      </c>
      <c r="HO20" s="70">
        <v>9</v>
      </c>
      <c r="HP20" s="71">
        <v>6</v>
      </c>
      <c r="HQ20" s="72">
        <v>15</v>
      </c>
      <c r="HR20" s="244"/>
      <c r="HS20" s="71">
        <v>11</v>
      </c>
      <c r="HT20" s="71">
        <v>14</v>
      </c>
      <c r="HU20" s="71">
        <v>11</v>
      </c>
      <c r="HV20" s="71">
        <v>5</v>
      </c>
      <c r="HW20" s="71">
        <v>6</v>
      </c>
      <c r="HX20" s="72">
        <v>47</v>
      </c>
      <c r="HY20" s="73">
        <v>62</v>
      </c>
      <c r="HZ20" s="70">
        <v>13</v>
      </c>
      <c r="IA20" s="71">
        <v>6</v>
      </c>
      <c r="IB20" s="72">
        <v>19</v>
      </c>
      <c r="IC20" s="244"/>
      <c r="ID20" s="71">
        <v>16</v>
      </c>
      <c r="IE20" s="71">
        <v>14</v>
      </c>
      <c r="IF20" s="71">
        <v>10</v>
      </c>
      <c r="IG20" s="71">
        <v>7</v>
      </c>
      <c r="IH20" s="71">
        <v>2</v>
      </c>
      <c r="II20" s="72">
        <v>49</v>
      </c>
      <c r="IJ20" s="73">
        <v>68</v>
      </c>
      <c r="IK20" s="70">
        <v>14</v>
      </c>
      <c r="IL20" s="71">
        <v>17</v>
      </c>
      <c r="IM20" s="72">
        <v>31</v>
      </c>
      <c r="IN20" s="244"/>
      <c r="IO20" s="71">
        <v>32</v>
      </c>
      <c r="IP20" s="71">
        <v>21</v>
      </c>
      <c r="IQ20" s="71">
        <v>19</v>
      </c>
      <c r="IR20" s="71">
        <v>10</v>
      </c>
      <c r="IS20" s="71">
        <v>9</v>
      </c>
      <c r="IT20" s="72">
        <v>91</v>
      </c>
      <c r="IU20" s="73">
        <v>122</v>
      </c>
      <c r="IV20" s="70">
        <v>14</v>
      </c>
      <c r="IW20" s="71">
        <v>19</v>
      </c>
      <c r="IX20" s="72">
        <v>33</v>
      </c>
      <c r="IY20" s="244"/>
      <c r="IZ20" s="71">
        <v>22</v>
      </c>
      <c r="JA20" s="71">
        <v>29</v>
      </c>
      <c r="JB20" s="71">
        <v>21</v>
      </c>
      <c r="JC20" s="71">
        <v>14</v>
      </c>
      <c r="JD20" s="71">
        <v>11</v>
      </c>
      <c r="JE20" s="72">
        <v>97</v>
      </c>
      <c r="JF20" s="73">
        <v>130</v>
      </c>
      <c r="JG20" s="70">
        <v>16</v>
      </c>
      <c r="JH20" s="71">
        <v>11</v>
      </c>
      <c r="JI20" s="72">
        <v>27</v>
      </c>
      <c r="JJ20" s="244"/>
      <c r="JK20" s="71">
        <v>23</v>
      </c>
      <c r="JL20" s="71">
        <v>32</v>
      </c>
      <c r="JM20" s="71">
        <v>22</v>
      </c>
      <c r="JN20" s="71">
        <v>16</v>
      </c>
      <c r="JO20" s="71">
        <v>16</v>
      </c>
      <c r="JP20" s="72">
        <v>109</v>
      </c>
      <c r="JQ20" s="73">
        <v>136</v>
      </c>
      <c r="JR20" s="70">
        <v>0</v>
      </c>
      <c r="JS20" s="71">
        <v>0</v>
      </c>
      <c r="JT20" s="72">
        <v>0</v>
      </c>
      <c r="JU20" s="244"/>
      <c r="JV20" s="71">
        <v>0</v>
      </c>
      <c r="JW20" s="71">
        <v>0</v>
      </c>
      <c r="JX20" s="71">
        <v>0</v>
      </c>
      <c r="JY20" s="71">
        <v>0</v>
      </c>
      <c r="JZ20" s="71">
        <v>0</v>
      </c>
      <c r="KA20" s="72">
        <v>0</v>
      </c>
      <c r="KB20" s="73">
        <v>0</v>
      </c>
      <c r="KC20" s="70">
        <v>68</v>
      </c>
      <c r="KD20" s="71">
        <v>62</v>
      </c>
      <c r="KE20" s="72">
        <v>130</v>
      </c>
      <c r="KF20" s="244"/>
      <c r="KG20" s="71">
        <v>105</v>
      </c>
      <c r="KH20" s="71">
        <v>117</v>
      </c>
      <c r="KI20" s="71">
        <v>87</v>
      </c>
      <c r="KJ20" s="71">
        <v>55</v>
      </c>
      <c r="KK20" s="71">
        <v>45</v>
      </c>
      <c r="KL20" s="72">
        <v>409</v>
      </c>
      <c r="KM20" s="73">
        <v>539</v>
      </c>
    </row>
    <row r="21" spans="2:299" ht="19.5" customHeight="1" x14ac:dyDescent="0.2">
      <c r="B21" s="126" t="s">
        <v>18</v>
      </c>
      <c r="C21" s="316">
        <v>60</v>
      </c>
      <c r="D21" s="82">
        <v>56</v>
      </c>
      <c r="E21" s="83">
        <v>116</v>
      </c>
      <c r="F21" s="241"/>
      <c r="G21" s="82">
        <v>113</v>
      </c>
      <c r="H21" s="82">
        <v>85</v>
      </c>
      <c r="I21" s="82">
        <v>48</v>
      </c>
      <c r="J21" s="82">
        <v>52</v>
      </c>
      <c r="K21" s="82">
        <v>34</v>
      </c>
      <c r="L21" s="84">
        <v>332</v>
      </c>
      <c r="M21" s="85">
        <v>448</v>
      </c>
      <c r="N21" s="70">
        <v>2</v>
      </c>
      <c r="O21" s="71">
        <v>6</v>
      </c>
      <c r="P21" s="72">
        <v>8</v>
      </c>
      <c r="Q21" s="244"/>
      <c r="R21" s="71">
        <v>4</v>
      </c>
      <c r="S21" s="71">
        <v>3</v>
      </c>
      <c r="T21" s="71">
        <v>5</v>
      </c>
      <c r="U21" s="71">
        <v>3</v>
      </c>
      <c r="V21" s="71">
        <v>0</v>
      </c>
      <c r="W21" s="72">
        <v>15</v>
      </c>
      <c r="X21" s="73">
        <v>23</v>
      </c>
      <c r="Y21" s="70">
        <v>11</v>
      </c>
      <c r="Z21" s="71">
        <v>4</v>
      </c>
      <c r="AA21" s="72">
        <v>15</v>
      </c>
      <c r="AB21" s="244">
        <v>0</v>
      </c>
      <c r="AC21" s="71">
        <v>12</v>
      </c>
      <c r="AD21" s="71">
        <v>14</v>
      </c>
      <c r="AE21" s="71">
        <v>5</v>
      </c>
      <c r="AF21" s="71">
        <v>4</v>
      </c>
      <c r="AG21" s="71">
        <v>4</v>
      </c>
      <c r="AH21" s="72">
        <v>39</v>
      </c>
      <c r="AI21" s="73">
        <v>54</v>
      </c>
      <c r="AJ21" s="70">
        <v>9</v>
      </c>
      <c r="AK21" s="71">
        <v>4</v>
      </c>
      <c r="AL21" s="72">
        <v>13</v>
      </c>
      <c r="AM21" s="244"/>
      <c r="AN21" s="71">
        <v>17</v>
      </c>
      <c r="AO21" s="71">
        <v>10</v>
      </c>
      <c r="AP21" s="71">
        <v>8</v>
      </c>
      <c r="AQ21" s="71">
        <v>7</v>
      </c>
      <c r="AR21" s="71">
        <v>8</v>
      </c>
      <c r="AS21" s="72">
        <v>50</v>
      </c>
      <c r="AT21" s="73">
        <v>63</v>
      </c>
      <c r="AU21" s="70">
        <v>14</v>
      </c>
      <c r="AV21" s="71">
        <v>9</v>
      </c>
      <c r="AW21" s="72">
        <v>23</v>
      </c>
      <c r="AX21" s="244"/>
      <c r="AY21" s="71">
        <v>22</v>
      </c>
      <c r="AZ21" s="71">
        <v>24</v>
      </c>
      <c r="BA21" s="71">
        <v>10</v>
      </c>
      <c r="BB21" s="71">
        <v>13</v>
      </c>
      <c r="BC21" s="71">
        <v>7</v>
      </c>
      <c r="BD21" s="72">
        <v>76</v>
      </c>
      <c r="BE21" s="73">
        <v>99</v>
      </c>
      <c r="BF21" s="70">
        <v>13</v>
      </c>
      <c r="BG21" s="71">
        <v>16</v>
      </c>
      <c r="BH21" s="72">
        <v>29</v>
      </c>
      <c r="BI21" s="244">
        <v>0</v>
      </c>
      <c r="BJ21" s="71">
        <v>32</v>
      </c>
      <c r="BK21" s="71">
        <v>16</v>
      </c>
      <c r="BL21" s="71">
        <v>10</v>
      </c>
      <c r="BM21" s="71">
        <v>9</v>
      </c>
      <c r="BN21" s="71">
        <v>9</v>
      </c>
      <c r="BO21" s="72">
        <v>76</v>
      </c>
      <c r="BP21" s="73">
        <v>105</v>
      </c>
      <c r="BQ21" s="70">
        <v>11</v>
      </c>
      <c r="BR21" s="71">
        <v>17</v>
      </c>
      <c r="BS21" s="72">
        <v>28</v>
      </c>
      <c r="BT21" s="244"/>
      <c r="BU21" s="71">
        <v>26</v>
      </c>
      <c r="BV21" s="71">
        <v>18</v>
      </c>
      <c r="BW21" s="71">
        <v>10</v>
      </c>
      <c r="BX21" s="71">
        <v>16</v>
      </c>
      <c r="BY21" s="71">
        <v>6</v>
      </c>
      <c r="BZ21" s="72">
        <v>76</v>
      </c>
      <c r="CA21" s="73">
        <v>104</v>
      </c>
      <c r="CB21" s="70">
        <v>0</v>
      </c>
      <c r="CC21" s="71">
        <v>0</v>
      </c>
      <c r="CD21" s="72">
        <v>0</v>
      </c>
      <c r="CE21" s="244"/>
      <c r="CF21" s="71">
        <v>0</v>
      </c>
      <c r="CG21" s="71">
        <v>0</v>
      </c>
      <c r="CH21" s="71">
        <v>0</v>
      </c>
      <c r="CI21" s="71">
        <v>0</v>
      </c>
      <c r="CJ21" s="71">
        <v>0</v>
      </c>
      <c r="CK21" s="72">
        <v>0</v>
      </c>
      <c r="CL21" s="73">
        <v>0</v>
      </c>
      <c r="CM21" s="70">
        <v>60</v>
      </c>
      <c r="CN21" s="71">
        <v>56</v>
      </c>
      <c r="CO21" s="72">
        <v>116</v>
      </c>
      <c r="CP21" s="244"/>
      <c r="CQ21" s="71">
        <v>113</v>
      </c>
      <c r="CR21" s="71">
        <v>85</v>
      </c>
      <c r="CS21" s="71">
        <v>48</v>
      </c>
      <c r="CT21" s="71">
        <v>52</v>
      </c>
      <c r="CU21" s="71">
        <v>34</v>
      </c>
      <c r="CV21" s="72">
        <v>332</v>
      </c>
      <c r="CW21" s="73">
        <v>448</v>
      </c>
      <c r="CX21" s="123">
        <v>24</v>
      </c>
      <c r="CY21" s="82">
        <v>31</v>
      </c>
      <c r="CZ21" s="83">
        <v>55</v>
      </c>
      <c r="DA21" s="241"/>
      <c r="DB21" s="82">
        <v>36</v>
      </c>
      <c r="DC21" s="82">
        <v>50</v>
      </c>
      <c r="DD21" s="82">
        <v>30</v>
      </c>
      <c r="DE21" s="82">
        <v>30</v>
      </c>
      <c r="DF21" s="82">
        <v>22</v>
      </c>
      <c r="DG21" s="84">
        <v>168</v>
      </c>
      <c r="DH21" s="85">
        <v>223</v>
      </c>
      <c r="DI21" s="70">
        <v>1</v>
      </c>
      <c r="DJ21" s="71">
        <v>2</v>
      </c>
      <c r="DK21" s="72">
        <v>3</v>
      </c>
      <c r="DL21" s="244"/>
      <c r="DM21" s="71">
        <v>1</v>
      </c>
      <c r="DN21" s="71">
        <v>0</v>
      </c>
      <c r="DO21" s="71">
        <v>1</v>
      </c>
      <c r="DP21" s="71">
        <v>0</v>
      </c>
      <c r="DQ21" s="71">
        <v>2</v>
      </c>
      <c r="DR21" s="72">
        <v>4</v>
      </c>
      <c r="DS21" s="73">
        <v>7</v>
      </c>
      <c r="DT21" s="70">
        <v>2</v>
      </c>
      <c r="DU21" s="71">
        <v>5</v>
      </c>
      <c r="DV21" s="72">
        <v>7</v>
      </c>
      <c r="DW21" s="244"/>
      <c r="DX21" s="71">
        <v>0</v>
      </c>
      <c r="DY21" s="71">
        <v>3</v>
      </c>
      <c r="DZ21" s="71">
        <v>1</v>
      </c>
      <c r="EA21" s="71">
        <v>0</v>
      </c>
      <c r="EB21" s="71">
        <v>0</v>
      </c>
      <c r="EC21" s="72">
        <v>4</v>
      </c>
      <c r="ED21" s="73">
        <v>11</v>
      </c>
      <c r="EE21" s="70">
        <v>8</v>
      </c>
      <c r="EF21" s="71">
        <v>7</v>
      </c>
      <c r="EG21" s="72">
        <v>15</v>
      </c>
      <c r="EH21" s="244"/>
      <c r="EI21" s="71">
        <v>5</v>
      </c>
      <c r="EJ21" s="71">
        <v>3</v>
      </c>
      <c r="EK21" s="71">
        <v>4</v>
      </c>
      <c r="EL21" s="71">
        <v>1</v>
      </c>
      <c r="EM21" s="71">
        <v>1</v>
      </c>
      <c r="EN21" s="72">
        <v>14</v>
      </c>
      <c r="EO21" s="73">
        <v>29</v>
      </c>
      <c r="EP21" s="70">
        <v>7</v>
      </c>
      <c r="EQ21" s="71">
        <v>4</v>
      </c>
      <c r="ER21" s="72">
        <v>11</v>
      </c>
      <c r="ES21" s="244"/>
      <c r="ET21" s="71">
        <v>8</v>
      </c>
      <c r="EU21" s="71">
        <v>10</v>
      </c>
      <c r="EV21" s="71">
        <v>5</v>
      </c>
      <c r="EW21" s="71">
        <v>5</v>
      </c>
      <c r="EX21" s="71">
        <v>4</v>
      </c>
      <c r="EY21" s="72">
        <v>32</v>
      </c>
      <c r="EZ21" s="73">
        <v>43</v>
      </c>
      <c r="FA21" s="70">
        <v>5</v>
      </c>
      <c r="FB21" s="71">
        <v>10</v>
      </c>
      <c r="FC21" s="72">
        <v>15</v>
      </c>
      <c r="FD21" s="244"/>
      <c r="FE21" s="71">
        <v>17</v>
      </c>
      <c r="FF21" s="71">
        <v>17</v>
      </c>
      <c r="FG21" s="71">
        <v>6</v>
      </c>
      <c r="FH21" s="71">
        <v>7</v>
      </c>
      <c r="FI21" s="71">
        <v>3</v>
      </c>
      <c r="FJ21" s="72">
        <v>50</v>
      </c>
      <c r="FK21" s="73">
        <v>65</v>
      </c>
      <c r="FL21" s="70">
        <v>1</v>
      </c>
      <c r="FM21" s="71">
        <v>3</v>
      </c>
      <c r="FN21" s="72">
        <v>4</v>
      </c>
      <c r="FO21" s="241"/>
      <c r="FP21" s="71">
        <v>5</v>
      </c>
      <c r="FQ21" s="71">
        <v>17</v>
      </c>
      <c r="FR21" s="71">
        <v>13</v>
      </c>
      <c r="FS21" s="71">
        <v>17</v>
      </c>
      <c r="FT21" s="71">
        <v>12</v>
      </c>
      <c r="FU21" s="72">
        <v>64</v>
      </c>
      <c r="FV21" s="73">
        <v>68</v>
      </c>
      <c r="FW21" s="70">
        <v>0</v>
      </c>
      <c r="FX21" s="71">
        <v>0</v>
      </c>
      <c r="FY21" s="72">
        <v>0</v>
      </c>
      <c r="FZ21" s="244"/>
      <c r="GA21" s="71">
        <v>0</v>
      </c>
      <c r="GB21" s="71">
        <v>0</v>
      </c>
      <c r="GC21" s="71">
        <v>0</v>
      </c>
      <c r="GD21" s="71">
        <v>0</v>
      </c>
      <c r="GE21" s="71">
        <v>0</v>
      </c>
      <c r="GF21" s="72">
        <v>0</v>
      </c>
      <c r="GG21" s="73">
        <v>0</v>
      </c>
      <c r="GH21" s="70">
        <v>24</v>
      </c>
      <c r="GI21" s="71">
        <v>31</v>
      </c>
      <c r="GJ21" s="72">
        <v>55</v>
      </c>
      <c r="GK21" s="244"/>
      <c r="GL21" s="71">
        <v>36</v>
      </c>
      <c r="GM21" s="71">
        <v>50</v>
      </c>
      <c r="GN21" s="71">
        <v>30</v>
      </c>
      <c r="GO21" s="71">
        <v>30</v>
      </c>
      <c r="GP21" s="71">
        <v>22</v>
      </c>
      <c r="GQ21" s="72">
        <v>168</v>
      </c>
      <c r="GR21" s="73">
        <v>223</v>
      </c>
      <c r="GS21" s="123">
        <v>84</v>
      </c>
      <c r="GT21" s="82">
        <v>87</v>
      </c>
      <c r="GU21" s="83">
        <v>171</v>
      </c>
      <c r="GV21" s="241"/>
      <c r="GW21" s="82">
        <v>149</v>
      </c>
      <c r="GX21" s="82">
        <v>135</v>
      </c>
      <c r="GY21" s="82">
        <v>78</v>
      </c>
      <c r="GZ21" s="82">
        <v>82</v>
      </c>
      <c r="HA21" s="82">
        <v>56</v>
      </c>
      <c r="HB21" s="84">
        <v>500</v>
      </c>
      <c r="HC21" s="85">
        <v>671</v>
      </c>
      <c r="HD21" s="70">
        <v>3</v>
      </c>
      <c r="HE21" s="71">
        <v>8</v>
      </c>
      <c r="HF21" s="72">
        <v>11</v>
      </c>
      <c r="HG21" s="244"/>
      <c r="HH21" s="71">
        <v>5</v>
      </c>
      <c r="HI21" s="71">
        <v>3</v>
      </c>
      <c r="HJ21" s="71">
        <v>6</v>
      </c>
      <c r="HK21" s="71">
        <v>3</v>
      </c>
      <c r="HL21" s="71">
        <v>2</v>
      </c>
      <c r="HM21" s="72">
        <v>19</v>
      </c>
      <c r="HN21" s="73">
        <v>30</v>
      </c>
      <c r="HO21" s="70">
        <v>13</v>
      </c>
      <c r="HP21" s="71">
        <v>9</v>
      </c>
      <c r="HQ21" s="72">
        <v>22</v>
      </c>
      <c r="HR21" s="244"/>
      <c r="HS21" s="71">
        <v>12</v>
      </c>
      <c r="HT21" s="71">
        <v>17</v>
      </c>
      <c r="HU21" s="71">
        <v>6</v>
      </c>
      <c r="HV21" s="71">
        <v>4</v>
      </c>
      <c r="HW21" s="71">
        <v>4</v>
      </c>
      <c r="HX21" s="72">
        <v>43</v>
      </c>
      <c r="HY21" s="73">
        <v>65</v>
      </c>
      <c r="HZ21" s="70">
        <v>17</v>
      </c>
      <c r="IA21" s="71">
        <v>11</v>
      </c>
      <c r="IB21" s="72">
        <v>28</v>
      </c>
      <c r="IC21" s="244"/>
      <c r="ID21" s="71">
        <v>22</v>
      </c>
      <c r="IE21" s="71">
        <v>13</v>
      </c>
      <c r="IF21" s="71">
        <v>12</v>
      </c>
      <c r="IG21" s="71">
        <v>8</v>
      </c>
      <c r="IH21" s="71">
        <v>9</v>
      </c>
      <c r="II21" s="72">
        <v>64</v>
      </c>
      <c r="IJ21" s="73">
        <v>92</v>
      </c>
      <c r="IK21" s="70">
        <v>21</v>
      </c>
      <c r="IL21" s="71">
        <v>13</v>
      </c>
      <c r="IM21" s="72">
        <v>34</v>
      </c>
      <c r="IN21" s="244"/>
      <c r="IO21" s="71">
        <v>30</v>
      </c>
      <c r="IP21" s="71">
        <v>34</v>
      </c>
      <c r="IQ21" s="71">
        <v>15</v>
      </c>
      <c r="IR21" s="71">
        <v>18</v>
      </c>
      <c r="IS21" s="71">
        <v>11</v>
      </c>
      <c r="IT21" s="72">
        <v>108</v>
      </c>
      <c r="IU21" s="73">
        <v>142</v>
      </c>
      <c r="IV21" s="70">
        <v>18</v>
      </c>
      <c r="IW21" s="71">
        <v>26</v>
      </c>
      <c r="IX21" s="72">
        <v>44</v>
      </c>
      <c r="IY21" s="244"/>
      <c r="IZ21" s="71">
        <v>49</v>
      </c>
      <c r="JA21" s="71">
        <v>33</v>
      </c>
      <c r="JB21" s="71">
        <v>16</v>
      </c>
      <c r="JC21" s="71">
        <v>16</v>
      </c>
      <c r="JD21" s="71">
        <v>12</v>
      </c>
      <c r="JE21" s="72">
        <v>126</v>
      </c>
      <c r="JF21" s="73">
        <v>170</v>
      </c>
      <c r="JG21" s="70">
        <v>12</v>
      </c>
      <c r="JH21" s="71">
        <v>20</v>
      </c>
      <c r="JI21" s="72">
        <v>32</v>
      </c>
      <c r="JJ21" s="244"/>
      <c r="JK21" s="71">
        <v>31</v>
      </c>
      <c r="JL21" s="71">
        <v>35</v>
      </c>
      <c r="JM21" s="71">
        <v>23</v>
      </c>
      <c r="JN21" s="71">
        <v>33</v>
      </c>
      <c r="JO21" s="71">
        <v>18</v>
      </c>
      <c r="JP21" s="72">
        <v>140</v>
      </c>
      <c r="JQ21" s="73">
        <v>172</v>
      </c>
      <c r="JR21" s="70">
        <v>0</v>
      </c>
      <c r="JS21" s="71">
        <v>0</v>
      </c>
      <c r="JT21" s="72">
        <v>0</v>
      </c>
      <c r="JU21" s="244"/>
      <c r="JV21" s="71">
        <v>0</v>
      </c>
      <c r="JW21" s="71">
        <v>0</v>
      </c>
      <c r="JX21" s="71">
        <v>0</v>
      </c>
      <c r="JY21" s="71">
        <v>0</v>
      </c>
      <c r="JZ21" s="71">
        <v>0</v>
      </c>
      <c r="KA21" s="72">
        <v>0</v>
      </c>
      <c r="KB21" s="73">
        <v>0</v>
      </c>
      <c r="KC21" s="70">
        <v>84</v>
      </c>
      <c r="KD21" s="71">
        <v>87</v>
      </c>
      <c r="KE21" s="72">
        <v>171</v>
      </c>
      <c r="KF21" s="244"/>
      <c r="KG21" s="71">
        <v>149</v>
      </c>
      <c r="KH21" s="71">
        <v>135</v>
      </c>
      <c r="KI21" s="71">
        <v>78</v>
      </c>
      <c r="KJ21" s="71">
        <v>82</v>
      </c>
      <c r="KK21" s="71">
        <v>56</v>
      </c>
      <c r="KL21" s="72">
        <v>500</v>
      </c>
      <c r="KM21" s="73">
        <v>671</v>
      </c>
    </row>
    <row r="22" spans="2:299" ht="19.5" customHeight="1" x14ac:dyDescent="0.2">
      <c r="B22" s="126" t="s">
        <v>19</v>
      </c>
      <c r="C22" s="316">
        <v>23</v>
      </c>
      <c r="D22" s="82">
        <v>23</v>
      </c>
      <c r="E22" s="83">
        <v>46</v>
      </c>
      <c r="F22" s="241"/>
      <c r="G22" s="82">
        <v>50</v>
      </c>
      <c r="H22" s="82">
        <v>38</v>
      </c>
      <c r="I22" s="82">
        <v>24</v>
      </c>
      <c r="J22" s="82">
        <v>12</v>
      </c>
      <c r="K22" s="82">
        <v>13</v>
      </c>
      <c r="L22" s="84">
        <v>137</v>
      </c>
      <c r="M22" s="85">
        <v>183</v>
      </c>
      <c r="N22" s="86">
        <v>2</v>
      </c>
      <c r="O22" s="71">
        <v>0</v>
      </c>
      <c r="P22" s="72">
        <v>2</v>
      </c>
      <c r="Q22" s="244"/>
      <c r="R22" s="71">
        <v>2</v>
      </c>
      <c r="S22" s="71">
        <v>0</v>
      </c>
      <c r="T22" s="71">
        <v>0</v>
      </c>
      <c r="U22" s="71">
        <v>0</v>
      </c>
      <c r="V22" s="71">
        <v>0</v>
      </c>
      <c r="W22" s="72">
        <v>2</v>
      </c>
      <c r="X22" s="73">
        <v>4</v>
      </c>
      <c r="Y22" s="70">
        <v>0</v>
      </c>
      <c r="Z22" s="71">
        <v>1</v>
      </c>
      <c r="AA22" s="72">
        <v>1</v>
      </c>
      <c r="AB22" s="244">
        <v>0</v>
      </c>
      <c r="AC22" s="71">
        <v>3</v>
      </c>
      <c r="AD22" s="71">
        <v>10</v>
      </c>
      <c r="AE22" s="71">
        <v>2</v>
      </c>
      <c r="AF22" s="71">
        <v>4</v>
      </c>
      <c r="AG22" s="71">
        <v>1</v>
      </c>
      <c r="AH22" s="72">
        <v>20</v>
      </c>
      <c r="AI22" s="73">
        <v>21</v>
      </c>
      <c r="AJ22" s="86">
        <v>5</v>
      </c>
      <c r="AK22" s="71">
        <v>1</v>
      </c>
      <c r="AL22" s="72">
        <v>6</v>
      </c>
      <c r="AM22" s="244"/>
      <c r="AN22" s="71">
        <v>5</v>
      </c>
      <c r="AO22" s="71">
        <v>3</v>
      </c>
      <c r="AP22" s="71">
        <v>1</v>
      </c>
      <c r="AQ22" s="71">
        <v>2</v>
      </c>
      <c r="AR22" s="71">
        <v>0</v>
      </c>
      <c r="AS22" s="72">
        <v>11</v>
      </c>
      <c r="AT22" s="73">
        <v>17</v>
      </c>
      <c r="AU22" s="70">
        <v>4</v>
      </c>
      <c r="AV22" s="71">
        <v>5</v>
      </c>
      <c r="AW22" s="72">
        <v>9</v>
      </c>
      <c r="AX22" s="244"/>
      <c r="AY22" s="71">
        <v>11</v>
      </c>
      <c r="AZ22" s="71">
        <v>4</v>
      </c>
      <c r="BA22" s="71">
        <v>6</v>
      </c>
      <c r="BB22" s="71">
        <v>2</v>
      </c>
      <c r="BC22" s="71">
        <v>2</v>
      </c>
      <c r="BD22" s="72">
        <v>25</v>
      </c>
      <c r="BE22" s="73">
        <v>34</v>
      </c>
      <c r="BF22" s="86">
        <v>9</v>
      </c>
      <c r="BG22" s="71">
        <v>7</v>
      </c>
      <c r="BH22" s="72">
        <v>16</v>
      </c>
      <c r="BI22" s="244">
        <v>0</v>
      </c>
      <c r="BJ22" s="71">
        <v>14</v>
      </c>
      <c r="BK22" s="71">
        <v>10</v>
      </c>
      <c r="BL22" s="71">
        <v>6</v>
      </c>
      <c r="BM22" s="71">
        <v>2</v>
      </c>
      <c r="BN22" s="71">
        <v>4</v>
      </c>
      <c r="BO22" s="72">
        <v>36</v>
      </c>
      <c r="BP22" s="73">
        <v>52</v>
      </c>
      <c r="BQ22" s="70">
        <v>3</v>
      </c>
      <c r="BR22" s="71">
        <v>9</v>
      </c>
      <c r="BS22" s="72">
        <v>12</v>
      </c>
      <c r="BT22" s="244"/>
      <c r="BU22" s="71">
        <v>15</v>
      </c>
      <c r="BV22" s="71">
        <v>11</v>
      </c>
      <c r="BW22" s="71">
        <v>9</v>
      </c>
      <c r="BX22" s="71">
        <v>2</v>
      </c>
      <c r="BY22" s="71">
        <v>6</v>
      </c>
      <c r="BZ22" s="72">
        <v>43</v>
      </c>
      <c r="CA22" s="73">
        <v>55</v>
      </c>
      <c r="CB22" s="70">
        <v>0</v>
      </c>
      <c r="CC22" s="71">
        <v>0</v>
      </c>
      <c r="CD22" s="72">
        <v>0</v>
      </c>
      <c r="CE22" s="244"/>
      <c r="CF22" s="71">
        <v>0</v>
      </c>
      <c r="CG22" s="71">
        <v>0</v>
      </c>
      <c r="CH22" s="71">
        <v>0</v>
      </c>
      <c r="CI22" s="71">
        <v>0</v>
      </c>
      <c r="CJ22" s="71">
        <v>0</v>
      </c>
      <c r="CK22" s="72">
        <v>0</v>
      </c>
      <c r="CL22" s="73">
        <v>0</v>
      </c>
      <c r="CM22" s="70">
        <v>23</v>
      </c>
      <c r="CN22" s="71">
        <v>23</v>
      </c>
      <c r="CO22" s="72">
        <v>46</v>
      </c>
      <c r="CP22" s="244"/>
      <c r="CQ22" s="71">
        <v>50</v>
      </c>
      <c r="CR22" s="71">
        <v>38</v>
      </c>
      <c r="CS22" s="71">
        <v>24</v>
      </c>
      <c r="CT22" s="71">
        <v>12</v>
      </c>
      <c r="CU22" s="71">
        <v>13</v>
      </c>
      <c r="CV22" s="72">
        <v>137</v>
      </c>
      <c r="CW22" s="73">
        <v>183</v>
      </c>
      <c r="CX22" s="123">
        <v>9</v>
      </c>
      <c r="CY22" s="82">
        <v>13</v>
      </c>
      <c r="CZ22" s="83">
        <v>22</v>
      </c>
      <c r="DA22" s="241"/>
      <c r="DB22" s="82">
        <v>15</v>
      </c>
      <c r="DC22" s="82">
        <v>12</v>
      </c>
      <c r="DD22" s="82">
        <v>9</v>
      </c>
      <c r="DE22" s="82">
        <v>10</v>
      </c>
      <c r="DF22" s="82">
        <v>5</v>
      </c>
      <c r="DG22" s="84">
        <v>51</v>
      </c>
      <c r="DH22" s="85">
        <v>73</v>
      </c>
      <c r="DI22" s="86">
        <v>0</v>
      </c>
      <c r="DJ22" s="71">
        <v>0</v>
      </c>
      <c r="DK22" s="72">
        <v>0</v>
      </c>
      <c r="DL22" s="244"/>
      <c r="DM22" s="71">
        <v>1</v>
      </c>
      <c r="DN22" s="71">
        <v>1</v>
      </c>
      <c r="DO22" s="71">
        <v>2</v>
      </c>
      <c r="DP22" s="71">
        <v>0</v>
      </c>
      <c r="DQ22" s="71">
        <v>0</v>
      </c>
      <c r="DR22" s="72">
        <v>4</v>
      </c>
      <c r="DS22" s="73">
        <v>4</v>
      </c>
      <c r="DT22" s="70">
        <v>1</v>
      </c>
      <c r="DU22" s="71">
        <v>0</v>
      </c>
      <c r="DV22" s="72">
        <v>1</v>
      </c>
      <c r="DW22" s="244"/>
      <c r="DX22" s="71">
        <v>2</v>
      </c>
      <c r="DY22" s="71">
        <v>1</v>
      </c>
      <c r="DZ22" s="71">
        <v>0</v>
      </c>
      <c r="EA22" s="71">
        <v>0</v>
      </c>
      <c r="EB22" s="71">
        <v>0</v>
      </c>
      <c r="EC22" s="72">
        <v>3</v>
      </c>
      <c r="ED22" s="73">
        <v>4</v>
      </c>
      <c r="EE22" s="86">
        <v>2</v>
      </c>
      <c r="EF22" s="71">
        <v>2</v>
      </c>
      <c r="EG22" s="72">
        <v>4</v>
      </c>
      <c r="EH22" s="244"/>
      <c r="EI22" s="71">
        <v>1</v>
      </c>
      <c r="EJ22" s="71">
        <v>1</v>
      </c>
      <c r="EK22" s="71">
        <v>0</v>
      </c>
      <c r="EL22" s="71">
        <v>1</v>
      </c>
      <c r="EM22" s="71">
        <v>1</v>
      </c>
      <c r="EN22" s="72">
        <v>4</v>
      </c>
      <c r="EO22" s="73">
        <v>8</v>
      </c>
      <c r="EP22" s="70">
        <v>1</v>
      </c>
      <c r="EQ22" s="71">
        <v>4</v>
      </c>
      <c r="ER22" s="72">
        <v>5</v>
      </c>
      <c r="ES22" s="244"/>
      <c r="ET22" s="71">
        <v>4</v>
      </c>
      <c r="EU22" s="71">
        <v>4</v>
      </c>
      <c r="EV22" s="71">
        <v>1</v>
      </c>
      <c r="EW22" s="71">
        <v>2</v>
      </c>
      <c r="EX22" s="71">
        <v>1</v>
      </c>
      <c r="EY22" s="72">
        <v>12</v>
      </c>
      <c r="EZ22" s="73">
        <v>17</v>
      </c>
      <c r="FA22" s="86">
        <v>1</v>
      </c>
      <c r="FB22" s="71">
        <v>2</v>
      </c>
      <c r="FC22" s="72">
        <v>3</v>
      </c>
      <c r="FD22" s="244"/>
      <c r="FE22" s="71">
        <v>0</v>
      </c>
      <c r="FF22" s="71">
        <v>4</v>
      </c>
      <c r="FG22" s="71">
        <v>4</v>
      </c>
      <c r="FH22" s="71">
        <v>3</v>
      </c>
      <c r="FI22" s="71">
        <v>1</v>
      </c>
      <c r="FJ22" s="72">
        <v>12</v>
      </c>
      <c r="FK22" s="73">
        <v>15</v>
      </c>
      <c r="FL22" s="70">
        <v>4</v>
      </c>
      <c r="FM22" s="71">
        <v>5</v>
      </c>
      <c r="FN22" s="72">
        <v>9</v>
      </c>
      <c r="FO22" s="241"/>
      <c r="FP22" s="71">
        <v>7</v>
      </c>
      <c r="FQ22" s="71">
        <v>1</v>
      </c>
      <c r="FR22" s="71">
        <v>2</v>
      </c>
      <c r="FS22" s="71">
        <v>4</v>
      </c>
      <c r="FT22" s="71">
        <v>2</v>
      </c>
      <c r="FU22" s="72">
        <v>16</v>
      </c>
      <c r="FV22" s="73">
        <v>25</v>
      </c>
      <c r="FW22" s="70">
        <v>0</v>
      </c>
      <c r="FX22" s="71">
        <v>0</v>
      </c>
      <c r="FY22" s="72">
        <v>0</v>
      </c>
      <c r="FZ22" s="244"/>
      <c r="GA22" s="71">
        <v>0</v>
      </c>
      <c r="GB22" s="71">
        <v>0</v>
      </c>
      <c r="GC22" s="71">
        <v>0</v>
      </c>
      <c r="GD22" s="71">
        <v>0</v>
      </c>
      <c r="GE22" s="71">
        <v>0</v>
      </c>
      <c r="GF22" s="72">
        <v>0</v>
      </c>
      <c r="GG22" s="73">
        <v>0</v>
      </c>
      <c r="GH22" s="70">
        <v>9</v>
      </c>
      <c r="GI22" s="71">
        <v>13</v>
      </c>
      <c r="GJ22" s="72">
        <v>22</v>
      </c>
      <c r="GK22" s="244"/>
      <c r="GL22" s="71">
        <v>15</v>
      </c>
      <c r="GM22" s="71">
        <v>12</v>
      </c>
      <c r="GN22" s="71">
        <v>9</v>
      </c>
      <c r="GO22" s="71">
        <v>10</v>
      </c>
      <c r="GP22" s="71">
        <v>5</v>
      </c>
      <c r="GQ22" s="72">
        <v>51</v>
      </c>
      <c r="GR22" s="73">
        <v>73</v>
      </c>
      <c r="GS22" s="123">
        <v>32</v>
      </c>
      <c r="GT22" s="82">
        <v>36</v>
      </c>
      <c r="GU22" s="83">
        <v>68</v>
      </c>
      <c r="GV22" s="241"/>
      <c r="GW22" s="82">
        <v>65</v>
      </c>
      <c r="GX22" s="82">
        <v>50</v>
      </c>
      <c r="GY22" s="82">
        <v>33</v>
      </c>
      <c r="GZ22" s="82">
        <v>22</v>
      </c>
      <c r="HA22" s="82">
        <v>18</v>
      </c>
      <c r="HB22" s="84">
        <v>188</v>
      </c>
      <c r="HC22" s="85">
        <v>256</v>
      </c>
      <c r="HD22" s="86">
        <v>2</v>
      </c>
      <c r="HE22" s="71">
        <v>0</v>
      </c>
      <c r="HF22" s="72">
        <v>2</v>
      </c>
      <c r="HG22" s="244"/>
      <c r="HH22" s="71">
        <v>3</v>
      </c>
      <c r="HI22" s="71">
        <v>1</v>
      </c>
      <c r="HJ22" s="71">
        <v>2</v>
      </c>
      <c r="HK22" s="71">
        <v>0</v>
      </c>
      <c r="HL22" s="71">
        <v>0</v>
      </c>
      <c r="HM22" s="72">
        <v>6</v>
      </c>
      <c r="HN22" s="73">
        <v>8</v>
      </c>
      <c r="HO22" s="70">
        <v>1</v>
      </c>
      <c r="HP22" s="71">
        <v>1</v>
      </c>
      <c r="HQ22" s="72">
        <v>2</v>
      </c>
      <c r="HR22" s="244"/>
      <c r="HS22" s="71">
        <v>5</v>
      </c>
      <c r="HT22" s="71">
        <v>11</v>
      </c>
      <c r="HU22" s="71">
        <v>2</v>
      </c>
      <c r="HV22" s="71">
        <v>4</v>
      </c>
      <c r="HW22" s="71">
        <v>1</v>
      </c>
      <c r="HX22" s="72">
        <v>23</v>
      </c>
      <c r="HY22" s="73">
        <v>25</v>
      </c>
      <c r="HZ22" s="86">
        <v>7</v>
      </c>
      <c r="IA22" s="71">
        <v>3</v>
      </c>
      <c r="IB22" s="72">
        <v>10</v>
      </c>
      <c r="IC22" s="244"/>
      <c r="ID22" s="71">
        <v>6</v>
      </c>
      <c r="IE22" s="71">
        <v>4</v>
      </c>
      <c r="IF22" s="71">
        <v>1</v>
      </c>
      <c r="IG22" s="71">
        <v>3</v>
      </c>
      <c r="IH22" s="71">
        <v>1</v>
      </c>
      <c r="II22" s="72">
        <v>15</v>
      </c>
      <c r="IJ22" s="73">
        <v>25</v>
      </c>
      <c r="IK22" s="70">
        <v>5</v>
      </c>
      <c r="IL22" s="71">
        <v>9</v>
      </c>
      <c r="IM22" s="72">
        <v>14</v>
      </c>
      <c r="IN22" s="244"/>
      <c r="IO22" s="71">
        <v>15</v>
      </c>
      <c r="IP22" s="71">
        <v>8</v>
      </c>
      <c r="IQ22" s="71">
        <v>7</v>
      </c>
      <c r="IR22" s="71">
        <v>4</v>
      </c>
      <c r="IS22" s="71">
        <v>3</v>
      </c>
      <c r="IT22" s="72">
        <v>37</v>
      </c>
      <c r="IU22" s="73">
        <v>51</v>
      </c>
      <c r="IV22" s="86">
        <v>10</v>
      </c>
      <c r="IW22" s="71">
        <v>9</v>
      </c>
      <c r="IX22" s="72">
        <v>19</v>
      </c>
      <c r="IY22" s="244"/>
      <c r="IZ22" s="71">
        <v>14</v>
      </c>
      <c r="JA22" s="71">
        <v>14</v>
      </c>
      <c r="JB22" s="71">
        <v>10</v>
      </c>
      <c r="JC22" s="71">
        <v>5</v>
      </c>
      <c r="JD22" s="71">
        <v>5</v>
      </c>
      <c r="JE22" s="72">
        <v>48</v>
      </c>
      <c r="JF22" s="73">
        <v>67</v>
      </c>
      <c r="JG22" s="70">
        <v>7</v>
      </c>
      <c r="JH22" s="71">
        <v>14</v>
      </c>
      <c r="JI22" s="72">
        <v>21</v>
      </c>
      <c r="JJ22" s="244"/>
      <c r="JK22" s="71">
        <v>22</v>
      </c>
      <c r="JL22" s="71">
        <v>12</v>
      </c>
      <c r="JM22" s="71">
        <v>11</v>
      </c>
      <c r="JN22" s="71">
        <v>6</v>
      </c>
      <c r="JO22" s="71">
        <v>8</v>
      </c>
      <c r="JP22" s="72">
        <v>59</v>
      </c>
      <c r="JQ22" s="73">
        <v>80</v>
      </c>
      <c r="JR22" s="70">
        <v>0</v>
      </c>
      <c r="JS22" s="71">
        <v>0</v>
      </c>
      <c r="JT22" s="72">
        <v>0</v>
      </c>
      <c r="JU22" s="244"/>
      <c r="JV22" s="71">
        <v>0</v>
      </c>
      <c r="JW22" s="71">
        <v>0</v>
      </c>
      <c r="JX22" s="71">
        <v>0</v>
      </c>
      <c r="JY22" s="71">
        <v>0</v>
      </c>
      <c r="JZ22" s="71">
        <v>0</v>
      </c>
      <c r="KA22" s="72">
        <v>0</v>
      </c>
      <c r="KB22" s="73">
        <v>0</v>
      </c>
      <c r="KC22" s="70">
        <v>32</v>
      </c>
      <c r="KD22" s="71">
        <v>36</v>
      </c>
      <c r="KE22" s="72">
        <v>68</v>
      </c>
      <c r="KF22" s="244"/>
      <c r="KG22" s="71">
        <v>65</v>
      </c>
      <c r="KH22" s="71">
        <v>50</v>
      </c>
      <c r="KI22" s="71">
        <v>33</v>
      </c>
      <c r="KJ22" s="71">
        <v>22</v>
      </c>
      <c r="KK22" s="71">
        <v>18</v>
      </c>
      <c r="KL22" s="72">
        <v>188</v>
      </c>
      <c r="KM22" s="73">
        <v>256</v>
      </c>
    </row>
    <row r="23" spans="2:299" ht="19.5" customHeight="1" x14ac:dyDescent="0.2">
      <c r="B23" s="126" t="s">
        <v>20</v>
      </c>
      <c r="C23" s="316">
        <v>32</v>
      </c>
      <c r="D23" s="82">
        <v>44</v>
      </c>
      <c r="E23" s="83">
        <v>76</v>
      </c>
      <c r="F23" s="241"/>
      <c r="G23" s="82">
        <v>67</v>
      </c>
      <c r="H23" s="82">
        <v>41</v>
      </c>
      <c r="I23" s="82">
        <v>33</v>
      </c>
      <c r="J23" s="82">
        <v>23</v>
      </c>
      <c r="K23" s="82">
        <v>14</v>
      </c>
      <c r="L23" s="84">
        <v>178</v>
      </c>
      <c r="M23" s="85">
        <v>254</v>
      </c>
      <c r="N23" s="70">
        <v>2</v>
      </c>
      <c r="O23" s="71">
        <v>0</v>
      </c>
      <c r="P23" s="72">
        <v>2</v>
      </c>
      <c r="Q23" s="244"/>
      <c r="R23" s="71">
        <v>4</v>
      </c>
      <c r="S23" s="71">
        <v>2</v>
      </c>
      <c r="T23" s="71">
        <v>1</v>
      </c>
      <c r="U23" s="71">
        <v>1</v>
      </c>
      <c r="V23" s="71">
        <v>0</v>
      </c>
      <c r="W23" s="72">
        <v>8</v>
      </c>
      <c r="X23" s="73">
        <v>10</v>
      </c>
      <c r="Y23" s="70">
        <v>6</v>
      </c>
      <c r="Z23" s="71">
        <v>1</v>
      </c>
      <c r="AA23" s="72">
        <v>7</v>
      </c>
      <c r="AB23" s="244">
        <v>0</v>
      </c>
      <c r="AC23" s="71">
        <v>15</v>
      </c>
      <c r="AD23" s="71">
        <v>7</v>
      </c>
      <c r="AE23" s="71">
        <v>6</v>
      </c>
      <c r="AF23" s="71">
        <v>2</v>
      </c>
      <c r="AG23" s="71">
        <v>0</v>
      </c>
      <c r="AH23" s="72">
        <v>30</v>
      </c>
      <c r="AI23" s="73">
        <v>37</v>
      </c>
      <c r="AJ23" s="70">
        <v>5</v>
      </c>
      <c r="AK23" s="71">
        <v>5</v>
      </c>
      <c r="AL23" s="72">
        <v>10</v>
      </c>
      <c r="AM23" s="244"/>
      <c r="AN23" s="71">
        <v>6</v>
      </c>
      <c r="AO23" s="71">
        <v>7</v>
      </c>
      <c r="AP23" s="71">
        <v>7</v>
      </c>
      <c r="AQ23" s="71">
        <v>4</v>
      </c>
      <c r="AR23" s="71">
        <v>3</v>
      </c>
      <c r="AS23" s="72">
        <v>27</v>
      </c>
      <c r="AT23" s="73">
        <v>37</v>
      </c>
      <c r="AU23" s="70">
        <v>4</v>
      </c>
      <c r="AV23" s="71">
        <v>19</v>
      </c>
      <c r="AW23" s="72">
        <v>23</v>
      </c>
      <c r="AX23" s="244"/>
      <c r="AY23" s="71">
        <v>19</v>
      </c>
      <c r="AZ23" s="71">
        <v>11</v>
      </c>
      <c r="BA23" s="71">
        <v>9</v>
      </c>
      <c r="BB23" s="71">
        <v>7</v>
      </c>
      <c r="BC23" s="71">
        <v>6</v>
      </c>
      <c r="BD23" s="72">
        <v>52</v>
      </c>
      <c r="BE23" s="73">
        <v>75</v>
      </c>
      <c r="BF23" s="70">
        <v>5</v>
      </c>
      <c r="BG23" s="71">
        <v>13</v>
      </c>
      <c r="BH23" s="72">
        <v>18</v>
      </c>
      <c r="BI23" s="244">
        <v>0</v>
      </c>
      <c r="BJ23" s="71">
        <v>11</v>
      </c>
      <c r="BK23" s="71">
        <v>8</v>
      </c>
      <c r="BL23" s="71">
        <v>4</v>
      </c>
      <c r="BM23" s="71">
        <v>7</v>
      </c>
      <c r="BN23" s="71">
        <v>2</v>
      </c>
      <c r="BO23" s="72">
        <v>32</v>
      </c>
      <c r="BP23" s="73">
        <v>50</v>
      </c>
      <c r="BQ23" s="70">
        <v>10</v>
      </c>
      <c r="BR23" s="71">
        <v>6</v>
      </c>
      <c r="BS23" s="72">
        <v>16</v>
      </c>
      <c r="BT23" s="244"/>
      <c r="BU23" s="71">
        <v>12</v>
      </c>
      <c r="BV23" s="71">
        <v>6</v>
      </c>
      <c r="BW23" s="71">
        <v>6</v>
      </c>
      <c r="BX23" s="71">
        <v>2</v>
      </c>
      <c r="BY23" s="71">
        <v>3</v>
      </c>
      <c r="BZ23" s="72">
        <v>29</v>
      </c>
      <c r="CA23" s="73">
        <v>45</v>
      </c>
      <c r="CB23" s="70">
        <v>0</v>
      </c>
      <c r="CC23" s="71">
        <v>0</v>
      </c>
      <c r="CD23" s="72">
        <v>0</v>
      </c>
      <c r="CE23" s="244"/>
      <c r="CF23" s="71">
        <v>0</v>
      </c>
      <c r="CG23" s="71">
        <v>0</v>
      </c>
      <c r="CH23" s="71">
        <v>0</v>
      </c>
      <c r="CI23" s="71">
        <v>0</v>
      </c>
      <c r="CJ23" s="71">
        <v>0</v>
      </c>
      <c r="CK23" s="72">
        <v>0</v>
      </c>
      <c r="CL23" s="73">
        <v>0</v>
      </c>
      <c r="CM23" s="70">
        <v>32</v>
      </c>
      <c r="CN23" s="71">
        <v>44</v>
      </c>
      <c r="CO23" s="72">
        <v>76</v>
      </c>
      <c r="CP23" s="244"/>
      <c r="CQ23" s="71">
        <v>67</v>
      </c>
      <c r="CR23" s="71">
        <v>41</v>
      </c>
      <c r="CS23" s="71">
        <v>33</v>
      </c>
      <c r="CT23" s="71">
        <v>23</v>
      </c>
      <c r="CU23" s="71">
        <v>14</v>
      </c>
      <c r="CV23" s="72">
        <v>178</v>
      </c>
      <c r="CW23" s="73">
        <v>254</v>
      </c>
      <c r="CX23" s="123">
        <v>13</v>
      </c>
      <c r="CY23" s="82">
        <v>24</v>
      </c>
      <c r="CZ23" s="83">
        <v>37</v>
      </c>
      <c r="DA23" s="241"/>
      <c r="DB23" s="82">
        <v>26</v>
      </c>
      <c r="DC23" s="82">
        <v>14</v>
      </c>
      <c r="DD23" s="82">
        <v>9</v>
      </c>
      <c r="DE23" s="82">
        <v>12</v>
      </c>
      <c r="DF23" s="82">
        <v>7</v>
      </c>
      <c r="DG23" s="84">
        <v>68</v>
      </c>
      <c r="DH23" s="85">
        <v>105</v>
      </c>
      <c r="DI23" s="70">
        <v>1</v>
      </c>
      <c r="DJ23" s="71">
        <v>0</v>
      </c>
      <c r="DK23" s="72">
        <v>1</v>
      </c>
      <c r="DL23" s="244"/>
      <c r="DM23" s="71">
        <v>0</v>
      </c>
      <c r="DN23" s="71">
        <v>0</v>
      </c>
      <c r="DO23" s="71">
        <v>0</v>
      </c>
      <c r="DP23" s="71">
        <v>1</v>
      </c>
      <c r="DQ23" s="71">
        <v>0</v>
      </c>
      <c r="DR23" s="72">
        <v>1</v>
      </c>
      <c r="DS23" s="73">
        <v>2</v>
      </c>
      <c r="DT23" s="70">
        <v>1</v>
      </c>
      <c r="DU23" s="71">
        <v>1</v>
      </c>
      <c r="DV23" s="72">
        <v>2</v>
      </c>
      <c r="DW23" s="244"/>
      <c r="DX23" s="71">
        <v>0</v>
      </c>
      <c r="DY23" s="71">
        <v>0</v>
      </c>
      <c r="DZ23" s="71">
        <v>1</v>
      </c>
      <c r="EA23" s="71">
        <v>0</v>
      </c>
      <c r="EB23" s="71">
        <v>0</v>
      </c>
      <c r="EC23" s="72">
        <v>1</v>
      </c>
      <c r="ED23" s="73">
        <v>3</v>
      </c>
      <c r="EE23" s="70">
        <v>2</v>
      </c>
      <c r="EF23" s="71">
        <v>3</v>
      </c>
      <c r="EG23" s="72">
        <v>5</v>
      </c>
      <c r="EH23" s="244"/>
      <c r="EI23" s="71">
        <v>4</v>
      </c>
      <c r="EJ23" s="71">
        <v>2</v>
      </c>
      <c r="EK23" s="71">
        <v>1</v>
      </c>
      <c r="EL23" s="71">
        <v>0</v>
      </c>
      <c r="EM23" s="71">
        <v>2</v>
      </c>
      <c r="EN23" s="72">
        <v>9</v>
      </c>
      <c r="EO23" s="73">
        <v>14</v>
      </c>
      <c r="EP23" s="70">
        <v>1</v>
      </c>
      <c r="EQ23" s="71">
        <v>8</v>
      </c>
      <c r="ER23" s="72">
        <v>9</v>
      </c>
      <c r="ES23" s="244"/>
      <c r="ET23" s="71">
        <v>4</v>
      </c>
      <c r="EU23" s="71">
        <v>3</v>
      </c>
      <c r="EV23" s="71">
        <v>0</v>
      </c>
      <c r="EW23" s="71">
        <v>1</v>
      </c>
      <c r="EX23" s="71">
        <v>3</v>
      </c>
      <c r="EY23" s="72">
        <v>11</v>
      </c>
      <c r="EZ23" s="73">
        <v>20</v>
      </c>
      <c r="FA23" s="70">
        <v>4</v>
      </c>
      <c r="FB23" s="71">
        <v>6</v>
      </c>
      <c r="FC23" s="72">
        <v>10</v>
      </c>
      <c r="FD23" s="244"/>
      <c r="FE23" s="71">
        <v>7</v>
      </c>
      <c r="FF23" s="71">
        <v>3</v>
      </c>
      <c r="FG23" s="71">
        <v>3</v>
      </c>
      <c r="FH23" s="71">
        <v>3</v>
      </c>
      <c r="FI23" s="71">
        <v>1</v>
      </c>
      <c r="FJ23" s="72">
        <v>17</v>
      </c>
      <c r="FK23" s="73">
        <v>27</v>
      </c>
      <c r="FL23" s="70">
        <v>4</v>
      </c>
      <c r="FM23" s="71">
        <v>6</v>
      </c>
      <c r="FN23" s="72">
        <v>10</v>
      </c>
      <c r="FO23" s="241"/>
      <c r="FP23" s="71">
        <v>11</v>
      </c>
      <c r="FQ23" s="71">
        <v>6</v>
      </c>
      <c r="FR23" s="71">
        <v>4</v>
      </c>
      <c r="FS23" s="71">
        <v>7</v>
      </c>
      <c r="FT23" s="71">
        <v>1</v>
      </c>
      <c r="FU23" s="72">
        <v>29</v>
      </c>
      <c r="FV23" s="73">
        <v>39</v>
      </c>
      <c r="FW23" s="70">
        <v>0</v>
      </c>
      <c r="FX23" s="71">
        <v>0</v>
      </c>
      <c r="FY23" s="72">
        <v>0</v>
      </c>
      <c r="FZ23" s="244"/>
      <c r="GA23" s="71">
        <v>0</v>
      </c>
      <c r="GB23" s="71">
        <v>0</v>
      </c>
      <c r="GC23" s="71">
        <v>0</v>
      </c>
      <c r="GD23" s="71">
        <v>0</v>
      </c>
      <c r="GE23" s="71">
        <v>0</v>
      </c>
      <c r="GF23" s="72">
        <v>0</v>
      </c>
      <c r="GG23" s="73">
        <v>0</v>
      </c>
      <c r="GH23" s="70">
        <v>13</v>
      </c>
      <c r="GI23" s="71">
        <v>24</v>
      </c>
      <c r="GJ23" s="72">
        <v>37</v>
      </c>
      <c r="GK23" s="244"/>
      <c r="GL23" s="71">
        <v>26</v>
      </c>
      <c r="GM23" s="71">
        <v>14</v>
      </c>
      <c r="GN23" s="71">
        <v>9</v>
      </c>
      <c r="GO23" s="71">
        <v>12</v>
      </c>
      <c r="GP23" s="71">
        <v>7</v>
      </c>
      <c r="GQ23" s="72">
        <v>68</v>
      </c>
      <c r="GR23" s="73">
        <v>105</v>
      </c>
      <c r="GS23" s="123">
        <v>45</v>
      </c>
      <c r="GT23" s="82">
        <v>68</v>
      </c>
      <c r="GU23" s="83">
        <v>113</v>
      </c>
      <c r="GV23" s="241"/>
      <c r="GW23" s="82">
        <v>93</v>
      </c>
      <c r="GX23" s="82">
        <v>55</v>
      </c>
      <c r="GY23" s="82">
        <v>42</v>
      </c>
      <c r="GZ23" s="82">
        <v>35</v>
      </c>
      <c r="HA23" s="82">
        <v>21</v>
      </c>
      <c r="HB23" s="84">
        <v>246</v>
      </c>
      <c r="HC23" s="85">
        <v>359</v>
      </c>
      <c r="HD23" s="70">
        <v>3</v>
      </c>
      <c r="HE23" s="71">
        <v>0</v>
      </c>
      <c r="HF23" s="72">
        <v>3</v>
      </c>
      <c r="HG23" s="244"/>
      <c r="HH23" s="71">
        <v>4</v>
      </c>
      <c r="HI23" s="71">
        <v>2</v>
      </c>
      <c r="HJ23" s="71">
        <v>1</v>
      </c>
      <c r="HK23" s="71">
        <v>2</v>
      </c>
      <c r="HL23" s="71">
        <v>0</v>
      </c>
      <c r="HM23" s="72">
        <v>9</v>
      </c>
      <c r="HN23" s="73">
        <v>12</v>
      </c>
      <c r="HO23" s="70">
        <v>7</v>
      </c>
      <c r="HP23" s="71">
        <v>2</v>
      </c>
      <c r="HQ23" s="72">
        <v>9</v>
      </c>
      <c r="HR23" s="244"/>
      <c r="HS23" s="71">
        <v>15</v>
      </c>
      <c r="HT23" s="71">
        <v>7</v>
      </c>
      <c r="HU23" s="71">
        <v>7</v>
      </c>
      <c r="HV23" s="71">
        <v>2</v>
      </c>
      <c r="HW23" s="71">
        <v>0</v>
      </c>
      <c r="HX23" s="72">
        <v>31</v>
      </c>
      <c r="HY23" s="73">
        <v>40</v>
      </c>
      <c r="HZ23" s="70">
        <v>7</v>
      </c>
      <c r="IA23" s="71">
        <v>8</v>
      </c>
      <c r="IB23" s="72">
        <v>15</v>
      </c>
      <c r="IC23" s="244"/>
      <c r="ID23" s="71">
        <v>10</v>
      </c>
      <c r="IE23" s="71">
        <v>9</v>
      </c>
      <c r="IF23" s="71">
        <v>8</v>
      </c>
      <c r="IG23" s="71">
        <v>4</v>
      </c>
      <c r="IH23" s="71">
        <v>5</v>
      </c>
      <c r="II23" s="72">
        <v>36</v>
      </c>
      <c r="IJ23" s="73">
        <v>51</v>
      </c>
      <c r="IK23" s="70">
        <v>5</v>
      </c>
      <c r="IL23" s="71">
        <v>27</v>
      </c>
      <c r="IM23" s="72">
        <v>32</v>
      </c>
      <c r="IN23" s="244"/>
      <c r="IO23" s="71">
        <v>23</v>
      </c>
      <c r="IP23" s="71">
        <v>14</v>
      </c>
      <c r="IQ23" s="71">
        <v>9</v>
      </c>
      <c r="IR23" s="71">
        <v>8</v>
      </c>
      <c r="IS23" s="71">
        <v>9</v>
      </c>
      <c r="IT23" s="72">
        <v>63</v>
      </c>
      <c r="IU23" s="73">
        <v>95</v>
      </c>
      <c r="IV23" s="70">
        <v>9</v>
      </c>
      <c r="IW23" s="71">
        <v>19</v>
      </c>
      <c r="IX23" s="72">
        <v>28</v>
      </c>
      <c r="IY23" s="244"/>
      <c r="IZ23" s="71">
        <v>18</v>
      </c>
      <c r="JA23" s="71">
        <v>11</v>
      </c>
      <c r="JB23" s="71">
        <v>7</v>
      </c>
      <c r="JC23" s="71">
        <v>10</v>
      </c>
      <c r="JD23" s="71">
        <v>3</v>
      </c>
      <c r="JE23" s="72">
        <v>49</v>
      </c>
      <c r="JF23" s="73">
        <v>77</v>
      </c>
      <c r="JG23" s="70">
        <v>14</v>
      </c>
      <c r="JH23" s="71">
        <v>12</v>
      </c>
      <c r="JI23" s="72">
        <v>26</v>
      </c>
      <c r="JJ23" s="244"/>
      <c r="JK23" s="71">
        <v>23</v>
      </c>
      <c r="JL23" s="71">
        <v>12</v>
      </c>
      <c r="JM23" s="71">
        <v>10</v>
      </c>
      <c r="JN23" s="71">
        <v>9</v>
      </c>
      <c r="JO23" s="71">
        <v>4</v>
      </c>
      <c r="JP23" s="72">
        <v>58</v>
      </c>
      <c r="JQ23" s="73">
        <v>84</v>
      </c>
      <c r="JR23" s="70">
        <v>0</v>
      </c>
      <c r="JS23" s="71">
        <v>0</v>
      </c>
      <c r="JT23" s="72">
        <v>0</v>
      </c>
      <c r="JU23" s="244"/>
      <c r="JV23" s="71">
        <v>0</v>
      </c>
      <c r="JW23" s="71">
        <v>0</v>
      </c>
      <c r="JX23" s="71">
        <v>0</v>
      </c>
      <c r="JY23" s="71">
        <v>0</v>
      </c>
      <c r="JZ23" s="71">
        <v>0</v>
      </c>
      <c r="KA23" s="72">
        <v>0</v>
      </c>
      <c r="KB23" s="73">
        <v>0</v>
      </c>
      <c r="KC23" s="70">
        <v>45</v>
      </c>
      <c r="KD23" s="71">
        <v>68</v>
      </c>
      <c r="KE23" s="72">
        <v>113</v>
      </c>
      <c r="KF23" s="244"/>
      <c r="KG23" s="71">
        <v>93</v>
      </c>
      <c r="KH23" s="71">
        <v>55</v>
      </c>
      <c r="KI23" s="71">
        <v>42</v>
      </c>
      <c r="KJ23" s="71">
        <v>35</v>
      </c>
      <c r="KK23" s="71">
        <v>21</v>
      </c>
      <c r="KL23" s="72">
        <v>246</v>
      </c>
      <c r="KM23" s="73">
        <v>359</v>
      </c>
    </row>
    <row r="24" spans="2:299" ht="19.5" customHeight="1" x14ac:dyDescent="0.2">
      <c r="B24" s="126" t="s">
        <v>21</v>
      </c>
      <c r="C24" s="316">
        <v>38</v>
      </c>
      <c r="D24" s="82">
        <v>26</v>
      </c>
      <c r="E24" s="83">
        <v>64</v>
      </c>
      <c r="F24" s="241"/>
      <c r="G24" s="82">
        <v>55</v>
      </c>
      <c r="H24" s="82">
        <v>37</v>
      </c>
      <c r="I24" s="82">
        <v>21</v>
      </c>
      <c r="J24" s="82">
        <v>17</v>
      </c>
      <c r="K24" s="82">
        <v>10</v>
      </c>
      <c r="L24" s="84">
        <v>140</v>
      </c>
      <c r="M24" s="85">
        <v>204</v>
      </c>
      <c r="N24" s="70">
        <v>2</v>
      </c>
      <c r="O24" s="71">
        <v>3</v>
      </c>
      <c r="P24" s="72">
        <v>5</v>
      </c>
      <c r="Q24" s="244"/>
      <c r="R24" s="71">
        <v>1</v>
      </c>
      <c r="S24" s="71">
        <v>2</v>
      </c>
      <c r="T24" s="71">
        <v>1</v>
      </c>
      <c r="U24" s="71">
        <v>2</v>
      </c>
      <c r="V24" s="71">
        <v>0</v>
      </c>
      <c r="W24" s="72">
        <v>6</v>
      </c>
      <c r="X24" s="73">
        <v>11</v>
      </c>
      <c r="Y24" s="70">
        <v>3</v>
      </c>
      <c r="Z24" s="71">
        <v>3</v>
      </c>
      <c r="AA24" s="72">
        <v>6</v>
      </c>
      <c r="AB24" s="244">
        <v>0</v>
      </c>
      <c r="AC24" s="71">
        <v>4</v>
      </c>
      <c r="AD24" s="71">
        <v>4</v>
      </c>
      <c r="AE24" s="71">
        <v>2</v>
      </c>
      <c r="AF24" s="71">
        <v>0</v>
      </c>
      <c r="AG24" s="71">
        <v>2</v>
      </c>
      <c r="AH24" s="72">
        <v>12</v>
      </c>
      <c r="AI24" s="73">
        <v>18</v>
      </c>
      <c r="AJ24" s="70">
        <v>5</v>
      </c>
      <c r="AK24" s="71">
        <v>2</v>
      </c>
      <c r="AL24" s="72">
        <v>7</v>
      </c>
      <c r="AM24" s="244"/>
      <c r="AN24" s="71">
        <v>12</v>
      </c>
      <c r="AO24" s="71">
        <v>6</v>
      </c>
      <c r="AP24" s="71">
        <v>4</v>
      </c>
      <c r="AQ24" s="71">
        <v>3</v>
      </c>
      <c r="AR24" s="71">
        <v>0</v>
      </c>
      <c r="AS24" s="72">
        <v>25</v>
      </c>
      <c r="AT24" s="73">
        <v>32</v>
      </c>
      <c r="AU24" s="70">
        <v>8</v>
      </c>
      <c r="AV24" s="71">
        <v>6</v>
      </c>
      <c r="AW24" s="72">
        <v>14</v>
      </c>
      <c r="AX24" s="244"/>
      <c r="AY24" s="71">
        <v>12</v>
      </c>
      <c r="AZ24" s="71">
        <v>9</v>
      </c>
      <c r="BA24" s="71">
        <v>2</v>
      </c>
      <c r="BB24" s="71">
        <v>2</v>
      </c>
      <c r="BC24" s="71">
        <v>3</v>
      </c>
      <c r="BD24" s="72">
        <v>28</v>
      </c>
      <c r="BE24" s="73">
        <v>42</v>
      </c>
      <c r="BF24" s="70">
        <v>12</v>
      </c>
      <c r="BG24" s="71">
        <v>6</v>
      </c>
      <c r="BH24" s="72">
        <v>18</v>
      </c>
      <c r="BI24" s="244">
        <v>0</v>
      </c>
      <c r="BJ24" s="71">
        <v>18</v>
      </c>
      <c r="BK24" s="71">
        <v>8</v>
      </c>
      <c r="BL24" s="71">
        <v>9</v>
      </c>
      <c r="BM24" s="71">
        <v>3</v>
      </c>
      <c r="BN24" s="71">
        <v>4</v>
      </c>
      <c r="BO24" s="72">
        <v>42</v>
      </c>
      <c r="BP24" s="73">
        <v>60</v>
      </c>
      <c r="BQ24" s="70">
        <v>8</v>
      </c>
      <c r="BR24" s="71">
        <v>6</v>
      </c>
      <c r="BS24" s="72">
        <v>14</v>
      </c>
      <c r="BT24" s="244"/>
      <c r="BU24" s="71">
        <v>8</v>
      </c>
      <c r="BV24" s="71">
        <v>8</v>
      </c>
      <c r="BW24" s="71">
        <v>3</v>
      </c>
      <c r="BX24" s="71">
        <v>7</v>
      </c>
      <c r="BY24" s="71">
        <v>1</v>
      </c>
      <c r="BZ24" s="72">
        <v>27</v>
      </c>
      <c r="CA24" s="73">
        <v>41</v>
      </c>
      <c r="CB24" s="70">
        <v>0</v>
      </c>
      <c r="CC24" s="71">
        <v>0</v>
      </c>
      <c r="CD24" s="72">
        <v>0</v>
      </c>
      <c r="CE24" s="244"/>
      <c r="CF24" s="71">
        <v>0</v>
      </c>
      <c r="CG24" s="71">
        <v>0</v>
      </c>
      <c r="CH24" s="71">
        <v>0</v>
      </c>
      <c r="CI24" s="71">
        <v>0</v>
      </c>
      <c r="CJ24" s="71">
        <v>0</v>
      </c>
      <c r="CK24" s="72">
        <v>0</v>
      </c>
      <c r="CL24" s="73">
        <v>0</v>
      </c>
      <c r="CM24" s="70">
        <v>38</v>
      </c>
      <c r="CN24" s="71">
        <v>26</v>
      </c>
      <c r="CO24" s="72">
        <v>64</v>
      </c>
      <c r="CP24" s="244"/>
      <c r="CQ24" s="71">
        <v>55</v>
      </c>
      <c r="CR24" s="71">
        <v>37</v>
      </c>
      <c r="CS24" s="71">
        <v>21</v>
      </c>
      <c r="CT24" s="71">
        <v>17</v>
      </c>
      <c r="CU24" s="71">
        <v>10</v>
      </c>
      <c r="CV24" s="72">
        <v>140</v>
      </c>
      <c r="CW24" s="73">
        <v>204</v>
      </c>
      <c r="CX24" s="123">
        <v>9</v>
      </c>
      <c r="CY24" s="82">
        <v>10</v>
      </c>
      <c r="CZ24" s="83">
        <v>19</v>
      </c>
      <c r="DA24" s="241"/>
      <c r="DB24" s="82">
        <v>11</v>
      </c>
      <c r="DC24" s="82">
        <v>17</v>
      </c>
      <c r="DD24" s="82">
        <v>9</v>
      </c>
      <c r="DE24" s="82">
        <v>7</v>
      </c>
      <c r="DF24" s="82">
        <v>5</v>
      </c>
      <c r="DG24" s="84">
        <v>49</v>
      </c>
      <c r="DH24" s="85">
        <v>68</v>
      </c>
      <c r="DI24" s="70">
        <v>0</v>
      </c>
      <c r="DJ24" s="71">
        <v>0</v>
      </c>
      <c r="DK24" s="72">
        <v>0</v>
      </c>
      <c r="DL24" s="244"/>
      <c r="DM24" s="71">
        <v>0</v>
      </c>
      <c r="DN24" s="71">
        <v>0</v>
      </c>
      <c r="DO24" s="71">
        <v>1</v>
      </c>
      <c r="DP24" s="71">
        <v>0</v>
      </c>
      <c r="DQ24" s="71">
        <v>0</v>
      </c>
      <c r="DR24" s="72">
        <v>1</v>
      </c>
      <c r="DS24" s="73">
        <v>1</v>
      </c>
      <c r="DT24" s="70">
        <v>2</v>
      </c>
      <c r="DU24" s="71">
        <v>1</v>
      </c>
      <c r="DV24" s="72">
        <v>3</v>
      </c>
      <c r="DW24" s="244"/>
      <c r="DX24" s="71">
        <v>1</v>
      </c>
      <c r="DY24" s="71">
        <v>0</v>
      </c>
      <c r="DZ24" s="71">
        <v>2</v>
      </c>
      <c r="EA24" s="71">
        <v>0</v>
      </c>
      <c r="EB24" s="71">
        <v>1</v>
      </c>
      <c r="EC24" s="72">
        <v>4</v>
      </c>
      <c r="ED24" s="73">
        <v>7</v>
      </c>
      <c r="EE24" s="70">
        <v>1</v>
      </c>
      <c r="EF24" s="71">
        <v>1</v>
      </c>
      <c r="EG24" s="72">
        <v>2</v>
      </c>
      <c r="EH24" s="244"/>
      <c r="EI24" s="71">
        <v>1</v>
      </c>
      <c r="EJ24" s="71">
        <v>2</v>
      </c>
      <c r="EK24" s="71">
        <v>0</v>
      </c>
      <c r="EL24" s="71">
        <v>0</v>
      </c>
      <c r="EM24" s="71">
        <v>1</v>
      </c>
      <c r="EN24" s="72">
        <v>4</v>
      </c>
      <c r="EO24" s="73">
        <v>6</v>
      </c>
      <c r="EP24" s="70">
        <v>5</v>
      </c>
      <c r="EQ24" s="71">
        <v>2</v>
      </c>
      <c r="ER24" s="72">
        <v>7</v>
      </c>
      <c r="ES24" s="244"/>
      <c r="ET24" s="71">
        <v>3</v>
      </c>
      <c r="EU24" s="71">
        <v>4</v>
      </c>
      <c r="EV24" s="71">
        <v>2</v>
      </c>
      <c r="EW24" s="71">
        <v>0</v>
      </c>
      <c r="EX24" s="71">
        <v>1</v>
      </c>
      <c r="EY24" s="72">
        <v>10</v>
      </c>
      <c r="EZ24" s="73">
        <v>17</v>
      </c>
      <c r="FA24" s="70">
        <v>0</v>
      </c>
      <c r="FB24" s="71">
        <v>4</v>
      </c>
      <c r="FC24" s="72">
        <v>4</v>
      </c>
      <c r="FD24" s="244"/>
      <c r="FE24" s="71">
        <v>1</v>
      </c>
      <c r="FF24" s="71">
        <v>4</v>
      </c>
      <c r="FG24" s="71">
        <v>1</v>
      </c>
      <c r="FH24" s="71">
        <v>1</v>
      </c>
      <c r="FI24" s="71">
        <v>0</v>
      </c>
      <c r="FJ24" s="72">
        <v>7</v>
      </c>
      <c r="FK24" s="73">
        <v>11</v>
      </c>
      <c r="FL24" s="70">
        <v>1</v>
      </c>
      <c r="FM24" s="71">
        <v>2</v>
      </c>
      <c r="FN24" s="72">
        <v>3</v>
      </c>
      <c r="FO24" s="241"/>
      <c r="FP24" s="71">
        <v>5</v>
      </c>
      <c r="FQ24" s="71">
        <v>7</v>
      </c>
      <c r="FR24" s="71">
        <v>3</v>
      </c>
      <c r="FS24" s="71">
        <v>6</v>
      </c>
      <c r="FT24" s="71">
        <v>2</v>
      </c>
      <c r="FU24" s="72">
        <v>23</v>
      </c>
      <c r="FV24" s="73">
        <v>26</v>
      </c>
      <c r="FW24" s="70">
        <v>0</v>
      </c>
      <c r="FX24" s="71">
        <v>0</v>
      </c>
      <c r="FY24" s="72">
        <v>0</v>
      </c>
      <c r="FZ24" s="244"/>
      <c r="GA24" s="71">
        <v>0</v>
      </c>
      <c r="GB24" s="71">
        <v>0</v>
      </c>
      <c r="GC24" s="71">
        <v>0</v>
      </c>
      <c r="GD24" s="71">
        <v>0</v>
      </c>
      <c r="GE24" s="71">
        <v>0</v>
      </c>
      <c r="GF24" s="72">
        <v>0</v>
      </c>
      <c r="GG24" s="73">
        <v>0</v>
      </c>
      <c r="GH24" s="70">
        <v>9</v>
      </c>
      <c r="GI24" s="71">
        <v>10</v>
      </c>
      <c r="GJ24" s="72">
        <v>19</v>
      </c>
      <c r="GK24" s="244"/>
      <c r="GL24" s="71">
        <v>11</v>
      </c>
      <c r="GM24" s="71">
        <v>17</v>
      </c>
      <c r="GN24" s="71">
        <v>9</v>
      </c>
      <c r="GO24" s="71">
        <v>7</v>
      </c>
      <c r="GP24" s="71">
        <v>5</v>
      </c>
      <c r="GQ24" s="72">
        <v>49</v>
      </c>
      <c r="GR24" s="73">
        <v>68</v>
      </c>
      <c r="GS24" s="123">
        <v>47</v>
      </c>
      <c r="GT24" s="82">
        <v>36</v>
      </c>
      <c r="GU24" s="83">
        <v>83</v>
      </c>
      <c r="GV24" s="241"/>
      <c r="GW24" s="82">
        <v>66</v>
      </c>
      <c r="GX24" s="82">
        <v>54</v>
      </c>
      <c r="GY24" s="82">
        <v>30</v>
      </c>
      <c r="GZ24" s="82">
        <v>24</v>
      </c>
      <c r="HA24" s="82">
        <v>15</v>
      </c>
      <c r="HB24" s="84">
        <v>189</v>
      </c>
      <c r="HC24" s="85">
        <v>272</v>
      </c>
      <c r="HD24" s="70">
        <v>2</v>
      </c>
      <c r="HE24" s="71">
        <v>3</v>
      </c>
      <c r="HF24" s="72">
        <v>5</v>
      </c>
      <c r="HG24" s="244"/>
      <c r="HH24" s="71">
        <v>1</v>
      </c>
      <c r="HI24" s="71">
        <v>2</v>
      </c>
      <c r="HJ24" s="71">
        <v>2</v>
      </c>
      <c r="HK24" s="71">
        <v>2</v>
      </c>
      <c r="HL24" s="71">
        <v>0</v>
      </c>
      <c r="HM24" s="72">
        <v>7</v>
      </c>
      <c r="HN24" s="73">
        <v>12</v>
      </c>
      <c r="HO24" s="70">
        <v>5</v>
      </c>
      <c r="HP24" s="71">
        <v>4</v>
      </c>
      <c r="HQ24" s="72">
        <v>9</v>
      </c>
      <c r="HR24" s="244"/>
      <c r="HS24" s="71">
        <v>5</v>
      </c>
      <c r="HT24" s="71">
        <v>4</v>
      </c>
      <c r="HU24" s="71">
        <v>4</v>
      </c>
      <c r="HV24" s="71">
        <v>0</v>
      </c>
      <c r="HW24" s="71">
        <v>3</v>
      </c>
      <c r="HX24" s="72">
        <v>16</v>
      </c>
      <c r="HY24" s="73">
        <v>25</v>
      </c>
      <c r="HZ24" s="70">
        <v>6</v>
      </c>
      <c r="IA24" s="71">
        <v>3</v>
      </c>
      <c r="IB24" s="72">
        <v>9</v>
      </c>
      <c r="IC24" s="244"/>
      <c r="ID24" s="71">
        <v>13</v>
      </c>
      <c r="IE24" s="71">
        <v>8</v>
      </c>
      <c r="IF24" s="71">
        <v>4</v>
      </c>
      <c r="IG24" s="71">
        <v>3</v>
      </c>
      <c r="IH24" s="71">
        <v>1</v>
      </c>
      <c r="II24" s="72">
        <v>29</v>
      </c>
      <c r="IJ24" s="73">
        <v>38</v>
      </c>
      <c r="IK24" s="70">
        <v>13</v>
      </c>
      <c r="IL24" s="71">
        <v>8</v>
      </c>
      <c r="IM24" s="72">
        <v>21</v>
      </c>
      <c r="IN24" s="244"/>
      <c r="IO24" s="71">
        <v>15</v>
      </c>
      <c r="IP24" s="71">
        <v>13</v>
      </c>
      <c r="IQ24" s="71">
        <v>4</v>
      </c>
      <c r="IR24" s="71">
        <v>2</v>
      </c>
      <c r="IS24" s="71">
        <v>4</v>
      </c>
      <c r="IT24" s="72">
        <v>38</v>
      </c>
      <c r="IU24" s="73">
        <v>59</v>
      </c>
      <c r="IV24" s="70">
        <v>12</v>
      </c>
      <c r="IW24" s="71">
        <v>10</v>
      </c>
      <c r="IX24" s="72">
        <v>22</v>
      </c>
      <c r="IY24" s="244"/>
      <c r="IZ24" s="71">
        <v>19</v>
      </c>
      <c r="JA24" s="71">
        <v>12</v>
      </c>
      <c r="JB24" s="71">
        <v>10</v>
      </c>
      <c r="JC24" s="71">
        <v>4</v>
      </c>
      <c r="JD24" s="71">
        <v>4</v>
      </c>
      <c r="JE24" s="72">
        <v>49</v>
      </c>
      <c r="JF24" s="73">
        <v>71</v>
      </c>
      <c r="JG24" s="70">
        <v>9</v>
      </c>
      <c r="JH24" s="71">
        <v>8</v>
      </c>
      <c r="JI24" s="72">
        <v>17</v>
      </c>
      <c r="JJ24" s="244"/>
      <c r="JK24" s="71">
        <v>13</v>
      </c>
      <c r="JL24" s="71">
        <v>15</v>
      </c>
      <c r="JM24" s="71">
        <v>6</v>
      </c>
      <c r="JN24" s="71">
        <v>13</v>
      </c>
      <c r="JO24" s="71">
        <v>3</v>
      </c>
      <c r="JP24" s="72">
        <v>50</v>
      </c>
      <c r="JQ24" s="73">
        <v>67</v>
      </c>
      <c r="JR24" s="70">
        <v>0</v>
      </c>
      <c r="JS24" s="71">
        <v>0</v>
      </c>
      <c r="JT24" s="72">
        <v>0</v>
      </c>
      <c r="JU24" s="244"/>
      <c r="JV24" s="71">
        <v>0</v>
      </c>
      <c r="JW24" s="71">
        <v>0</v>
      </c>
      <c r="JX24" s="71">
        <v>0</v>
      </c>
      <c r="JY24" s="71">
        <v>0</v>
      </c>
      <c r="JZ24" s="71">
        <v>0</v>
      </c>
      <c r="KA24" s="72">
        <v>0</v>
      </c>
      <c r="KB24" s="73">
        <v>0</v>
      </c>
      <c r="KC24" s="70">
        <v>47</v>
      </c>
      <c r="KD24" s="71">
        <v>36</v>
      </c>
      <c r="KE24" s="72">
        <v>83</v>
      </c>
      <c r="KF24" s="244"/>
      <c r="KG24" s="71">
        <v>66</v>
      </c>
      <c r="KH24" s="71">
        <v>54</v>
      </c>
      <c r="KI24" s="71">
        <v>30</v>
      </c>
      <c r="KJ24" s="71">
        <v>24</v>
      </c>
      <c r="KK24" s="71">
        <v>15</v>
      </c>
      <c r="KL24" s="72">
        <v>189</v>
      </c>
      <c r="KM24" s="73">
        <v>272</v>
      </c>
    </row>
    <row r="25" spans="2:299" ht="19.5" customHeight="1" x14ac:dyDescent="0.2">
      <c r="B25" s="126" t="s">
        <v>22</v>
      </c>
      <c r="C25" s="316">
        <v>16</v>
      </c>
      <c r="D25" s="82">
        <v>5</v>
      </c>
      <c r="E25" s="83">
        <v>21</v>
      </c>
      <c r="F25" s="241"/>
      <c r="G25" s="82">
        <v>29</v>
      </c>
      <c r="H25" s="82">
        <v>18</v>
      </c>
      <c r="I25" s="82">
        <v>13</v>
      </c>
      <c r="J25" s="82">
        <v>11</v>
      </c>
      <c r="K25" s="82">
        <v>7</v>
      </c>
      <c r="L25" s="84">
        <v>78</v>
      </c>
      <c r="M25" s="85">
        <v>99</v>
      </c>
      <c r="N25" s="70">
        <v>0</v>
      </c>
      <c r="O25" s="71">
        <v>0</v>
      </c>
      <c r="P25" s="72">
        <v>0</v>
      </c>
      <c r="Q25" s="244"/>
      <c r="R25" s="71">
        <v>2</v>
      </c>
      <c r="S25" s="71">
        <v>0</v>
      </c>
      <c r="T25" s="71">
        <v>0</v>
      </c>
      <c r="U25" s="71">
        <v>0</v>
      </c>
      <c r="V25" s="71">
        <v>0</v>
      </c>
      <c r="W25" s="72">
        <v>2</v>
      </c>
      <c r="X25" s="73">
        <v>2</v>
      </c>
      <c r="Y25" s="70">
        <v>2</v>
      </c>
      <c r="Z25" s="71">
        <v>1</v>
      </c>
      <c r="AA25" s="72">
        <v>3</v>
      </c>
      <c r="AB25" s="244">
        <v>0</v>
      </c>
      <c r="AC25" s="71">
        <v>4</v>
      </c>
      <c r="AD25" s="71">
        <v>1</v>
      </c>
      <c r="AE25" s="71">
        <v>1</v>
      </c>
      <c r="AF25" s="71">
        <v>1</v>
      </c>
      <c r="AG25" s="71">
        <v>1</v>
      </c>
      <c r="AH25" s="72">
        <v>8</v>
      </c>
      <c r="AI25" s="73">
        <v>11</v>
      </c>
      <c r="AJ25" s="70">
        <v>3</v>
      </c>
      <c r="AK25" s="71">
        <v>1</v>
      </c>
      <c r="AL25" s="72">
        <v>4</v>
      </c>
      <c r="AM25" s="244"/>
      <c r="AN25" s="71">
        <v>4</v>
      </c>
      <c r="AO25" s="71">
        <v>2</v>
      </c>
      <c r="AP25" s="71">
        <v>0</v>
      </c>
      <c r="AQ25" s="71">
        <v>0</v>
      </c>
      <c r="AR25" s="71">
        <v>1</v>
      </c>
      <c r="AS25" s="72">
        <v>7</v>
      </c>
      <c r="AT25" s="73">
        <v>11</v>
      </c>
      <c r="AU25" s="70">
        <v>4</v>
      </c>
      <c r="AV25" s="71">
        <v>2</v>
      </c>
      <c r="AW25" s="72">
        <v>6</v>
      </c>
      <c r="AX25" s="244"/>
      <c r="AY25" s="71">
        <v>8</v>
      </c>
      <c r="AZ25" s="71">
        <v>6</v>
      </c>
      <c r="BA25" s="71">
        <v>3</v>
      </c>
      <c r="BB25" s="71">
        <v>3</v>
      </c>
      <c r="BC25" s="71">
        <v>1</v>
      </c>
      <c r="BD25" s="72">
        <v>21</v>
      </c>
      <c r="BE25" s="73">
        <v>27</v>
      </c>
      <c r="BF25" s="70">
        <v>2</v>
      </c>
      <c r="BG25" s="71">
        <v>1</v>
      </c>
      <c r="BH25" s="72">
        <v>3</v>
      </c>
      <c r="BI25" s="244">
        <v>0</v>
      </c>
      <c r="BJ25" s="71">
        <v>2</v>
      </c>
      <c r="BK25" s="71">
        <v>4</v>
      </c>
      <c r="BL25" s="71">
        <v>5</v>
      </c>
      <c r="BM25" s="71">
        <v>5</v>
      </c>
      <c r="BN25" s="71">
        <v>1</v>
      </c>
      <c r="BO25" s="72">
        <v>17</v>
      </c>
      <c r="BP25" s="73">
        <v>20</v>
      </c>
      <c r="BQ25" s="70">
        <v>5</v>
      </c>
      <c r="BR25" s="71">
        <v>0</v>
      </c>
      <c r="BS25" s="72">
        <v>5</v>
      </c>
      <c r="BT25" s="244"/>
      <c r="BU25" s="71">
        <v>9</v>
      </c>
      <c r="BV25" s="71">
        <v>5</v>
      </c>
      <c r="BW25" s="71">
        <v>4</v>
      </c>
      <c r="BX25" s="71">
        <v>2</v>
      </c>
      <c r="BY25" s="71">
        <v>3</v>
      </c>
      <c r="BZ25" s="72">
        <v>23</v>
      </c>
      <c r="CA25" s="73">
        <v>28</v>
      </c>
      <c r="CB25" s="70">
        <v>0</v>
      </c>
      <c r="CC25" s="71">
        <v>0</v>
      </c>
      <c r="CD25" s="72">
        <v>0</v>
      </c>
      <c r="CE25" s="244"/>
      <c r="CF25" s="71">
        <v>0</v>
      </c>
      <c r="CG25" s="71">
        <v>0</v>
      </c>
      <c r="CH25" s="71">
        <v>0</v>
      </c>
      <c r="CI25" s="71">
        <v>0</v>
      </c>
      <c r="CJ25" s="71">
        <v>0</v>
      </c>
      <c r="CK25" s="72">
        <v>0</v>
      </c>
      <c r="CL25" s="73">
        <v>0</v>
      </c>
      <c r="CM25" s="70">
        <v>16</v>
      </c>
      <c r="CN25" s="71">
        <v>5</v>
      </c>
      <c r="CO25" s="72">
        <v>21</v>
      </c>
      <c r="CP25" s="244"/>
      <c r="CQ25" s="71">
        <v>29</v>
      </c>
      <c r="CR25" s="71">
        <v>18</v>
      </c>
      <c r="CS25" s="71">
        <v>13</v>
      </c>
      <c r="CT25" s="71">
        <v>11</v>
      </c>
      <c r="CU25" s="71">
        <v>7</v>
      </c>
      <c r="CV25" s="72">
        <v>78</v>
      </c>
      <c r="CW25" s="73">
        <v>99</v>
      </c>
      <c r="CX25" s="123">
        <v>3</v>
      </c>
      <c r="CY25" s="82">
        <v>7</v>
      </c>
      <c r="CZ25" s="83">
        <v>10</v>
      </c>
      <c r="DA25" s="241"/>
      <c r="DB25" s="82">
        <v>6</v>
      </c>
      <c r="DC25" s="82">
        <v>2</v>
      </c>
      <c r="DD25" s="82">
        <v>2</v>
      </c>
      <c r="DE25" s="82">
        <v>4</v>
      </c>
      <c r="DF25" s="82">
        <v>4</v>
      </c>
      <c r="DG25" s="84">
        <v>18</v>
      </c>
      <c r="DH25" s="85">
        <v>28</v>
      </c>
      <c r="DI25" s="70">
        <v>0</v>
      </c>
      <c r="DJ25" s="71">
        <v>1</v>
      </c>
      <c r="DK25" s="72">
        <v>1</v>
      </c>
      <c r="DL25" s="244"/>
      <c r="DM25" s="71">
        <v>0</v>
      </c>
      <c r="DN25" s="71">
        <v>0</v>
      </c>
      <c r="DO25" s="71">
        <v>0</v>
      </c>
      <c r="DP25" s="71">
        <v>0</v>
      </c>
      <c r="DQ25" s="71">
        <v>0</v>
      </c>
      <c r="DR25" s="72">
        <v>0</v>
      </c>
      <c r="DS25" s="73">
        <v>1</v>
      </c>
      <c r="DT25" s="70">
        <v>0</v>
      </c>
      <c r="DU25" s="71">
        <v>0</v>
      </c>
      <c r="DV25" s="72">
        <v>0</v>
      </c>
      <c r="DW25" s="244"/>
      <c r="DX25" s="71">
        <v>0</v>
      </c>
      <c r="DY25" s="71">
        <v>0</v>
      </c>
      <c r="DZ25" s="71">
        <v>0</v>
      </c>
      <c r="EA25" s="71">
        <v>0</v>
      </c>
      <c r="EB25" s="71">
        <v>0</v>
      </c>
      <c r="EC25" s="72">
        <v>0</v>
      </c>
      <c r="ED25" s="73">
        <v>0</v>
      </c>
      <c r="EE25" s="70">
        <v>0</v>
      </c>
      <c r="EF25" s="71">
        <v>2</v>
      </c>
      <c r="EG25" s="72">
        <v>2</v>
      </c>
      <c r="EH25" s="244"/>
      <c r="EI25" s="71">
        <v>1</v>
      </c>
      <c r="EJ25" s="71">
        <v>0</v>
      </c>
      <c r="EK25" s="71">
        <v>0</v>
      </c>
      <c r="EL25" s="71">
        <v>0</v>
      </c>
      <c r="EM25" s="71">
        <v>1</v>
      </c>
      <c r="EN25" s="72">
        <v>2</v>
      </c>
      <c r="EO25" s="73">
        <v>4</v>
      </c>
      <c r="EP25" s="70">
        <v>2</v>
      </c>
      <c r="EQ25" s="71">
        <v>1</v>
      </c>
      <c r="ER25" s="72">
        <v>3</v>
      </c>
      <c r="ES25" s="244"/>
      <c r="ET25" s="71">
        <v>1</v>
      </c>
      <c r="EU25" s="71">
        <v>0</v>
      </c>
      <c r="EV25" s="71">
        <v>1</v>
      </c>
      <c r="EW25" s="71">
        <v>2</v>
      </c>
      <c r="EX25" s="71">
        <v>0</v>
      </c>
      <c r="EY25" s="72">
        <v>4</v>
      </c>
      <c r="EZ25" s="73">
        <v>7</v>
      </c>
      <c r="FA25" s="70">
        <v>0</v>
      </c>
      <c r="FB25" s="71">
        <v>0</v>
      </c>
      <c r="FC25" s="72">
        <v>0</v>
      </c>
      <c r="FD25" s="244"/>
      <c r="FE25" s="71">
        <v>2</v>
      </c>
      <c r="FF25" s="71">
        <v>0</v>
      </c>
      <c r="FG25" s="71">
        <v>1</v>
      </c>
      <c r="FH25" s="71">
        <v>0</v>
      </c>
      <c r="FI25" s="71">
        <v>1</v>
      </c>
      <c r="FJ25" s="72">
        <v>4</v>
      </c>
      <c r="FK25" s="73">
        <v>4</v>
      </c>
      <c r="FL25" s="70">
        <v>1</v>
      </c>
      <c r="FM25" s="71">
        <v>3</v>
      </c>
      <c r="FN25" s="72">
        <v>4</v>
      </c>
      <c r="FO25" s="241"/>
      <c r="FP25" s="71">
        <v>2</v>
      </c>
      <c r="FQ25" s="71">
        <v>2</v>
      </c>
      <c r="FR25" s="71">
        <v>0</v>
      </c>
      <c r="FS25" s="71">
        <v>2</v>
      </c>
      <c r="FT25" s="71">
        <v>2</v>
      </c>
      <c r="FU25" s="72">
        <v>8</v>
      </c>
      <c r="FV25" s="73">
        <v>12</v>
      </c>
      <c r="FW25" s="70">
        <v>0</v>
      </c>
      <c r="FX25" s="71">
        <v>0</v>
      </c>
      <c r="FY25" s="72">
        <v>0</v>
      </c>
      <c r="FZ25" s="244"/>
      <c r="GA25" s="71">
        <v>0</v>
      </c>
      <c r="GB25" s="71">
        <v>0</v>
      </c>
      <c r="GC25" s="71">
        <v>0</v>
      </c>
      <c r="GD25" s="71">
        <v>0</v>
      </c>
      <c r="GE25" s="71">
        <v>0</v>
      </c>
      <c r="GF25" s="72">
        <v>0</v>
      </c>
      <c r="GG25" s="73">
        <v>0</v>
      </c>
      <c r="GH25" s="70">
        <v>3</v>
      </c>
      <c r="GI25" s="71">
        <v>7</v>
      </c>
      <c r="GJ25" s="72">
        <v>10</v>
      </c>
      <c r="GK25" s="244"/>
      <c r="GL25" s="71">
        <v>6</v>
      </c>
      <c r="GM25" s="71">
        <v>2</v>
      </c>
      <c r="GN25" s="71">
        <v>2</v>
      </c>
      <c r="GO25" s="71">
        <v>4</v>
      </c>
      <c r="GP25" s="71">
        <v>4</v>
      </c>
      <c r="GQ25" s="72">
        <v>18</v>
      </c>
      <c r="GR25" s="73">
        <v>28</v>
      </c>
      <c r="GS25" s="123">
        <v>19</v>
      </c>
      <c r="GT25" s="82">
        <v>12</v>
      </c>
      <c r="GU25" s="83">
        <v>31</v>
      </c>
      <c r="GV25" s="241"/>
      <c r="GW25" s="82">
        <v>35</v>
      </c>
      <c r="GX25" s="82">
        <v>20</v>
      </c>
      <c r="GY25" s="82">
        <v>15</v>
      </c>
      <c r="GZ25" s="82">
        <v>15</v>
      </c>
      <c r="HA25" s="82">
        <v>11</v>
      </c>
      <c r="HB25" s="84">
        <v>96</v>
      </c>
      <c r="HC25" s="85">
        <v>127</v>
      </c>
      <c r="HD25" s="70">
        <v>0</v>
      </c>
      <c r="HE25" s="71">
        <v>1</v>
      </c>
      <c r="HF25" s="72">
        <v>1</v>
      </c>
      <c r="HG25" s="244"/>
      <c r="HH25" s="71">
        <v>2</v>
      </c>
      <c r="HI25" s="71">
        <v>0</v>
      </c>
      <c r="HJ25" s="71">
        <v>0</v>
      </c>
      <c r="HK25" s="71">
        <v>0</v>
      </c>
      <c r="HL25" s="71">
        <v>0</v>
      </c>
      <c r="HM25" s="72">
        <v>2</v>
      </c>
      <c r="HN25" s="73">
        <v>3</v>
      </c>
      <c r="HO25" s="70">
        <v>2</v>
      </c>
      <c r="HP25" s="71">
        <v>1</v>
      </c>
      <c r="HQ25" s="72">
        <v>3</v>
      </c>
      <c r="HR25" s="244"/>
      <c r="HS25" s="71">
        <v>4</v>
      </c>
      <c r="HT25" s="71">
        <v>1</v>
      </c>
      <c r="HU25" s="71">
        <v>1</v>
      </c>
      <c r="HV25" s="71">
        <v>1</v>
      </c>
      <c r="HW25" s="71">
        <v>1</v>
      </c>
      <c r="HX25" s="72">
        <v>8</v>
      </c>
      <c r="HY25" s="73">
        <v>11</v>
      </c>
      <c r="HZ25" s="70">
        <v>3</v>
      </c>
      <c r="IA25" s="71">
        <v>3</v>
      </c>
      <c r="IB25" s="72">
        <v>6</v>
      </c>
      <c r="IC25" s="244"/>
      <c r="ID25" s="71">
        <v>5</v>
      </c>
      <c r="IE25" s="71">
        <v>2</v>
      </c>
      <c r="IF25" s="71">
        <v>0</v>
      </c>
      <c r="IG25" s="71">
        <v>0</v>
      </c>
      <c r="IH25" s="71">
        <v>2</v>
      </c>
      <c r="II25" s="72">
        <v>9</v>
      </c>
      <c r="IJ25" s="73">
        <v>15</v>
      </c>
      <c r="IK25" s="70">
        <v>6</v>
      </c>
      <c r="IL25" s="71">
        <v>3</v>
      </c>
      <c r="IM25" s="72">
        <v>9</v>
      </c>
      <c r="IN25" s="244"/>
      <c r="IO25" s="71">
        <v>9</v>
      </c>
      <c r="IP25" s="71">
        <v>6</v>
      </c>
      <c r="IQ25" s="71">
        <v>4</v>
      </c>
      <c r="IR25" s="71">
        <v>5</v>
      </c>
      <c r="IS25" s="71">
        <v>1</v>
      </c>
      <c r="IT25" s="72">
        <v>25</v>
      </c>
      <c r="IU25" s="73">
        <v>34</v>
      </c>
      <c r="IV25" s="70">
        <v>2</v>
      </c>
      <c r="IW25" s="71">
        <v>1</v>
      </c>
      <c r="IX25" s="72">
        <v>3</v>
      </c>
      <c r="IY25" s="244"/>
      <c r="IZ25" s="71">
        <v>4</v>
      </c>
      <c r="JA25" s="71">
        <v>4</v>
      </c>
      <c r="JB25" s="71">
        <v>6</v>
      </c>
      <c r="JC25" s="71">
        <v>5</v>
      </c>
      <c r="JD25" s="71">
        <v>2</v>
      </c>
      <c r="JE25" s="72">
        <v>21</v>
      </c>
      <c r="JF25" s="73">
        <v>24</v>
      </c>
      <c r="JG25" s="70">
        <v>6</v>
      </c>
      <c r="JH25" s="71">
        <v>3</v>
      </c>
      <c r="JI25" s="72">
        <v>9</v>
      </c>
      <c r="JJ25" s="244"/>
      <c r="JK25" s="71">
        <v>11</v>
      </c>
      <c r="JL25" s="71">
        <v>7</v>
      </c>
      <c r="JM25" s="71">
        <v>4</v>
      </c>
      <c r="JN25" s="71">
        <v>4</v>
      </c>
      <c r="JO25" s="71">
        <v>5</v>
      </c>
      <c r="JP25" s="72">
        <v>31</v>
      </c>
      <c r="JQ25" s="73">
        <v>40</v>
      </c>
      <c r="JR25" s="70">
        <v>0</v>
      </c>
      <c r="JS25" s="71">
        <v>0</v>
      </c>
      <c r="JT25" s="72">
        <v>0</v>
      </c>
      <c r="JU25" s="244"/>
      <c r="JV25" s="71">
        <v>0</v>
      </c>
      <c r="JW25" s="71">
        <v>0</v>
      </c>
      <c r="JX25" s="71">
        <v>0</v>
      </c>
      <c r="JY25" s="71">
        <v>0</v>
      </c>
      <c r="JZ25" s="71">
        <v>0</v>
      </c>
      <c r="KA25" s="72">
        <v>0</v>
      </c>
      <c r="KB25" s="73">
        <v>0</v>
      </c>
      <c r="KC25" s="70">
        <v>19</v>
      </c>
      <c r="KD25" s="71">
        <v>12</v>
      </c>
      <c r="KE25" s="72">
        <v>31</v>
      </c>
      <c r="KF25" s="244"/>
      <c r="KG25" s="71">
        <v>35</v>
      </c>
      <c r="KH25" s="71">
        <v>20</v>
      </c>
      <c r="KI25" s="71">
        <v>15</v>
      </c>
      <c r="KJ25" s="71">
        <v>15</v>
      </c>
      <c r="KK25" s="71">
        <v>11</v>
      </c>
      <c r="KL25" s="72">
        <v>96</v>
      </c>
      <c r="KM25" s="73">
        <v>127</v>
      </c>
    </row>
    <row r="26" spans="2:299" ht="19.5" customHeight="1" x14ac:dyDescent="0.2">
      <c r="B26" s="126" t="s">
        <v>23</v>
      </c>
      <c r="C26" s="316">
        <v>12</v>
      </c>
      <c r="D26" s="82">
        <v>13</v>
      </c>
      <c r="E26" s="83">
        <v>25</v>
      </c>
      <c r="F26" s="241"/>
      <c r="G26" s="82">
        <v>25</v>
      </c>
      <c r="H26" s="82">
        <v>27</v>
      </c>
      <c r="I26" s="82">
        <v>23</v>
      </c>
      <c r="J26" s="82">
        <v>17</v>
      </c>
      <c r="K26" s="82">
        <v>11</v>
      </c>
      <c r="L26" s="84">
        <v>103</v>
      </c>
      <c r="M26" s="85">
        <v>128</v>
      </c>
      <c r="N26" s="70">
        <v>0</v>
      </c>
      <c r="O26" s="71">
        <v>0</v>
      </c>
      <c r="P26" s="72">
        <v>0</v>
      </c>
      <c r="Q26" s="244"/>
      <c r="R26" s="71">
        <v>0</v>
      </c>
      <c r="S26" s="71">
        <v>1</v>
      </c>
      <c r="T26" s="71">
        <v>0</v>
      </c>
      <c r="U26" s="71">
        <v>0</v>
      </c>
      <c r="V26" s="71">
        <v>0</v>
      </c>
      <c r="W26" s="72">
        <v>1</v>
      </c>
      <c r="X26" s="73">
        <v>1</v>
      </c>
      <c r="Y26" s="70">
        <v>1</v>
      </c>
      <c r="Z26" s="71">
        <v>2</v>
      </c>
      <c r="AA26" s="72">
        <v>3</v>
      </c>
      <c r="AB26" s="244">
        <v>0</v>
      </c>
      <c r="AC26" s="71">
        <v>4</v>
      </c>
      <c r="AD26" s="71">
        <v>4</v>
      </c>
      <c r="AE26" s="71">
        <v>1</v>
      </c>
      <c r="AF26" s="71">
        <v>1</v>
      </c>
      <c r="AG26" s="71">
        <v>1</v>
      </c>
      <c r="AH26" s="72">
        <v>11</v>
      </c>
      <c r="AI26" s="73">
        <v>14</v>
      </c>
      <c r="AJ26" s="70">
        <v>4</v>
      </c>
      <c r="AK26" s="71">
        <v>0</v>
      </c>
      <c r="AL26" s="72">
        <v>4</v>
      </c>
      <c r="AM26" s="244"/>
      <c r="AN26" s="71">
        <v>4</v>
      </c>
      <c r="AO26" s="71">
        <v>5</v>
      </c>
      <c r="AP26" s="71">
        <v>2</v>
      </c>
      <c r="AQ26" s="71">
        <v>2</v>
      </c>
      <c r="AR26" s="71">
        <v>4</v>
      </c>
      <c r="AS26" s="72">
        <v>17</v>
      </c>
      <c r="AT26" s="73">
        <v>21</v>
      </c>
      <c r="AU26" s="70">
        <v>1</v>
      </c>
      <c r="AV26" s="71">
        <v>6</v>
      </c>
      <c r="AW26" s="72">
        <v>7</v>
      </c>
      <c r="AX26" s="244"/>
      <c r="AY26" s="71">
        <v>3</v>
      </c>
      <c r="AZ26" s="71">
        <v>8</v>
      </c>
      <c r="BA26" s="71">
        <v>10</v>
      </c>
      <c r="BB26" s="71">
        <v>4</v>
      </c>
      <c r="BC26" s="71">
        <v>2</v>
      </c>
      <c r="BD26" s="72">
        <v>27</v>
      </c>
      <c r="BE26" s="73">
        <v>34</v>
      </c>
      <c r="BF26" s="70">
        <v>3</v>
      </c>
      <c r="BG26" s="71">
        <v>3</v>
      </c>
      <c r="BH26" s="72">
        <v>6</v>
      </c>
      <c r="BI26" s="244">
        <v>0</v>
      </c>
      <c r="BJ26" s="71">
        <v>6</v>
      </c>
      <c r="BK26" s="71">
        <v>5</v>
      </c>
      <c r="BL26" s="71">
        <v>6</v>
      </c>
      <c r="BM26" s="71">
        <v>3</v>
      </c>
      <c r="BN26" s="71">
        <v>2</v>
      </c>
      <c r="BO26" s="72">
        <v>22</v>
      </c>
      <c r="BP26" s="73">
        <v>28</v>
      </c>
      <c r="BQ26" s="70">
        <v>3</v>
      </c>
      <c r="BR26" s="71">
        <v>2</v>
      </c>
      <c r="BS26" s="72">
        <v>5</v>
      </c>
      <c r="BT26" s="244"/>
      <c r="BU26" s="71">
        <v>8</v>
      </c>
      <c r="BV26" s="71">
        <v>4</v>
      </c>
      <c r="BW26" s="71">
        <v>4</v>
      </c>
      <c r="BX26" s="71">
        <v>7</v>
      </c>
      <c r="BY26" s="71">
        <v>2</v>
      </c>
      <c r="BZ26" s="72">
        <v>25</v>
      </c>
      <c r="CA26" s="73">
        <v>30</v>
      </c>
      <c r="CB26" s="70">
        <v>0</v>
      </c>
      <c r="CC26" s="71">
        <v>0</v>
      </c>
      <c r="CD26" s="72">
        <v>0</v>
      </c>
      <c r="CE26" s="244"/>
      <c r="CF26" s="71">
        <v>0</v>
      </c>
      <c r="CG26" s="71">
        <v>0</v>
      </c>
      <c r="CH26" s="71">
        <v>0</v>
      </c>
      <c r="CI26" s="71">
        <v>0</v>
      </c>
      <c r="CJ26" s="71">
        <v>0</v>
      </c>
      <c r="CK26" s="72">
        <v>0</v>
      </c>
      <c r="CL26" s="73">
        <v>0</v>
      </c>
      <c r="CM26" s="70">
        <v>12</v>
      </c>
      <c r="CN26" s="71">
        <v>13</v>
      </c>
      <c r="CO26" s="72">
        <v>25</v>
      </c>
      <c r="CP26" s="244"/>
      <c r="CQ26" s="71">
        <v>25</v>
      </c>
      <c r="CR26" s="71">
        <v>27</v>
      </c>
      <c r="CS26" s="71">
        <v>23</v>
      </c>
      <c r="CT26" s="71">
        <v>17</v>
      </c>
      <c r="CU26" s="71">
        <v>11</v>
      </c>
      <c r="CV26" s="72">
        <v>103</v>
      </c>
      <c r="CW26" s="73">
        <v>128</v>
      </c>
      <c r="CX26" s="123">
        <v>9</v>
      </c>
      <c r="CY26" s="82">
        <v>6</v>
      </c>
      <c r="CZ26" s="83">
        <v>15</v>
      </c>
      <c r="DA26" s="241"/>
      <c r="DB26" s="82">
        <v>10</v>
      </c>
      <c r="DC26" s="82">
        <v>11</v>
      </c>
      <c r="DD26" s="82">
        <v>3</v>
      </c>
      <c r="DE26" s="82">
        <v>11</v>
      </c>
      <c r="DF26" s="82">
        <v>7</v>
      </c>
      <c r="DG26" s="84">
        <v>42</v>
      </c>
      <c r="DH26" s="85">
        <v>57</v>
      </c>
      <c r="DI26" s="70">
        <v>0</v>
      </c>
      <c r="DJ26" s="71">
        <v>0</v>
      </c>
      <c r="DK26" s="72">
        <v>0</v>
      </c>
      <c r="DL26" s="244"/>
      <c r="DM26" s="71">
        <v>0</v>
      </c>
      <c r="DN26" s="71">
        <v>1</v>
      </c>
      <c r="DO26" s="71">
        <v>1</v>
      </c>
      <c r="DP26" s="71">
        <v>0</v>
      </c>
      <c r="DQ26" s="71">
        <v>0</v>
      </c>
      <c r="DR26" s="72">
        <v>2</v>
      </c>
      <c r="DS26" s="73">
        <v>2</v>
      </c>
      <c r="DT26" s="70">
        <v>1</v>
      </c>
      <c r="DU26" s="71">
        <v>0</v>
      </c>
      <c r="DV26" s="72">
        <v>1</v>
      </c>
      <c r="DW26" s="244"/>
      <c r="DX26" s="71">
        <v>0</v>
      </c>
      <c r="DY26" s="71">
        <v>2</v>
      </c>
      <c r="DZ26" s="71">
        <v>0</v>
      </c>
      <c r="EA26" s="71">
        <v>0</v>
      </c>
      <c r="EB26" s="71">
        <v>2</v>
      </c>
      <c r="EC26" s="72">
        <v>4</v>
      </c>
      <c r="ED26" s="73">
        <v>5</v>
      </c>
      <c r="EE26" s="70">
        <v>2</v>
      </c>
      <c r="EF26" s="71">
        <v>2</v>
      </c>
      <c r="EG26" s="72">
        <v>4</v>
      </c>
      <c r="EH26" s="244"/>
      <c r="EI26" s="71">
        <v>1</v>
      </c>
      <c r="EJ26" s="71">
        <v>0</v>
      </c>
      <c r="EK26" s="71">
        <v>0</v>
      </c>
      <c r="EL26" s="71">
        <v>0</v>
      </c>
      <c r="EM26" s="71">
        <v>0</v>
      </c>
      <c r="EN26" s="72">
        <v>1</v>
      </c>
      <c r="EO26" s="73">
        <v>5</v>
      </c>
      <c r="EP26" s="70">
        <v>1</v>
      </c>
      <c r="EQ26" s="71">
        <v>3</v>
      </c>
      <c r="ER26" s="72">
        <v>4</v>
      </c>
      <c r="ES26" s="244"/>
      <c r="ET26" s="71">
        <v>1</v>
      </c>
      <c r="EU26" s="71">
        <v>1</v>
      </c>
      <c r="EV26" s="71">
        <v>1</v>
      </c>
      <c r="EW26" s="71">
        <v>0</v>
      </c>
      <c r="EX26" s="71">
        <v>1</v>
      </c>
      <c r="EY26" s="72">
        <v>4</v>
      </c>
      <c r="EZ26" s="73">
        <v>8</v>
      </c>
      <c r="FA26" s="70">
        <v>3</v>
      </c>
      <c r="FB26" s="71">
        <v>1</v>
      </c>
      <c r="FC26" s="72">
        <v>4</v>
      </c>
      <c r="FD26" s="244"/>
      <c r="FE26" s="71">
        <v>2</v>
      </c>
      <c r="FF26" s="71">
        <v>3</v>
      </c>
      <c r="FG26" s="71">
        <v>0</v>
      </c>
      <c r="FH26" s="71">
        <v>2</v>
      </c>
      <c r="FI26" s="71">
        <v>1</v>
      </c>
      <c r="FJ26" s="72">
        <v>8</v>
      </c>
      <c r="FK26" s="73">
        <v>12</v>
      </c>
      <c r="FL26" s="70">
        <v>2</v>
      </c>
      <c r="FM26" s="71">
        <v>0</v>
      </c>
      <c r="FN26" s="72">
        <v>2</v>
      </c>
      <c r="FO26" s="241"/>
      <c r="FP26" s="71">
        <v>6</v>
      </c>
      <c r="FQ26" s="71">
        <v>4</v>
      </c>
      <c r="FR26" s="71">
        <v>1</v>
      </c>
      <c r="FS26" s="71">
        <v>9</v>
      </c>
      <c r="FT26" s="71">
        <v>3</v>
      </c>
      <c r="FU26" s="72">
        <v>23</v>
      </c>
      <c r="FV26" s="73">
        <v>25</v>
      </c>
      <c r="FW26" s="70">
        <v>0</v>
      </c>
      <c r="FX26" s="71">
        <v>0</v>
      </c>
      <c r="FY26" s="72">
        <v>0</v>
      </c>
      <c r="FZ26" s="244"/>
      <c r="GA26" s="71">
        <v>0</v>
      </c>
      <c r="GB26" s="71">
        <v>0</v>
      </c>
      <c r="GC26" s="71">
        <v>0</v>
      </c>
      <c r="GD26" s="71">
        <v>0</v>
      </c>
      <c r="GE26" s="71">
        <v>0</v>
      </c>
      <c r="GF26" s="72">
        <v>0</v>
      </c>
      <c r="GG26" s="73">
        <v>0</v>
      </c>
      <c r="GH26" s="70">
        <v>9</v>
      </c>
      <c r="GI26" s="71">
        <v>6</v>
      </c>
      <c r="GJ26" s="72">
        <v>15</v>
      </c>
      <c r="GK26" s="244"/>
      <c r="GL26" s="71">
        <v>10</v>
      </c>
      <c r="GM26" s="71">
        <v>11</v>
      </c>
      <c r="GN26" s="71">
        <v>3</v>
      </c>
      <c r="GO26" s="71">
        <v>11</v>
      </c>
      <c r="GP26" s="71">
        <v>7</v>
      </c>
      <c r="GQ26" s="72">
        <v>42</v>
      </c>
      <c r="GR26" s="73">
        <v>57</v>
      </c>
      <c r="GS26" s="123">
        <v>21</v>
      </c>
      <c r="GT26" s="82">
        <v>19</v>
      </c>
      <c r="GU26" s="83">
        <v>40</v>
      </c>
      <c r="GV26" s="241"/>
      <c r="GW26" s="82">
        <v>35</v>
      </c>
      <c r="GX26" s="82">
        <v>38</v>
      </c>
      <c r="GY26" s="82">
        <v>26</v>
      </c>
      <c r="GZ26" s="82">
        <v>28</v>
      </c>
      <c r="HA26" s="82">
        <v>18</v>
      </c>
      <c r="HB26" s="84">
        <v>145</v>
      </c>
      <c r="HC26" s="85">
        <v>185</v>
      </c>
      <c r="HD26" s="70">
        <v>0</v>
      </c>
      <c r="HE26" s="71">
        <v>0</v>
      </c>
      <c r="HF26" s="72">
        <v>0</v>
      </c>
      <c r="HG26" s="244"/>
      <c r="HH26" s="71">
        <v>0</v>
      </c>
      <c r="HI26" s="71">
        <v>2</v>
      </c>
      <c r="HJ26" s="71">
        <v>1</v>
      </c>
      <c r="HK26" s="71">
        <v>0</v>
      </c>
      <c r="HL26" s="71">
        <v>0</v>
      </c>
      <c r="HM26" s="72">
        <v>3</v>
      </c>
      <c r="HN26" s="73">
        <v>3</v>
      </c>
      <c r="HO26" s="70">
        <v>2</v>
      </c>
      <c r="HP26" s="71">
        <v>2</v>
      </c>
      <c r="HQ26" s="72">
        <v>4</v>
      </c>
      <c r="HR26" s="244"/>
      <c r="HS26" s="71">
        <v>4</v>
      </c>
      <c r="HT26" s="71">
        <v>6</v>
      </c>
      <c r="HU26" s="71">
        <v>1</v>
      </c>
      <c r="HV26" s="71">
        <v>1</v>
      </c>
      <c r="HW26" s="71">
        <v>3</v>
      </c>
      <c r="HX26" s="72">
        <v>15</v>
      </c>
      <c r="HY26" s="73">
        <v>19</v>
      </c>
      <c r="HZ26" s="70">
        <v>6</v>
      </c>
      <c r="IA26" s="71">
        <v>2</v>
      </c>
      <c r="IB26" s="72">
        <v>8</v>
      </c>
      <c r="IC26" s="244"/>
      <c r="ID26" s="71">
        <v>5</v>
      </c>
      <c r="IE26" s="71">
        <v>5</v>
      </c>
      <c r="IF26" s="71">
        <v>2</v>
      </c>
      <c r="IG26" s="71">
        <v>2</v>
      </c>
      <c r="IH26" s="71">
        <v>4</v>
      </c>
      <c r="II26" s="72">
        <v>18</v>
      </c>
      <c r="IJ26" s="73">
        <v>26</v>
      </c>
      <c r="IK26" s="70">
        <v>2</v>
      </c>
      <c r="IL26" s="71">
        <v>9</v>
      </c>
      <c r="IM26" s="72">
        <v>11</v>
      </c>
      <c r="IN26" s="244"/>
      <c r="IO26" s="71">
        <v>4</v>
      </c>
      <c r="IP26" s="71">
        <v>9</v>
      </c>
      <c r="IQ26" s="71">
        <v>11</v>
      </c>
      <c r="IR26" s="71">
        <v>4</v>
      </c>
      <c r="IS26" s="71">
        <v>3</v>
      </c>
      <c r="IT26" s="72">
        <v>31</v>
      </c>
      <c r="IU26" s="73">
        <v>42</v>
      </c>
      <c r="IV26" s="70">
        <v>6</v>
      </c>
      <c r="IW26" s="71">
        <v>4</v>
      </c>
      <c r="IX26" s="72">
        <v>10</v>
      </c>
      <c r="IY26" s="244"/>
      <c r="IZ26" s="71">
        <v>8</v>
      </c>
      <c r="JA26" s="71">
        <v>8</v>
      </c>
      <c r="JB26" s="71">
        <v>6</v>
      </c>
      <c r="JC26" s="71">
        <v>5</v>
      </c>
      <c r="JD26" s="71">
        <v>3</v>
      </c>
      <c r="JE26" s="72">
        <v>30</v>
      </c>
      <c r="JF26" s="73">
        <v>40</v>
      </c>
      <c r="JG26" s="70">
        <v>5</v>
      </c>
      <c r="JH26" s="71">
        <v>2</v>
      </c>
      <c r="JI26" s="72">
        <v>7</v>
      </c>
      <c r="JJ26" s="244"/>
      <c r="JK26" s="71">
        <v>14</v>
      </c>
      <c r="JL26" s="71">
        <v>8</v>
      </c>
      <c r="JM26" s="71">
        <v>5</v>
      </c>
      <c r="JN26" s="71">
        <v>16</v>
      </c>
      <c r="JO26" s="71">
        <v>5</v>
      </c>
      <c r="JP26" s="72">
        <v>48</v>
      </c>
      <c r="JQ26" s="73">
        <v>55</v>
      </c>
      <c r="JR26" s="70">
        <v>0</v>
      </c>
      <c r="JS26" s="71">
        <v>0</v>
      </c>
      <c r="JT26" s="72">
        <v>0</v>
      </c>
      <c r="JU26" s="244"/>
      <c r="JV26" s="71">
        <v>0</v>
      </c>
      <c r="JW26" s="71">
        <v>0</v>
      </c>
      <c r="JX26" s="71">
        <v>0</v>
      </c>
      <c r="JY26" s="71">
        <v>0</v>
      </c>
      <c r="JZ26" s="71">
        <v>0</v>
      </c>
      <c r="KA26" s="72">
        <v>0</v>
      </c>
      <c r="KB26" s="73">
        <v>0</v>
      </c>
      <c r="KC26" s="70">
        <v>21</v>
      </c>
      <c r="KD26" s="71">
        <v>19</v>
      </c>
      <c r="KE26" s="72">
        <v>40</v>
      </c>
      <c r="KF26" s="244"/>
      <c r="KG26" s="71">
        <v>35</v>
      </c>
      <c r="KH26" s="71">
        <v>38</v>
      </c>
      <c r="KI26" s="71">
        <v>26</v>
      </c>
      <c r="KJ26" s="71">
        <v>28</v>
      </c>
      <c r="KK26" s="71">
        <v>18</v>
      </c>
      <c r="KL26" s="72">
        <v>145</v>
      </c>
      <c r="KM26" s="73">
        <v>185</v>
      </c>
    </row>
    <row r="27" spans="2:299" ht="19.5" customHeight="1" x14ac:dyDescent="0.2">
      <c r="B27" s="126" t="s">
        <v>24</v>
      </c>
      <c r="C27" s="316">
        <v>21</v>
      </c>
      <c r="D27" s="82">
        <v>14</v>
      </c>
      <c r="E27" s="83">
        <v>35</v>
      </c>
      <c r="F27" s="241"/>
      <c r="G27" s="82">
        <v>34</v>
      </c>
      <c r="H27" s="82">
        <v>18</v>
      </c>
      <c r="I27" s="82">
        <v>17</v>
      </c>
      <c r="J27" s="82">
        <v>18</v>
      </c>
      <c r="K27" s="82">
        <v>9</v>
      </c>
      <c r="L27" s="84">
        <v>96</v>
      </c>
      <c r="M27" s="85">
        <v>131</v>
      </c>
      <c r="N27" s="70">
        <v>0</v>
      </c>
      <c r="O27" s="71">
        <v>0</v>
      </c>
      <c r="P27" s="72">
        <v>0</v>
      </c>
      <c r="Q27" s="244"/>
      <c r="R27" s="71">
        <v>0</v>
      </c>
      <c r="S27" s="71">
        <v>0</v>
      </c>
      <c r="T27" s="71">
        <v>0</v>
      </c>
      <c r="U27" s="71">
        <v>0</v>
      </c>
      <c r="V27" s="71">
        <v>1</v>
      </c>
      <c r="W27" s="72">
        <v>1</v>
      </c>
      <c r="X27" s="73">
        <v>1</v>
      </c>
      <c r="Y27" s="70">
        <v>0</v>
      </c>
      <c r="Z27" s="71">
        <v>0</v>
      </c>
      <c r="AA27" s="72">
        <v>0</v>
      </c>
      <c r="AB27" s="244">
        <v>0</v>
      </c>
      <c r="AC27" s="71">
        <v>1</v>
      </c>
      <c r="AD27" s="71">
        <v>0</v>
      </c>
      <c r="AE27" s="71">
        <v>3</v>
      </c>
      <c r="AF27" s="71">
        <v>0</v>
      </c>
      <c r="AG27" s="71">
        <v>0</v>
      </c>
      <c r="AH27" s="72">
        <v>4</v>
      </c>
      <c r="AI27" s="73">
        <v>4</v>
      </c>
      <c r="AJ27" s="70">
        <v>1</v>
      </c>
      <c r="AK27" s="71">
        <v>1</v>
      </c>
      <c r="AL27" s="72">
        <v>2</v>
      </c>
      <c r="AM27" s="244"/>
      <c r="AN27" s="71">
        <v>4</v>
      </c>
      <c r="AO27" s="71">
        <v>2</v>
      </c>
      <c r="AP27" s="71">
        <v>1</v>
      </c>
      <c r="AQ27" s="71">
        <v>2</v>
      </c>
      <c r="AR27" s="71">
        <v>1</v>
      </c>
      <c r="AS27" s="72">
        <v>10</v>
      </c>
      <c r="AT27" s="73">
        <v>12</v>
      </c>
      <c r="AU27" s="70">
        <v>9</v>
      </c>
      <c r="AV27" s="71">
        <v>5</v>
      </c>
      <c r="AW27" s="72">
        <v>14</v>
      </c>
      <c r="AX27" s="244"/>
      <c r="AY27" s="71">
        <v>9</v>
      </c>
      <c r="AZ27" s="71">
        <v>4</v>
      </c>
      <c r="BA27" s="71">
        <v>5</v>
      </c>
      <c r="BB27" s="71">
        <v>4</v>
      </c>
      <c r="BC27" s="71">
        <v>3</v>
      </c>
      <c r="BD27" s="72">
        <v>25</v>
      </c>
      <c r="BE27" s="73">
        <v>39</v>
      </c>
      <c r="BF27" s="70">
        <v>10</v>
      </c>
      <c r="BG27" s="71">
        <v>4</v>
      </c>
      <c r="BH27" s="72">
        <v>14</v>
      </c>
      <c r="BI27" s="244">
        <v>0</v>
      </c>
      <c r="BJ27" s="71">
        <v>13</v>
      </c>
      <c r="BK27" s="71">
        <v>7</v>
      </c>
      <c r="BL27" s="71">
        <v>2</v>
      </c>
      <c r="BM27" s="71">
        <v>3</v>
      </c>
      <c r="BN27" s="71">
        <v>3</v>
      </c>
      <c r="BO27" s="72">
        <v>28</v>
      </c>
      <c r="BP27" s="73">
        <v>42</v>
      </c>
      <c r="BQ27" s="70">
        <v>1</v>
      </c>
      <c r="BR27" s="71">
        <v>4</v>
      </c>
      <c r="BS27" s="72">
        <v>5</v>
      </c>
      <c r="BT27" s="244"/>
      <c r="BU27" s="71">
        <v>7</v>
      </c>
      <c r="BV27" s="71">
        <v>5</v>
      </c>
      <c r="BW27" s="71">
        <v>6</v>
      </c>
      <c r="BX27" s="71">
        <v>9</v>
      </c>
      <c r="BY27" s="71">
        <v>1</v>
      </c>
      <c r="BZ27" s="72">
        <v>28</v>
      </c>
      <c r="CA27" s="73">
        <v>33</v>
      </c>
      <c r="CB27" s="70">
        <v>0</v>
      </c>
      <c r="CC27" s="71">
        <v>0</v>
      </c>
      <c r="CD27" s="72">
        <v>0</v>
      </c>
      <c r="CE27" s="244"/>
      <c r="CF27" s="71">
        <v>0</v>
      </c>
      <c r="CG27" s="71">
        <v>0</v>
      </c>
      <c r="CH27" s="71">
        <v>0</v>
      </c>
      <c r="CI27" s="71">
        <v>0</v>
      </c>
      <c r="CJ27" s="71">
        <v>0</v>
      </c>
      <c r="CK27" s="72">
        <v>0</v>
      </c>
      <c r="CL27" s="73">
        <v>0</v>
      </c>
      <c r="CM27" s="70">
        <v>21</v>
      </c>
      <c r="CN27" s="71">
        <v>14</v>
      </c>
      <c r="CO27" s="72">
        <v>35</v>
      </c>
      <c r="CP27" s="244"/>
      <c r="CQ27" s="71">
        <v>34</v>
      </c>
      <c r="CR27" s="71">
        <v>18</v>
      </c>
      <c r="CS27" s="71">
        <v>17</v>
      </c>
      <c r="CT27" s="71">
        <v>18</v>
      </c>
      <c r="CU27" s="71">
        <v>9</v>
      </c>
      <c r="CV27" s="72">
        <v>96</v>
      </c>
      <c r="CW27" s="73">
        <v>131</v>
      </c>
      <c r="CX27" s="123">
        <v>7</v>
      </c>
      <c r="CY27" s="82">
        <v>5</v>
      </c>
      <c r="CZ27" s="83">
        <v>12</v>
      </c>
      <c r="DA27" s="241"/>
      <c r="DB27" s="82">
        <v>8</v>
      </c>
      <c r="DC27" s="82">
        <v>8</v>
      </c>
      <c r="DD27" s="82">
        <v>4</v>
      </c>
      <c r="DE27" s="82">
        <v>5</v>
      </c>
      <c r="DF27" s="82">
        <v>3</v>
      </c>
      <c r="DG27" s="84">
        <v>28</v>
      </c>
      <c r="DH27" s="85">
        <v>40</v>
      </c>
      <c r="DI27" s="70">
        <v>0</v>
      </c>
      <c r="DJ27" s="71">
        <v>0</v>
      </c>
      <c r="DK27" s="72">
        <v>0</v>
      </c>
      <c r="DL27" s="244"/>
      <c r="DM27" s="71">
        <v>0</v>
      </c>
      <c r="DN27" s="71">
        <v>0</v>
      </c>
      <c r="DO27" s="71">
        <v>0</v>
      </c>
      <c r="DP27" s="71">
        <v>0</v>
      </c>
      <c r="DQ27" s="71">
        <v>0</v>
      </c>
      <c r="DR27" s="72">
        <v>0</v>
      </c>
      <c r="DS27" s="73">
        <v>0</v>
      </c>
      <c r="DT27" s="70">
        <v>0</v>
      </c>
      <c r="DU27" s="71">
        <v>0</v>
      </c>
      <c r="DV27" s="72">
        <v>0</v>
      </c>
      <c r="DW27" s="244"/>
      <c r="DX27" s="71">
        <v>1</v>
      </c>
      <c r="DY27" s="71">
        <v>0</v>
      </c>
      <c r="DZ27" s="71">
        <v>0</v>
      </c>
      <c r="EA27" s="71">
        <v>1</v>
      </c>
      <c r="EB27" s="71">
        <v>1</v>
      </c>
      <c r="EC27" s="72">
        <v>3</v>
      </c>
      <c r="ED27" s="73">
        <v>3</v>
      </c>
      <c r="EE27" s="70">
        <v>0</v>
      </c>
      <c r="EF27" s="71">
        <v>1</v>
      </c>
      <c r="EG27" s="72">
        <v>1</v>
      </c>
      <c r="EH27" s="244"/>
      <c r="EI27" s="71">
        <v>1</v>
      </c>
      <c r="EJ27" s="71">
        <v>0</v>
      </c>
      <c r="EK27" s="71">
        <v>0</v>
      </c>
      <c r="EL27" s="71">
        <v>1</v>
      </c>
      <c r="EM27" s="71">
        <v>0</v>
      </c>
      <c r="EN27" s="72">
        <v>2</v>
      </c>
      <c r="EO27" s="73">
        <v>3</v>
      </c>
      <c r="EP27" s="70">
        <v>1</v>
      </c>
      <c r="EQ27" s="71">
        <v>2</v>
      </c>
      <c r="ER27" s="72">
        <v>3</v>
      </c>
      <c r="ES27" s="244"/>
      <c r="ET27" s="71">
        <v>2</v>
      </c>
      <c r="EU27" s="71">
        <v>1</v>
      </c>
      <c r="EV27" s="71">
        <v>3</v>
      </c>
      <c r="EW27" s="71">
        <v>0</v>
      </c>
      <c r="EX27" s="71">
        <v>0</v>
      </c>
      <c r="EY27" s="72">
        <v>6</v>
      </c>
      <c r="EZ27" s="73">
        <v>9</v>
      </c>
      <c r="FA27" s="70">
        <v>4</v>
      </c>
      <c r="FB27" s="71">
        <v>2</v>
      </c>
      <c r="FC27" s="72">
        <v>6</v>
      </c>
      <c r="FD27" s="244"/>
      <c r="FE27" s="71">
        <v>2</v>
      </c>
      <c r="FF27" s="71">
        <v>3</v>
      </c>
      <c r="FG27" s="71">
        <v>1</v>
      </c>
      <c r="FH27" s="71">
        <v>1</v>
      </c>
      <c r="FI27" s="71">
        <v>2</v>
      </c>
      <c r="FJ27" s="72">
        <v>9</v>
      </c>
      <c r="FK27" s="73">
        <v>15</v>
      </c>
      <c r="FL27" s="70">
        <v>2</v>
      </c>
      <c r="FM27" s="71">
        <v>0</v>
      </c>
      <c r="FN27" s="72">
        <v>2</v>
      </c>
      <c r="FO27" s="241"/>
      <c r="FP27" s="71">
        <v>2</v>
      </c>
      <c r="FQ27" s="71">
        <v>4</v>
      </c>
      <c r="FR27" s="71">
        <v>0</v>
      </c>
      <c r="FS27" s="71">
        <v>2</v>
      </c>
      <c r="FT27" s="71">
        <v>0</v>
      </c>
      <c r="FU27" s="72">
        <v>8</v>
      </c>
      <c r="FV27" s="73">
        <v>10</v>
      </c>
      <c r="FW27" s="70">
        <v>0</v>
      </c>
      <c r="FX27" s="71">
        <v>0</v>
      </c>
      <c r="FY27" s="72">
        <v>0</v>
      </c>
      <c r="FZ27" s="244"/>
      <c r="GA27" s="71">
        <v>0</v>
      </c>
      <c r="GB27" s="71">
        <v>0</v>
      </c>
      <c r="GC27" s="71">
        <v>0</v>
      </c>
      <c r="GD27" s="71">
        <v>0</v>
      </c>
      <c r="GE27" s="71">
        <v>0</v>
      </c>
      <c r="GF27" s="72">
        <v>0</v>
      </c>
      <c r="GG27" s="73">
        <v>0</v>
      </c>
      <c r="GH27" s="70">
        <v>7</v>
      </c>
      <c r="GI27" s="71">
        <v>5</v>
      </c>
      <c r="GJ27" s="72">
        <v>12</v>
      </c>
      <c r="GK27" s="244"/>
      <c r="GL27" s="71">
        <v>8</v>
      </c>
      <c r="GM27" s="71">
        <v>8</v>
      </c>
      <c r="GN27" s="71">
        <v>4</v>
      </c>
      <c r="GO27" s="71">
        <v>5</v>
      </c>
      <c r="GP27" s="71">
        <v>3</v>
      </c>
      <c r="GQ27" s="72">
        <v>28</v>
      </c>
      <c r="GR27" s="73">
        <v>40</v>
      </c>
      <c r="GS27" s="123">
        <v>28</v>
      </c>
      <c r="GT27" s="82">
        <v>19</v>
      </c>
      <c r="GU27" s="83">
        <v>47</v>
      </c>
      <c r="GV27" s="241"/>
      <c r="GW27" s="82">
        <v>42</v>
      </c>
      <c r="GX27" s="82">
        <v>26</v>
      </c>
      <c r="GY27" s="82">
        <v>21</v>
      </c>
      <c r="GZ27" s="82">
        <v>23</v>
      </c>
      <c r="HA27" s="82">
        <v>12</v>
      </c>
      <c r="HB27" s="84">
        <v>124</v>
      </c>
      <c r="HC27" s="85">
        <v>171</v>
      </c>
      <c r="HD27" s="70">
        <v>0</v>
      </c>
      <c r="HE27" s="71">
        <v>0</v>
      </c>
      <c r="HF27" s="72">
        <v>0</v>
      </c>
      <c r="HG27" s="244"/>
      <c r="HH27" s="71">
        <v>0</v>
      </c>
      <c r="HI27" s="71">
        <v>0</v>
      </c>
      <c r="HJ27" s="71">
        <v>0</v>
      </c>
      <c r="HK27" s="71">
        <v>0</v>
      </c>
      <c r="HL27" s="71">
        <v>1</v>
      </c>
      <c r="HM27" s="72">
        <v>1</v>
      </c>
      <c r="HN27" s="73">
        <v>1</v>
      </c>
      <c r="HO27" s="70">
        <v>0</v>
      </c>
      <c r="HP27" s="71">
        <v>0</v>
      </c>
      <c r="HQ27" s="72">
        <v>0</v>
      </c>
      <c r="HR27" s="244"/>
      <c r="HS27" s="71">
        <v>2</v>
      </c>
      <c r="HT27" s="71">
        <v>0</v>
      </c>
      <c r="HU27" s="71">
        <v>3</v>
      </c>
      <c r="HV27" s="71">
        <v>1</v>
      </c>
      <c r="HW27" s="71">
        <v>1</v>
      </c>
      <c r="HX27" s="72">
        <v>7</v>
      </c>
      <c r="HY27" s="73">
        <v>7</v>
      </c>
      <c r="HZ27" s="70">
        <v>1</v>
      </c>
      <c r="IA27" s="71">
        <v>2</v>
      </c>
      <c r="IB27" s="72">
        <v>3</v>
      </c>
      <c r="IC27" s="244"/>
      <c r="ID27" s="71">
        <v>5</v>
      </c>
      <c r="IE27" s="71">
        <v>2</v>
      </c>
      <c r="IF27" s="71">
        <v>1</v>
      </c>
      <c r="IG27" s="71">
        <v>3</v>
      </c>
      <c r="IH27" s="71">
        <v>1</v>
      </c>
      <c r="II27" s="72">
        <v>12</v>
      </c>
      <c r="IJ27" s="73">
        <v>15</v>
      </c>
      <c r="IK27" s="70">
        <v>10</v>
      </c>
      <c r="IL27" s="71">
        <v>7</v>
      </c>
      <c r="IM27" s="72">
        <v>17</v>
      </c>
      <c r="IN27" s="244"/>
      <c r="IO27" s="71">
        <v>11</v>
      </c>
      <c r="IP27" s="71">
        <v>5</v>
      </c>
      <c r="IQ27" s="71">
        <v>8</v>
      </c>
      <c r="IR27" s="71">
        <v>4</v>
      </c>
      <c r="IS27" s="71">
        <v>3</v>
      </c>
      <c r="IT27" s="72">
        <v>31</v>
      </c>
      <c r="IU27" s="73">
        <v>48</v>
      </c>
      <c r="IV27" s="70">
        <v>14</v>
      </c>
      <c r="IW27" s="71">
        <v>6</v>
      </c>
      <c r="IX27" s="72">
        <v>20</v>
      </c>
      <c r="IY27" s="244"/>
      <c r="IZ27" s="71">
        <v>15</v>
      </c>
      <c r="JA27" s="71">
        <v>10</v>
      </c>
      <c r="JB27" s="71">
        <v>3</v>
      </c>
      <c r="JC27" s="71">
        <v>4</v>
      </c>
      <c r="JD27" s="71">
        <v>5</v>
      </c>
      <c r="JE27" s="72">
        <v>37</v>
      </c>
      <c r="JF27" s="73">
        <v>57</v>
      </c>
      <c r="JG27" s="70">
        <v>3</v>
      </c>
      <c r="JH27" s="71">
        <v>4</v>
      </c>
      <c r="JI27" s="72">
        <v>7</v>
      </c>
      <c r="JJ27" s="244"/>
      <c r="JK27" s="71">
        <v>9</v>
      </c>
      <c r="JL27" s="71">
        <v>9</v>
      </c>
      <c r="JM27" s="71">
        <v>6</v>
      </c>
      <c r="JN27" s="71">
        <v>11</v>
      </c>
      <c r="JO27" s="71">
        <v>1</v>
      </c>
      <c r="JP27" s="72">
        <v>36</v>
      </c>
      <c r="JQ27" s="73">
        <v>43</v>
      </c>
      <c r="JR27" s="70">
        <v>0</v>
      </c>
      <c r="JS27" s="71">
        <v>0</v>
      </c>
      <c r="JT27" s="72">
        <v>0</v>
      </c>
      <c r="JU27" s="244"/>
      <c r="JV27" s="71">
        <v>0</v>
      </c>
      <c r="JW27" s="71">
        <v>0</v>
      </c>
      <c r="JX27" s="71">
        <v>0</v>
      </c>
      <c r="JY27" s="71">
        <v>0</v>
      </c>
      <c r="JZ27" s="71">
        <v>0</v>
      </c>
      <c r="KA27" s="72">
        <v>0</v>
      </c>
      <c r="KB27" s="73">
        <v>0</v>
      </c>
      <c r="KC27" s="70">
        <v>28</v>
      </c>
      <c r="KD27" s="71">
        <v>19</v>
      </c>
      <c r="KE27" s="72">
        <v>47</v>
      </c>
      <c r="KF27" s="244"/>
      <c r="KG27" s="71">
        <v>42</v>
      </c>
      <c r="KH27" s="71">
        <v>26</v>
      </c>
      <c r="KI27" s="71">
        <v>21</v>
      </c>
      <c r="KJ27" s="71">
        <v>23</v>
      </c>
      <c r="KK27" s="71">
        <v>12</v>
      </c>
      <c r="KL27" s="72">
        <v>124</v>
      </c>
      <c r="KM27" s="73">
        <v>171</v>
      </c>
    </row>
    <row r="28" spans="2:299" ht="19.5" customHeight="1" x14ac:dyDescent="0.2">
      <c r="B28" s="126" t="s">
        <v>25</v>
      </c>
      <c r="C28" s="316">
        <v>6</v>
      </c>
      <c r="D28" s="82">
        <v>11</v>
      </c>
      <c r="E28" s="83">
        <v>17</v>
      </c>
      <c r="F28" s="241"/>
      <c r="G28" s="82">
        <v>16</v>
      </c>
      <c r="H28" s="82">
        <v>10</v>
      </c>
      <c r="I28" s="82">
        <v>8</v>
      </c>
      <c r="J28" s="82">
        <v>4</v>
      </c>
      <c r="K28" s="82">
        <v>4</v>
      </c>
      <c r="L28" s="84">
        <v>42</v>
      </c>
      <c r="M28" s="85">
        <v>59</v>
      </c>
      <c r="N28" s="70">
        <v>0</v>
      </c>
      <c r="O28" s="71">
        <v>0</v>
      </c>
      <c r="P28" s="72">
        <v>0</v>
      </c>
      <c r="Q28" s="244"/>
      <c r="R28" s="71">
        <v>0</v>
      </c>
      <c r="S28" s="71">
        <v>1</v>
      </c>
      <c r="T28" s="71">
        <v>0</v>
      </c>
      <c r="U28" s="71">
        <v>0</v>
      </c>
      <c r="V28" s="71">
        <v>1</v>
      </c>
      <c r="W28" s="72">
        <v>2</v>
      </c>
      <c r="X28" s="73">
        <v>2</v>
      </c>
      <c r="Y28" s="70">
        <v>0</v>
      </c>
      <c r="Z28" s="71">
        <v>2</v>
      </c>
      <c r="AA28" s="72">
        <v>2</v>
      </c>
      <c r="AB28" s="244">
        <v>0</v>
      </c>
      <c r="AC28" s="71">
        <v>1</v>
      </c>
      <c r="AD28" s="71">
        <v>1</v>
      </c>
      <c r="AE28" s="71">
        <v>0</v>
      </c>
      <c r="AF28" s="71">
        <v>1</v>
      </c>
      <c r="AG28" s="71">
        <v>0</v>
      </c>
      <c r="AH28" s="72">
        <v>3</v>
      </c>
      <c r="AI28" s="73">
        <v>5</v>
      </c>
      <c r="AJ28" s="70">
        <v>1</v>
      </c>
      <c r="AK28" s="71">
        <v>4</v>
      </c>
      <c r="AL28" s="72">
        <v>5</v>
      </c>
      <c r="AM28" s="244"/>
      <c r="AN28" s="71">
        <v>3</v>
      </c>
      <c r="AO28" s="71">
        <v>1</v>
      </c>
      <c r="AP28" s="71">
        <v>0</v>
      </c>
      <c r="AQ28" s="71">
        <v>1</v>
      </c>
      <c r="AR28" s="71">
        <v>0</v>
      </c>
      <c r="AS28" s="72">
        <v>5</v>
      </c>
      <c r="AT28" s="73">
        <v>10</v>
      </c>
      <c r="AU28" s="70">
        <v>3</v>
      </c>
      <c r="AV28" s="71">
        <v>1</v>
      </c>
      <c r="AW28" s="72">
        <v>4</v>
      </c>
      <c r="AX28" s="244"/>
      <c r="AY28" s="71">
        <v>3</v>
      </c>
      <c r="AZ28" s="71">
        <v>2</v>
      </c>
      <c r="BA28" s="71">
        <v>4</v>
      </c>
      <c r="BB28" s="71">
        <v>1</v>
      </c>
      <c r="BC28" s="71">
        <v>1</v>
      </c>
      <c r="BD28" s="72">
        <v>11</v>
      </c>
      <c r="BE28" s="73">
        <v>15</v>
      </c>
      <c r="BF28" s="70">
        <v>1</v>
      </c>
      <c r="BG28" s="71">
        <v>2</v>
      </c>
      <c r="BH28" s="72">
        <v>3</v>
      </c>
      <c r="BI28" s="244">
        <v>0</v>
      </c>
      <c r="BJ28" s="71">
        <v>7</v>
      </c>
      <c r="BK28" s="71">
        <v>0</v>
      </c>
      <c r="BL28" s="71">
        <v>4</v>
      </c>
      <c r="BM28" s="71">
        <v>0</v>
      </c>
      <c r="BN28" s="71">
        <v>2</v>
      </c>
      <c r="BO28" s="72">
        <v>13</v>
      </c>
      <c r="BP28" s="73">
        <v>16</v>
      </c>
      <c r="BQ28" s="70">
        <v>1</v>
      </c>
      <c r="BR28" s="71">
        <v>2</v>
      </c>
      <c r="BS28" s="72">
        <v>3</v>
      </c>
      <c r="BT28" s="244"/>
      <c r="BU28" s="71">
        <v>2</v>
      </c>
      <c r="BV28" s="71">
        <v>5</v>
      </c>
      <c r="BW28" s="71">
        <v>0</v>
      </c>
      <c r="BX28" s="71">
        <v>1</v>
      </c>
      <c r="BY28" s="71">
        <v>0</v>
      </c>
      <c r="BZ28" s="72">
        <v>8</v>
      </c>
      <c r="CA28" s="73">
        <v>11</v>
      </c>
      <c r="CB28" s="70">
        <v>0</v>
      </c>
      <c r="CC28" s="71">
        <v>0</v>
      </c>
      <c r="CD28" s="72">
        <v>0</v>
      </c>
      <c r="CE28" s="244"/>
      <c r="CF28" s="71">
        <v>0</v>
      </c>
      <c r="CG28" s="71">
        <v>0</v>
      </c>
      <c r="CH28" s="71">
        <v>0</v>
      </c>
      <c r="CI28" s="71">
        <v>0</v>
      </c>
      <c r="CJ28" s="71">
        <v>0</v>
      </c>
      <c r="CK28" s="72">
        <v>0</v>
      </c>
      <c r="CL28" s="73">
        <v>0</v>
      </c>
      <c r="CM28" s="70">
        <v>6</v>
      </c>
      <c r="CN28" s="71">
        <v>11</v>
      </c>
      <c r="CO28" s="72">
        <v>17</v>
      </c>
      <c r="CP28" s="244"/>
      <c r="CQ28" s="71">
        <v>16</v>
      </c>
      <c r="CR28" s="71">
        <v>10</v>
      </c>
      <c r="CS28" s="71">
        <v>8</v>
      </c>
      <c r="CT28" s="71">
        <v>4</v>
      </c>
      <c r="CU28" s="71">
        <v>4</v>
      </c>
      <c r="CV28" s="72">
        <v>42</v>
      </c>
      <c r="CW28" s="73">
        <v>59</v>
      </c>
      <c r="CX28" s="123">
        <v>4</v>
      </c>
      <c r="CY28" s="82">
        <v>8</v>
      </c>
      <c r="CZ28" s="83">
        <v>12</v>
      </c>
      <c r="DA28" s="241"/>
      <c r="DB28" s="82">
        <v>10</v>
      </c>
      <c r="DC28" s="82">
        <v>6</v>
      </c>
      <c r="DD28" s="82">
        <v>2</v>
      </c>
      <c r="DE28" s="82">
        <v>7</v>
      </c>
      <c r="DF28" s="82">
        <v>3</v>
      </c>
      <c r="DG28" s="84">
        <v>28</v>
      </c>
      <c r="DH28" s="85">
        <v>40</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0</v>
      </c>
      <c r="DZ28" s="71">
        <v>0</v>
      </c>
      <c r="EA28" s="71">
        <v>0</v>
      </c>
      <c r="EB28" s="71">
        <v>1</v>
      </c>
      <c r="EC28" s="72">
        <v>1</v>
      </c>
      <c r="ED28" s="73">
        <v>1</v>
      </c>
      <c r="EE28" s="70">
        <v>1</v>
      </c>
      <c r="EF28" s="71">
        <v>2</v>
      </c>
      <c r="EG28" s="72">
        <v>3</v>
      </c>
      <c r="EH28" s="244"/>
      <c r="EI28" s="71">
        <v>1</v>
      </c>
      <c r="EJ28" s="71">
        <v>1</v>
      </c>
      <c r="EK28" s="71">
        <v>0</v>
      </c>
      <c r="EL28" s="71">
        <v>1</v>
      </c>
      <c r="EM28" s="71">
        <v>0</v>
      </c>
      <c r="EN28" s="72">
        <v>3</v>
      </c>
      <c r="EO28" s="73">
        <v>6</v>
      </c>
      <c r="EP28" s="70">
        <v>0</v>
      </c>
      <c r="EQ28" s="71">
        <v>1</v>
      </c>
      <c r="ER28" s="72">
        <v>1</v>
      </c>
      <c r="ES28" s="244"/>
      <c r="ET28" s="71">
        <v>0</v>
      </c>
      <c r="EU28" s="71">
        <v>0</v>
      </c>
      <c r="EV28" s="71">
        <v>0</v>
      </c>
      <c r="EW28" s="71">
        <v>3</v>
      </c>
      <c r="EX28" s="71">
        <v>1</v>
      </c>
      <c r="EY28" s="72">
        <v>4</v>
      </c>
      <c r="EZ28" s="73">
        <v>5</v>
      </c>
      <c r="FA28" s="70">
        <v>1</v>
      </c>
      <c r="FB28" s="71">
        <v>3</v>
      </c>
      <c r="FC28" s="72">
        <v>4</v>
      </c>
      <c r="FD28" s="244"/>
      <c r="FE28" s="71">
        <v>4</v>
      </c>
      <c r="FF28" s="71">
        <v>0</v>
      </c>
      <c r="FG28" s="71">
        <v>0</v>
      </c>
      <c r="FH28" s="71">
        <v>2</v>
      </c>
      <c r="FI28" s="71">
        <v>1</v>
      </c>
      <c r="FJ28" s="72">
        <v>7</v>
      </c>
      <c r="FK28" s="73">
        <v>11</v>
      </c>
      <c r="FL28" s="70">
        <v>2</v>
      </c>
      <c r="FM28" s="71">
        <v>2</v>
      </c>
      <c r="FN28" s="72">
        <v>4</v>
      </c>
      <c r="FO28" s="241"/>
      <c r="FP28" s="71">
        <v>5</v>
      </c>
      <c r="FQ28" s="71">
        <v>5</v>
      </c>
      <c r="FR28" s="71">
        <v>2</v>
      </c>
      <c r="FS28" s="71">
        <v>1</v>
      </c>
      <c r="FT28" s="71">
        <v>0</v>
      </c>
      <c r="FU28" s="72">
        <v>13</v>
      </c>
      <c r="FV28" s="73">
        <v>17</v>
      </c>
      <c r="FW28" s="70">
        <v>0</v>
      </c>
      <c r="FX28" s="71">
        <v>0</v>
      </c>
      <c r="FY28" s="72">
        <v>0</v>
      </c>
      <c r="FZ28" s="244"/>
      <c r="GA28" s="71">
        <v>0</v>
      </c>
      <c r="GB28" s="71">
        <v>0</v>
      </c>
      <c r="GC28" s="71">
        <v>0</v>
      </c>
      <c r="GD28" s="71">
        <v>0</v>
      </c>
      <c r="GE28" s="71">
        <v>0</v>
      </c>
      <c r="GF28" s="72">
        <v>0</v>
      </c>
      <c r="GG28" s="73">
        <v>0</v>
      </c>
      <c r="GH28" s="70">
        <v>4</v>
      </c>
      <c r="GI28" s="71">
        <v>8</v>
      </c>
      <c r="GJ28" s="72">
        <v>12</v>
      </c>
      <c r="GK28" s="244"/>
      <c r="GL28" s="71">
        <v>10</v>
      </c>
      <c r="GM28" s="71">
        <v>6</v>
      </c>
      <c r="GN28" s="71">
        <v>2</v>
      </c>
      <c r="GO28" s="71">
        <v>7</v>
      </c>
      <c r="GP28" s="71">
        <v>3</v>
      </c>
      <c r="GQ28" s="72">
        <v>28</v>
      </c>
      <c r="GR28" s="73">
        <v>40</v>
      </c>
      <c r="GS28" s="123">
        <v>10</v>
      </c>
      <c r="GT28" s="82">
        <v>19</v>
      </c>
      <c r="GU28" s="83">
        <v>29</v>
      </c>
      <c r="GV28" s="241"/>
      <c r="GW28" s="82">
        <v>26</v>
      </c>
      <c r="GX28" s="82">
        <v>16</v>
      </c>
      <c r="GY28" s="82">
        <v>10</v>
      </c>
      <c r="GZ28" s="82">
        <v>11</v>
      </c>
      <c r="HA28" s="82">
        <v>7</v>
      </c>
      <c r="HB28" s="84">
        <v>70</v>
      </c>
      <c r="HC28" s="85">
        <v>99</v>
      </c>
      <c r="HD28" s="70">
        <v>0</v>
      </c>
      <c r="HE28" s="71">
        <v>0</v>
      </c>
      <c r="HF28" s="72">
        <v>0</v>
      </c>
      <c r="HG28" s="244"/>
      <c r="HH28" s="71">
        <v>0</v>
      </c>
      <c r="HI28" s="71">
        <v>1</v>
      </c>
      <c r="HJ28" s="71">
        <v>0</v>
      </c>
      <c r="HK28" s="71">
        <v>0</v>
      </c>
      <c r="HL28" s="71">
        <v>1</v>
      </c>
      <c r="HM28" s="72">
        <v>2</v>
      </c>
      <c r="HN28" s="73">
        <v>2</v>
      </c>
      <c r="HO28" s="70">
        <v>0</v>
      </c>
      <c r="HP28" s="71">
        <v>2</v>
      </c>
      <c r="HQ28" s="72">
        <v>2</v>
      </c>
      <c r="HR28" s="244"/>
      <c r="HS28" s="71">
        <v>1</v>
      </c>
      <c r="HT28" s="71">
        <v>1</v>
      </c>
      <c r="HU28" s="71">
        <v>0</v>
      </c>
      <c r="HV28" s="71">
        <v>1</v>
      </c>
      <c r="HW28" s="71">
        <v>1</v>
      </c>
      <c r="HX28" s="72">
        <v>4</v>
      </c>
      <c r="HY28" s="73">
        <v>6</v>
      </c>
      <c r="HZ28" s="70">
        <v>2</v>
      </c>
      <c r="IA28" s="71">
        <v>6</v>
      </c>
      <c r="IB28" s="72">
        <v>8</v>
      </c>
      <c r="IC28" s="244"/>
      <c r="ID28" s="71">
        <v>4</v>
      </c>
      <c r="IE28" s="71">
        <v>2</v>
      </c>
      <c r="IF28" s="71">
        <v>0</v>
      </c>
      <c r="IG28" s="71">
        <v>2</v>
      </c>
      <c r="IH28" s="71">
        <v>0</v>
      </c>
      <c r="II28" s="72">
        <v>8</v>
      </c>
      <c r="IJ28" s="73">
        <v>16</v>
      </c>
      <c r="IK28" s="70">
        <v>3</v>
      </c>
      <c r="IL28" s="71">
        <v>2</v>
      </c>
      <c r="IM28" s="72">
        <v>5</v>
      </c>
      <c r="IN28" s="244"/>
      <c r="IO28" s="71">
        <v>3</v>
      </c>
      <c r="IP28" s="71">
        <v>2</v>
      </c>
      <c r="IQ28" s="71">
        <v>4</v>
      </c>
      <c r="IR28" s="71">
        <v>4</v>
      </c>
      <c r="IS28" s="71">
        <v>2</v>
      </c>
      <c r="IT28" s="72">
        <v>15</v>
      </c>
      <c r="IU28" s="73">
        <v>20</v>
      </c>
      <c r="IV28" s="70">
        <v>2</v>
      </c>
      <c r="IW28" s="71">
        <v>5</v>
      </c>
      <c r="IX28" s="72">
        <v>7</v>
      </c>
      <c r="IY28" s="244"/>
      <c r="IZ28" s="71">
        <v>11</v>
      </c>
      <c r="JA28" s="71">
        <v>0</v>
      </c>
      <c r="JB28" s="71">
        <v>4</v>
      </c>
      <c r="JC28" s="71">
        <v>2</v>
      </c>
      <c r="JD28" s="71">
        <v>3</v>
      </c>
      <c r="JE28" s="72">
        <v>20</v>
      </c>
      <c r="JF28" s="73">
        <v>27</v>
      </c>
      <c r="JG28" s="70">
        <v>3</v>
      </c>
      <c r="JH28" s="71">
        <v>4</v>
      </c>
      <c r="JI28" s="72">
        <v>7</v>
      </c>
      <c r="JJ28" s="244"/>
      <c r="JK28" s="71">
        <v>7</v>
      </c>
      <c r="JL28" s="71">
        <v>10</v>
      </c>
      <c r="JM28" s="71">
        <v>2</v>
      </c>
      <c r="JN28" s="71">
        <v>2</v>
      </c>
      <c r="JO28" s="71">
        <v>0</v>
      </c>
      <c r="JP28" s="72">
        <v>21</v>
      </c>
      <c r="JQ28" s="73">
        <v>28</v>
      </c>
      <c r="JR28" s="70">
        <v>0</v>
      </c>
      <c r="JS28" s="71">
        <v>0</v>
      </c>
      <c r="JT28" s="72">
        <v>0</v>
      </c>
      <c r="JU28" s="244"/>
      <c r="JV28" s="71">
        <v>0</v>
      </c>
      <c r="JW28" s="71">
        <v>0</v>
      </c>
      <c r="JX28" s="71">
        <v>0</v>
      </c>
      <c r="JY28" s="71">
        <v>0</v>
      </c>
      <c r="JZ28" s="71">
        <v>0</v>
      </c>
      <c r="KA28" s="72">
        <v>0</v>
      </c>
      <c r="KB28" s="73">
        <v>0</v>
      </c>
      <c r="KC28" s="70">
        <v>10</v>
      </c>
      <c r="KD28" s="71">
        <v>19</v>
      </c>
      <c r="KE28" s="72">
        <v>29</v>
      </c>
      <c r="KF28" s="244"/>
      <c r="KG28" s="71">
        <v>26</v>
      </c>
      <c r="KH28" s="71">
        <v>16</v>
      </c>
      <c r="KI28" s="71">
        <v>10</v>
      </c>
      <c r="KJ28" s="71">
        <v>11</v>
      </c>
      <c r="KK28" s="71">
        <v>7</v>
      </c>
      <c r="KL28" s="72">
        <v>70</v>
      </c>
      <c r="KM28" s="73">
        <v>99</v>
      </c>
    </row>
    <row r="29" spans="2:299" ht="19.5" customHeight="1" x14ac:dyDescent="0.2">
      <c r="B29" s="126" t="s">
        <v>26</v>
      </c>
      <c r="C29" s="316">
        <v>16</v>
      </c>
      <c r="D29" s="82">
        <v>11</v>
      </c>
      <c r="E29" s="83">
        <v>27</v>
      </c>
      <c r="F29" s="241"/>
      <c r="G29" s="82">
        <v>26</v>
      </c>
      <c r="H29" s="82">
        <v>16</v>
      </c>
      <c r="I29" s="82">
        <v>11</v>
      </c>
      <c r="J29" s="82">
        <v>5</v>
      </c>
      <c r="K29" s="82">
        <v>3</v>
      </c>
      <c r="L29" s="84">
        <v>61</v>
      </c>
      <c r="M29" s="85">
        <v>88</v>
      </c>
      <c r="N29" s="70">
        <v>1</v>
      </c>
      <c r="O29" s="71">
        <v>0</v>
      </c>
      <c r="P29" s="72">
        <v>1</v>
      </c>
      <c r="Q29" s="244"/>
      <c r="R29" s="71">
        <v>1</v>
      </c>
      <c r="S29" s="71">
        <v>1</v>
      </c>
      <c r="T29" s="71">
        <v>0</v>
      </c>
      <c r="U29" s="71">
        <v>0</v>
      </c>
      <c r="V29" s="71">
        <v>0</v>
      </c>
      <c r="W29" s="72">
        <v>2</v>
      </c>
      <c r="X29" s="73">
        <v>3</v>
      </c>
      <c r="Y29" s="70">
        <v>1</v>
      </c>
      <c r="Z29" s="71">
        <v>0</v>
      </c>
      <c r="AA29" s="72">
        <v>1</v>
      </c>
      <c r="AB29" s="244">
        <v>0</v>
      </c>
      <c r="AC29" s="71">
        <v>2</v>
      </c>
      <c r="AD29" s="71">
        <v>2</v>
      </c>
      <c r="AE29" s="71">
        <v>2</v>
      </c>
      <c r="AF29" s="71">
        <v>0</v>
      </c>
      <c r="AG29" s="71">
        <v>0</v>
      </c>
      <c r="AH29" s="72">
        <v>6</v>
      </c>
      <c r="AI29" s="73">
        <v>7</v>
      </c>
      <c r="AJ29" s="70">
        <v>2</v>
      </c>
      <c r="AK29" s="71">
        <v>2</v>
      </c>
      <c r="AL29" s="72">
        <v>4</v>
      </c>
      <c r="AM29" s="244"/>
      <c r="AN29" s="71">
        <v>3</v>
      </c>
      <c r="AO29" s="71">
        <v>3</v>
      </c>
      <c r="AP29" s="71">
        <v>2</v>
      </c>
      <c r="AQ29" s="71">
        <v>1</v>
      </c>
      <c r="AR29" s="71">
        <v>0</v>
      </c>
      <c r="AS29" s="72">
        <v>9</v>
      </c>
      <c r="AT29" s="73">
        <v>13</v>
      </c>
      <c r="AU29" s="70">
        <v>2</v>
      </c>
      <c r="AV29" s="71">
        <v>2</v>
      </c>
      <c r="AW29" s="72">
        <v>4</v>
      </c>
      <c r="AX29" s="244"/>
      <c r="AY29" s="71">
        <v>6</v>
      </c>
      <c r="AZ29" s="71">
        <v>2</v>
      </c>
      <c r="BA29" s="71">
        <v>2</v>
      </c>
      <c r="BB29" s="71">
        <v>0</v>
      </c>
      <c r="BC29" s="71">
        <v>1</v>
      </c>
      <c r="BD29" s="72">
        <v>11</v>
      </c>
      <c r="BE29" s="73">
        <v>15</v>
      </c>
      <c r="BF29" s="70">
        <v>6</v>
      </c>
      <c r="BG29" s="71">
        <v>4</v>
      </c>
      <c r="BH29" s="72">
        <v>10</v>
      </c>
      <c r="BI29" s="244">
        <v>0</v>
      </c>
      <c r="BJ29" s="71">
        <v>2</v>
      </c>
      <c r="BK29" s="71">
        <v>5</v>
      </c>
      <c r="BL29" s="71">
        <v>1</v>
      </c>
      <c r="BM29" s="71">
        <v>1</v>
      </c>
      <c r="BN29" s="71">
        <v>2</v>
      </c>
      <c r="BO29" s="72">
        <v>11</v>
      </c>
      <c r="BP29" s="73">
        <v>21</v>
      </c>
      <c r="BQ29" s="70">
        <v>4</v>
      </c>
      <c r="BR29" s="71">
        <v>3</v>
      </c>
      <c r="BS29" s="72">
        <v>7</v>
      </c>
      <c r="BT29" s="244"/>
      <c r="BU29" s="71">
        <v>12</v>
      </c>
      <c r="BV29" s="71">
        <v>3</v>
      </c>
      <c r="BW29" s="71">
        <v>4</v>
      </c>
      <c r="BX29" s="71">
        <v>3</v>
      </c>
      <c r="BY29" s="71">
        <v>0</v>
      </c>
      <c r="BZ29" s="72">
        <v>22</v>
      </c>
      <c r="CA29" s="73">
        <v>29</v>
      </c>
      <c r="CB29" s="70">
        <v>0</v>
      </c>
      <c r="CC29" s="71">
        <v>0</v>
      </c>
      <c r="CD29" s="72">
        <v>0</v>
      </c>
      <c r="CE29" s="244"/>
      <c r="CF29" s="71">
        <v>0</v>
      </c>
      <c r="CG29" s="71">
        <v>0</v>
      </c>
      <c r="CH29" s="71">
        <v>0</v>
      </c>
      <c r="CI29" s="71">
        <v>0</v>
      </c>
      <c r="CJ29" s="71">
        <v>0</v>
      </c>
      <c r="CK29" s="72">
        <v>0</v>
      </c>
      <c r="CL29" s="73">
        <v>0</v>
      </c>
      <c r="CM29" s="70">
        <v>16</v>
      </c>
      <c r="CN29" s="71">
        <v>11</v>
      </c>
      <c r="CO29" s="72">
        <v>27</v>
      </c>
      <c r="CP29" s="244"/>
      <c r="CQ29" s="71">
        <v>26</v>
      </c>
      <c r="CR29" s="71">
        <v>16</v>
      </c>
      <c r="CS29" s="71">
        <v>11</v>
      </c>
      <c r="CT29" s="71">
        <v>5</v>
      </c>
      <c r="CU29" s="71">
        <v>3</v>
      </c>
      <c r="CV29" s="72">
        <v>61</v>
      </c>
      <c r="CW29" s="73">
        <v>88</v>
      </c>
      <c r="CX29" s="123">
        <v>6</v>
      </c>
      <c r="CY29" s="82">
        <v>4</v>
      </c>
      <c r="CZ29" s="83">
        <v>10</v>
      </c>
      <c r="DA29" s="241"/>
      <c r="DB29" s="82">
        <v>6</v>
      </c>
      <c r="DC29" s="82">
        <v>4</v>
      </c>
      <c r="DD29" s="82">
        <v>2</v>
      </c>
      <c r="DE29" s="82">
        <v>3</v>
      </c>
      <c r="DF29" s="82">
        <v>3</v>
      </c>
      <c r="DG29" s="84">
        <v>18</v>
      </c>
      <c r="DH29" s="85">
        <v>28</v>
      </c>
      <c r="DI29" s="70">
        <v>1</v>
      </c>
      <c r="DJ29" s="71">
        <v>0</v>
      </c>
      <c r="DK29" s="72">
        <v>1</v>
      </c>
      <c r="DL29" s="244"/>
      <c r="DM29" s="71">
        <v>0</v>
      </c>
      <c r="DN29" s="71">
        <v>0</v>
      </c>
      <c r="DO29" s="71">
        <v>0</v>
      </c>
      <c r="DP29" s="71">
        <v>0</v>
      </c>
      <c r="DQ29" s="71">
        <v>0</v>
      </c>
      <c r="DR29" s="72">
        <v>0</v>
      </c>
      <c r="DS29" s="73">
        <v>1</v>
      </c>
      <c r="DT29" s="70">
        <v>0</v>
      </c>
      <c r="DU29" s="71">
        <v>0</v>
      </c>
      <c r="DV29" s="72">
        <v>0</v>
      </c>
      <c r="DW29" s="244"/>
      <c r="DX29" s="71">
        <v>0</v>
      </c>
      <c r="DY29" s="71">
        <v>0</v>
      </c>
      <c r="DZ29" s="71">
        <v>0</v>
      </c>
      <c r="EA29" s="71">
        <v>0</v>
      </c>
      <c r="EB29" s="71">
        <v>0</v>
      </c>
      <c r="EC29" s="72">
        <v>0</v>
      </c>
      <c r="ED29" s="73">
        <v>0</v>
      </c>
      <c r="EE29" s="70">
        <v>2</v>
      </c>
      <c r="EF29" s="71">
        <v>0</v>
      </c>
      <c r="EG29" s="72">
        <v>2</v>
      </c>
      <c r="EH29" s="244"/>
      <c r="EI29" s="71">
        <v>1</v>
      </c>
      <c r="EJ29" s="71">
        <v>1</v>
      </c>
      <c r="EK29" s="71">
        <v>0</v>
      </c>
      <c r="EL29" s="71">
        <v>0</v>
      </c>
      <c r="EM29" s="71">
        <v>0</v>
      </c>
      <c r="EN29" s="72">
        <v>2</v>
      </c>
      <c r="EO29" s="73">
        <v>4</v>
      </c>
      <c r="EP29" s="70">
        <v>0</v>
      </c>
      <c r="EQ29" s="71">
        <v>0</v>
      </c>
      <c r="ER29" s="72">
        <v>0</v>
      </c>
      <c r="ES29" s="244"/>
      <c r="ET29" s="71">
        <v>1</v>
      </c>
      <c r="EU29" s="71">
        <v>1</v>
      </c>
      <c r="EV29" s="71">
        <v>0</v>
      </c>
      <c r="EW29" s="71">
        <v>0</v>
      </c>
      <c r="EX29" s="71">
        <v>0</v>
      </c>
      <c r="EY29" s="72">
        <v>2</v>
      </c>
      <c r="EZ29" s="73">
        <v>2</v>
      </c>
      <c r="FA29" s="70">
        <v>1</v>
      </c>
      <c r="FB29" s="71">
        <v>3</v>
      </c>
      <c r="FC29" s="72">
        <v>4</v>
      </c>
      <c r="FD29" s="244"/>
      <c r="FE29" s="71">
        <v>3</v>
      </c>
      <c r="FF29" s="71">
        <v>2</v>
      </c>
      <c r="FG29" s="71">
        <v>1</v>
      </c>
      <c r="FH29" s="71">
        <v>0</v>
      </c>
      <c r="FI29" s="71">
        <v>1</v>
      </c>
      <c r="FJ29" s="72">
        <v>7</v>
      </c>
      <c r="FK29" s="73">
        <v>11</v>
      </c>
      <c r="FL29" s="70">
        <v>2</v>
      </c>
      <c r="FM29" s="71">
        <v>1</v>
      </c>
      <c r="FN29" s="72">
        <v>3</v>
      </c>
      <c r="FO29" s="241"/>
      <c r="FP29" s="71">
        <v>1</v>
      </c>
      <c r="FQ29" s="71">
        <v>0</v>
      </c>
      <c r="FR29" s="71">
        <v>1</v>
      </c>
      <c r="FS29" s="71">
        <v>3</v>
      </c>
      <c r="FT29" s="71">
        <v>2</v>
      </c>
      <c r="FU29" s="72">
        <v>7</v>
      </c>
      <c r="FV29" s="73">
        <v>10</v>
      </c>
      <c r="FW29" s="70">
        <v>0</v>
      </c>
      <c r="FX29" s="71">
        <v>0</v>
      </c>
      <c r="FY29" s="72">
        <v>0</v>
      </c>
      <c r="FZ29" s="244"/>
      <c r="GA29" s="71">
        <v>0</v>
      </c>
      <c r="GB29" s="71">
        <v>0</v>
      </c>
      <c r="GC29" s="71">
        <v>0</v>
      </c>
      <c r="GD29" s="71">
        <v>0</v>
      </c>
      <c r="GE29" s="71">
        <v>0</v>
      </c>
      <c r="GF29" s="72">
        <v>0</v>
      </c>
      <c r="GG29" s="73">
        <v>0</v>
      </c>
      <c r="GH29" s="70">
        <v>6</v>
      </c>
      <c r="GI29" s="71">
        <v>4</v>
      </c>
      <c r="GJ29" s="72">
        <v>10</v>
      </c>
      <c r="GK29" s="244"/>
      <c r="GL29" s="71">
        <v>6</v>
      </c>
      <c r="GM29" s="71">
        <v>4</v>
      </c>
      <c r="GN29" s="71">
        <v>2</v>
      </c>
      <c r="GO29" s="71">
        <v>3</v>
      </c>
      <c r="GP29" s="71">
        <v>3</v>
      </c>
      <c r="GQ29" s="72">
        <v>18</v>
      </c>
      <c r="GR29" s="73">
        <v>28</v>
      </c>
      <c r="GS29" s="123">
        <v>22</v>
      </c>
      <c r="GT29" s="82">
        <v>15</v>
      </c>
      <c r="GU29" s="83">
        <v>37</v>
      </c>
      <c r="GV29" s="241"/>
      <c r="GW29" s="82">
        <v>32</v>
      </c>
      <c r="GX29" s="82">
        <v>20</v>
      </c>
      <c r="GY29" s="82">
        <v>13</v>
      </c>
      <c r="GZ29" s="82">
        <v>8</v>
      </c>
      <c r="HA29" s="82">
        <v>6</v>
      </c>
      <c r="HB29" s="84">
        <v>79</v>
      </c>
      <c r="HC29" s="85">
        <v>116</v>
      </c>
      <c r="HD29" s="70">
        <v>2</v>
      </c>
      <c r="HE29" s="71">
        <v>0</v>
      </c>
      <c r="HF29" s="72">
        <v>2</v>
      </c>
      <c r="HG29" s="244"/>
      <c r="HH29" s="71">
        <v>1</v>
      </c>
      <c r="HI29" s="71">
        <v>1</v>
      </c>
      <c r="HJ29" s="71">
        <v>0</v>
      </c>
      <c r="HK29" s="71">
        <v>0</v>
      </c>
      <c r="HL29" s="71">
        <v>0</v>
      </c>
      <c r="HM29" s="72">
        <v>2</v>
      </c>
      <c r="HN29" s="73">
        <v>4</v>
      </c>
      <c r="HO29" s="70">
        <v>1</v>
      </c>
      <c r="HP29" s="71">
        <v>0</v>
      </c>
      <c r="HQ29" s="72">
        <v>1</v>
      </c>
      <c r="HR29" s="244"/>
      <c r="HS29" s="71">
        <v>2</v>
      </c>
      <c r="HT29" s="71">
        <v>2</v>
      </c>
      <c r="HU29" s="71">
        <v>2</v>
      </c>
      <c r="HV29" s="71">
        <v>0</v>
      </c>
      <c r="HW29" s="71">
        <v>0</v>
      </c>
      <c r="HX29" s="72">
        <v>6</v>
      </c>
      <c r="HY29" s="73">
        <v>7</v>
      </c>
      <c r="HZ29" s="70">
        <v>4</v>
      </c>
      <c r="IA29" s="71">
        <v>2</v>
      </c>
      <c r="IB29" s="72">
        <v>6</v>
      </c>
      <c r="IC29" s="244"/>
      <c r="ID29" s="71">
        <v>4</v>
      </c>
      <c r="IE29" s="71">
        <v>4</v>
      </c>
      <c r="IF29" s="71">
        <v>2</v>
      </c>
      <c r="IG29" s="71">
        <v>1</v>
      </c>
      <c r="IH29" s="71">
        <v>0</v>
      </c>
      <c r="II29" s="72">
        <v>11</v>
      </c>
      <c r="IJ29" s="73">
        <v>17</v>
      </c>
      <c r="IK29" s="70">
        <v>2</v>
      </c>
      <c r="IL29" s="71">
        <v>2</v>
      </c>
      <c r="IM29" s="72">
        <v>4</v>
      </c>
      <c r="IN29" s="244"/>
      <c r="IO29" s="71">
        <v>7</v>
      </c>
      <c r="IP29" s="71">
        <v>3</v>
      </c>
      <c r="IQ29" s="71">
        <v>2</v>
      </c>
      <c r="IR29" s="71">
        <v>0</v>
      </c>
      <c r="IS29" s="71">
        <v>1</v>
      </c>
      <c r="IT29" s="72">
        <v>13</v>
      </c>
      <c r="IU29" s="73">
        <v>17</v>
      </c>
      <c r="IV29" s="70">
        <v>7</v>
      </c>
      <c r="IW29" s="71">
        <v>7</v>
      </c>
      <c r="IX29" s="72">
        <v>14</v>
      </c>
      <c r="IY29" s="244"/>
      <c r="IZ29" s="71">
        <v>5</v>
      </c>
      <c r="JA29" s="71">
        <v>7</v>
      </c>
      <c r="JB29" s="71">
        <v>2</v>
      </c>
      <c r="JC29" s="71">
        <v>1</v>
      </c>
      <c r="JD29" s="71">
        <v>3</v>
      </c>
      <c r="JE29" s="72">
        <v>18</v>
      </c>
      <c r="JF29" s="73">
        <v>32</v>
      </c>
      <c r="JG29" s="70">
        <v>6</v>
      </c>
      <c r="JH29" s="71">
        <v>4</v>
      </c>
      <c r="JI29" s="72">
        <v>10</v>
      </c>
      <c r="JJ29" s="244"/>
      <c r="JK29" s="71">
        <v>13</v>
      </c>
      <c r="JL29" s="71">
        <v>3</v>
      </c>
      <c r="JM29" s="71">
        <v>5</v>
      </c>
      <c r="JN29" s="71">
        <v>6</v>
      </c>
      <c r="JO29" s="71">
        <v>2</v>
      </c>
      <c r="JP29" s="72">
        <v>29</v>
      </c>
      <c r="JQ29" s="73">
        <v>39</v>
      </c>
      <c r="JR29" s="70">
        <v>0</v>
      </c>
      <c r="JS29" s="71">
        <v>0</v>
      </c>
      <c r="JT29" s="72">
        <v>0</v>
      </c>
      <c r="JU29" s="244"/>
      <c r="JV29" s="71">
        <v>0</v>
      </c>
      <c r="JW29" s="71">
        <v>0</v>
      </c>
      <c r="JX29" s="71">
        <v>0</v>
      </c>
      <c r="JY29" s="71">
        <v>0</v>
      </c>
      <c r="JZ29" s="71">
        <v>0</v>
      </c>
      <c r="KA29" s="72">
        <v>0</v>
      </c>
      <c r="KB29" s="73">
        <v>0</v>
      </c>
      <c r="KC29" s="70">
        <v>22</v>
      </c>
      <c r="KD29" s="71">
        <v>15</v>
      </c>
      <c r="KE29" s="72">
        <v>37</v>
      </c>
      <c r="KF29" s="244"/>
      <c r="KG29" s="71">
        <v>32</v>
      </c>
      <c r="KH29" s="71">
        <v>20</v>
      </c>
      <c r="KI29" s="71">
        <v>13</v>
      </c>
      <c r="KJ29" s="71">
        <v>8</v>
      </c>
      <c r="KK29" s="71">
        <v>6</v>
      </c>
      <c r="KL29" s="72">
        <v>79</v>
      </c>
      <c r="KM29" s="73">
        <v>116</v>
      </c>
    </row>
    <row r="30" spans="2:299" ht="19.5" customHeight="1" x14ac:dyDescent="0.2">
      <c r="B30" s="126" t="s">
        <v>27</v>
      </c>
      <c r="C30" s="316">
        <v>14</v>
      </c>
      <c r="D30" s="82">
        <v>22</v>
      </c>
      <c r="E30" s="83">
        <v>36</v>
      </c>
      <c r="F30" s="241"/>
      <c r="G30" s="82">
        <v>14</v>
      </c>
      <c r="H30" s="82">
        <v>8</v>
      </c>
      <c r="I30" s="82">
        <v>11</v>
      </c>
      <c r="J30" s="82">
        <v>6</v>
      </c>
      <c r="K30" s="82">
        <v>3</v>
      </c>
      <c r="L30" s="84">
        <v>42</v>
      </c>
      <c r="M30" s="85">
        <v>78</v>
      </c>
      <c r="N30" s="70">
        <v>1</v>
      </c>
      <c r="O30" s="71">
        <v>0</v>
      </c>
      <c r="P30" s="72">
        <v>1</v>
      </c>
      <c r="Q30" s="244"/>
      <c r="R30" s="71">
        <v>0</v>
      </c>
      <c r="S30" s="71">
        <v>0</v>
      </c>
      <c r="T30" s="71">
        <v>1</v>
      </c>
      <c r="U30" s="71">
        <v>0</v>
      </c>
      <c r="V30" s="71">
        <v>0</v>
      </c>
      <c r="W30" s="72">
        <v>1</v>
      </c>
      <c r="X30" s="73">
        <v>2</v>
      </c>
      <c r="Y30" s="70">
        <v>1</v>
      </c>
      <c r="Z30" s="71">
        <v>2</v>
      </c>
      <c r="AA30" s="72">
        <v>3</v>
      </c>
      <c r="AB30" s="244">
        <v>0</v>
      </c>
      <c r="AC30" s="71">
        <v>0</v>
      </c>
      <c r="AD30" s="71">
        <v>0</v>
      </c>
      <c r="AE30" s="71">
        <v>0</v>
      </c>
      <c r="AF30" s="71">
        <v>0</v>
      </c>
      <c r="AG30" s="71">
        <v>0</v>
      </c>
      <c r="AH30" s="72">
        <v>0</v>
      </c>
      <c r="AI30" s="73">
        <v>3</v>
      </c>
      <c r="AJ30" s="70">
        <v>2</v>
      </c>
      <c r="AK30" s="71">
        <v>4</v>
      </c>
      <c r="AL30" s="72">
        <v>6</v>
      </c>
      <c r="AM30" s="244"/>
      <c r="AN30" s="71">
        <v>2</v>
      </c>
      <c r="AO30" s="71">
        <v>1</v>
      </c>
      <c r="AP30" s="71">
        <v>2</v>
      </c>
      <c r="AQ30" s="71">
        <v>0</v>
      </c>
      <c r="AR30" s="71">
        <v>0</v>
      </c>
      <c r="AS30" s="72">
        <v>5</v>
      </c>
      <c r="AT30" s="73">
        <v>11</v>
      </c>
      <c r="AU30" s="70">
        <v>4</v>
      </c>
      <c r="AV30" s="71">
        <v>5</v>
      </c>
      <c r="AW30" s="72">
        <v>9</v>
      </c>
      <c r="AX30" s="244"/>
      <c r="AY30" s="71">
        <v>4</v>
      </c>
      <c r="AZ30" s="71">
        <v>1</v>
      </c>
      <c r="BA30" s="71">
        <v>3</v>
      </c>
      <c r="BB30" s="71">
        <v>1</v>
      </c>
      <c r="BC30" s="71">
        <v>1</v>
      </c>
      <c r="BD30" s="72">
        <v>10</v>
      </c>
      <c r="BE30" s="73">
        <v>19</v>
      </c>
      <c r="BF30" s="70">
        <v>4</v>
      </c>
      <c r="BG30" s="71">
        <v>8</v>
      </c>
      <c r="BH30" s="72">
        <v>12</v>
      </c>
      <c r="BI30" s="244">
        <v>0</v>
      </c>
      <c r="BJ30" s="71">
        <v>5</v>
      </c>
      <c r="BK30" s="71">
        <v>3</v>
      </c>
      <c r="BL30" s="71">
        <v>2</v>
      </c>
      <c r="BM30" s="71">
        <v>2</v>
      </c>
      <c r="BN30" s="71">
        <v>1</v>
      </c>
      <c r="BO30" s="72">
        <v>13</v>
      </c>
      <c r="BP30" s="73">
        <v>25</v>
      </c>
      <c r="BQ30" s="70">
        <v>2</v>
      </c>
      <c r="BR30" s="71">
        <v>3</v>
      </c>
      <c r="BS30" s="72">
        <v>5</v>
      </c>
      <c r="BT30" s="244"/>
      <c r="BU30" s="71">
        <v>3</v>
      </c>
      <c r="BV30" s="71">
        <v>3</v>
      </c>
      <c r="BW30" s="71">
        <v>3</v>
      </c>
      <c r="BX30" s="71">
        <v>3</v>
      </c>
      <c r="BY30" s="71">
        <v>1</v>
      </c>
      <c r="BZ30" s="72">
        <v>13</v>
      </c>
      <c r="CA30" s="73">
        <v>18</v>
      </c>
      <c r="CB30" s="70">
        <v>0</v>
      </c>
      <c r="CC30" s="71">
        <v>0</v>
      </c>
      <c r="CD30" s="72">
        <v>0</v>
      </c>
      <c r="CE30" s="244"/>
      <c r="CF30" s="71">
        <v>0</v>
      </c>
      <c r="CG30" s="71">
        <v>0</v>
      </c>
      <c r="CH30" s="71">
        <v>0</v>
      </c>
      <c r="CI30" s="71">
        <v>0</v>
      </c>
      <c r="CJ30" s="71">
        <v>0</v>
      </c>
      <c r="CK30" s="72">
        <v>0</v>
      </c>
      <c r="CL30" s="73">
        <v>0</v>
      </c>
      <c r="CM30" s="70">
        <v>14</v>
      </c>
      <c r="CN30" s="71">
        <v>22</v>
      </c>
      <c r="CO30" s="72">
        <v>36</v>
      </c>
      <c r="CP30" s="244"/>
      <c r="CQ30" s="71">
        <v>14</v>
      </c>
      <c r="CR30" s="71">
        <v>8</v>
      </c>
      <c r="CS30" s="71">
        <v>11</v>
      </c>
      <c r="CT30" s="71">
        <v>6</v>
      </c>
      <c r="CU30" s="71">
        <v>3</v>
      </c>
      <c r="CV30" s="72">
        <v>42</v>
      </c>
      <c r="CW30" s="73">
        <v>78</v>
      </c>
      <c r="CX30" s="123">
        <v>2</v>
      </c>
      <c r="CY30" s="82">
        <v>4</v>
      </c>
      <c r="CZ30" s="83">
        <v>6</v>
      </c>
      <c r="DA30" s="241"/>
      <c r="DB30" s="82">
        <v>2</v>
      </c>
      <c r="DC30" s="82">
        <v>2</v>
      </c>
      <c r="DD30" s="82">
        <v>7</v>
      </c>
      <c r="DE30" s="82">
        <v>2</v>
      </c>
      <c r="DF30" s="82">
        <v>2</v>
      </c>
      <c r="DG30" s="84">
        <v>15</v>
      </c>
      <c r="DH30" s="85">
        <v>21</v>
      </c>
      <c r="DI30" s="70">
        <v>0</v>
      </c>
      <c r="DJ30" s="71">
        <v>0</v>
      </c>
      <c r="DK30" s="72">
        <v>0</v>
      </c>
      <c r="DL30" s="244"/>
      <c r="DM30" s="71">
        <v>0</v>
      </c>
      <c r="DN30" s="71">
        <v>0</v>
      </c>
      <c r="DO30" s="71">
        <v>0</v>
      </c>
      <c r="DP30" s="71">
        <v>0</v>
      </c>
      <c r="DQ30" s="71">
        <v>0</v>
      </c>
      <c r="DR30" s="72">
        <v>0</v>
      </c>
      <c r="DS30" s="73">
        <v>0</v>
      </c>
      <c r="DT30" s="70">
        <v>1</v>
      </c>
      <c r="DU30" s="71">
        <v>0</v>
      </c>
      <c r="DV30" s="72">
        <v>1</v>
      </c>
      <c r="DW30" s="244"/>
      <c r="DX30" s="71">
        <v>0</v>
      </c>
      <c r="DY30" s="71">
        <v>0</v>
      </c>
      <c r="DZ30" s="71">
        <v>0</v>
      </c>
      <c r="EA30" s="71">
        <v>0</v>
      </c>
      <c r="EB30" s="71">
        <v>0</v>
      </c>
      <c r="EC30" s="72">
        <v>0</v>
      </c>
      <c r="ED30" s="73">
        <v>1</v>
      </c>
      <c r="EE30" s="70">
        <v>0</v>
      </c>
      <c r="EF30" s="71">
        <v>0</v>
      </c>
      <c r="EG30" s="72">
        <v>0</v>
      </c>
      <c r="EH30" s="244"/>
      <c r="EI30" s="71">
        <v>0</v>
      </c>
      <c r="EJ30" s="71">
        <v>2</v>
      </c>
      <c r="EK30" s="71">
        <v>0</v>
      </c>
      <c r="EL30" s="71">
        <v>0</v>
      </c>
      <c r="EM30" s="71">
        <v>0</v>
      </c>
      <c r="EN30" s="72">
        <v>2</v>
      </c>
      <c r="EO30" s="73">
        <v>2</v>
      </c>
      <c r="EP30" s="70">
        <v>0</v>
      </c>
      <c r="EQ30" s="71">
        <v>0</v>
      </c>
      <c r="ER30" s="72">
        <v>0</v>
      </c>
      <c r="ES30" s="244"/>
      <c r="ET30" s="71">
        <v>1</v>
      </c>
      <c r="EU30" s="71">
        <v>0</v>
      </c>
      <c r="EV30" s="71">
        <v>0</v>
      </c>
      <c r="EW30" s="71">
        <v>0</v>
      </c>
      <c r="EX30" s="71">
        <v>0</v>
      </c>
      <c r="EY30" s="72">
        <v>1</v>
      </c>
      <c r="EZ30" s="73">
        <v>1</v>
      </c>
      <c r="FA30" s="70">
        <v>1</v>
      </c>
      <c r="FB30" s="71">
        <v>3</v>
      </c>
      <c r="FC30" s="72">
        <v>4</v>
      </c>
      <c r="FD30" s="244"/>
      <c r="FE30" s="71">
        <v>0</v>
      </c>
      <c r="FF30" s="71">
        <v>0</v>
      </c>
      <c r="FG30" s="71">
        <v>2</v>
      </c>
      <c r="FH30" s="71">
        <v>0</v>
      </c>
      <c r="FI30" s="71">
        <v>1</v>
      </c>
      <c r="FJ30" s="72">
        <v>3</v>
      </c>
      <c r="FK30" s="73">
        <v>7</v>
      </c>
      <c r="FL30" s="70">
        <v>0</v>
      </c>
      <c r="FM30" s="71">
        <v>1</v>
      </c>
      <c r="FN30" s="72">
        <v>1</v>
      </c>
      <c r="FO30" s="241"/>
      <c r="FP30" s="71">
        <v>1</v>
      </c>
      <c r="FQ30" s="71">
        <v>0</v>
      </c>
      <c r="FR30" s="71">
        <v>5</v>
      </c>
      <c r="FS30" s="71">
        <v>2</v>
      </c>
      <c r="FT30" s="71">
        <v>1</v>
      </c>
      <c r="FU30" s="72">
        <v>9</v>
      </c>
      <c r="FV30" s="73">
        <v>10</v>
      </c>
      <c r="FW30" s="70">
        <v>0</v>
      </c>
      <c r="FX30" s="71">
        <v>0</v>
      </c>
      <c r="FY30" s="72">
        <v>0</v>
      </c>
      <c r="FZ30" s="244"/>
      <c r="GA30" s="71">
        <v>0</v>
      </c>
      <c r="GB30" s="71">
        <v>0</v>
      </c>
      <c r="GC30" s="71">
        <v>0</v>
      </c>
      <c r="GD30" s="71">
        <v>0</v>
      </c>
      <c r="GE30" s="71">
        <v>0</v>
      </c>
      <c r="GF30" s="72">
        <v>0</v>
      </c>
      <c r="GG30" s="73">
        <v>0</v>
      </c>
      <c r="GH30" s="70">
        <v>2</v>
      </c>
      <c r="GI30" s="71">
        <v>4</v>
      </c>
      <c r="GJ30" s="72">
        <v>6</v>
      </c>
      <c r="GK30" s="244"/>
      <c r="GL30" s="71">
        <v>2</v>
      </c>
      <c r="GM30" s="71">
        <v>2</v>
      </c>
      <c r="GN30" s="71">
        <v>7</v>
      </c>
      <c r="GO30" s="71">
        <v>2</v>
      </c>
      <c r="GP30" s="71">
        <v>2</v>
      </c>
      <c r="GQ30" s="72">
        <v>15</v>
      </c>
      <c r="GR30" s="73">
        <v>21</v>
      </c>
      <c r="GS30" s="123">
        <v>16</v>
      </c>
      <c r="GT30" s="82">
        <v>26</v>
      </c>
      <c r="GU30" s="83">
        <v>42</v>
      </c>
      <c r="GV30" s="241"/>
      <c r="GW30" s="82">
        <v>16</v>
      </c>
      <c r="GX30" s="82">
        <v>10</v>
      </c>
      <c r="GY30" s="82">
        <v>18</v>
      </c>
      <c r="GZ30" s="82">
        <v>8</v>
      </c>
      <c r="HA30" s="82">
        <v>5</v>
      </c>
      <c r="HB30" s="84">
        <v>57</v>
      </c>
      <c r="HC30" s="85">
        <v>99</v>
      </c>
      <c r="HD30" s="70">
        <v>1</v>
      </c>
      <c r="HE30" s="71">
        <v>0</v>
      </c>
      <c r="HF30" s="72">
        <v>1</v>
      </c>
      <c r="HG30" s="244"/>
      <c r="HH30" s="71">
        <v>0</v>
      </c>
      <c r="HI30" s="71">
        <v>0</v>
      </c>
      <c r="HJ30" s="71">
        <v>1</v>
      </c>
      <c r="HK30" s="71">
        <v>0</v>
      </c>
      <c r="HL30" s="71">
        <v>0</v>
      </c>
      <c r="HM30" s="72">
        <v>1</v>
      </c>
      <c r="HN30" s="73">
        <v>2</v>
      </c>
      <c r="HO30" s="70">
        <v>2</v>
      </c>
      <c r="HP30" s="71">
        <v>2</v>
      </c>
      <c r="HQ30" s="72">
        <v>4</v>
      </c>
      <c r="HR30" s="244"/>
      <c r="HS30" s="71">
        <v>0</v>
      </c>
      <c r="HT30" s="71">
        <v>0</v>
      </c>
      <c r="HU30" s="71">
        <v>0</v>
      </c>
      <c r="HV30" s="71">
        <v>0</v>
      </c>
      <c r="HW30" s="71">
        <v>0</v>
      </c>
      <c r="HX30" s="72">
        <v>0</v>
      </c>
      <c r="HY30" s="73">
        <v>4</v>
      </c>
      <c r="HZ30" s="70">
        <v>2</v>
      </c>
      <c r="IA30" s="71">
        <v>4</v>
      </c>
      <c r="IB30" s="72">
        <v>6</v>
      </c>
      <c r="IC30" s="244"/>
      <c r="ID30" s="71">
        <v>2</v>
      </c>
      <c r="IE30" s="71">
        <v>3</v>
      </c>
      <c r="IF30" s="71">
        <v>2</v>
      </c>
      <c r="IG30" s="71">
        <v>0</v>
      </c>
      <c r="IH30" s="71">
        <v>0</v>
      </c>
      <c r="II30" s="72">
        <v>7</v>
      </c>
      <c r="IJ30" s="73">
        <v>13</v>
      </c>
      <c r="IK30" s="70">
        <v>4</v>
      </c>
      <c r="IL30" s="71">
        <v>5</v>
      </c>
      <c r="IM30" s="72">
        <v>9</v>
      </c>
      <c r="IN30" s="244"/>
      <c r="IO30" s="71">
        <v>5</v>
      </c>
      <c r="IP30" s="71">
        <v>1</v>
      </c>
      <c r="IQ30" s="71">
        <v>3</v>
      </c>
      <c r="IR30" s="71">
        <v>1</v>
      </c>
      <c r="IS30" s="71">
        <v>1</v>
      </c>
      <c r="IT30" s="72">
        <v>11</v>
      </c>
      <c r="IU30" s="73">
        <v>20</v>
      </c>
      <c r="IV30" s="70">
        <v>5</v>
      </c>
      <c r="IW30" s="71">
        <v>11</v>
      </c>
      <c r="IX30" s="72">
        <v>16</v>
      </c>
      <c r="IY30" s="244"/>
      <c r="IZ30" s="71">
        <v>5</v>
      </c>
      <c r="JA30" s="71">
        <v>3</v>
      </c>
      <c r="JB30" s="71">
        <v>4</v>
      </c>
      <c r="JC30" s="71">
        <v>2</v>
      </c>
      <c r="JD30" s="71">
        <v>2</v>
      </c>
      <c r="JE30" s="72">
        <v>16</v>
      </c>
      <c r="JF30" s="73">
        <v>32</v>
      </c>
      <c r="JG30" s="70">
        <v>2</v>
      </c>
      <c r="JH30" s="71">
        <v>4</v>
      </c>
      <c r="JI30" s="72">
        <v>6</v>
      </c>
      <c r="JJ30" s="244"/>
      <c r="JK30" s="71">
        <v>4</v>
      </c>
      <c r="JL30" s="71">
        <v>3</v>
      </c>
      <c r="JM30" s="71">
        <v>8</v>
      </c>
      <c r="JN30" s="71">
        <v>5</v>
      </c>
      <c r="JO30" s="71">
        <v>2</v>
      </c>
      <c r="JP30" s="72">
        <v>22</v>
      </c>
      <c r="JQ30" s="73">
        <v>28</v>
      </c>
      <c r="JR30" s="70">
        <v>0</v>
      </c>
      <c r="JS30" s="71">
        <v>0</v>
      </c>
      <c r="JT30" s="72">
        <v>0</v>
      </c>
      <c r="JU30" s="244"/>
      <c r="JV30" s="71">
        <v>0</v>
      </c>
      <c r="JW30" s="71">
        <v>0</v>
      </c>
      <c r="JX30" s="71">
        <v>0</v>
      </c>
      <c r="JY30" s="71">
        <v>0</v>
      </c>
      <c r="JZ30" s="71">
        <v>0</v>
      </c>
      <c r="KA30" s="72">
        <v>0</v>
      </c>
      <c r="KB30" s="73">
        <v>0</v>
      </c>
      <c r="KC30" s="70">
        <v>16</v>
      </c>
      <c r="KD30" s="71">
        <v>26</v>
      </c>
      <c r="KE30" s="72">
        <v>42</v>
      </c>
      <c r="KF30" s="244"/>
      <c r="KG30" s="71">
        <v>16</v>
      </c>
      <c r="KH30" s="71">
        <v>10</v>
      </c>
      <c r="KI30" s="71">
        <v>18</v>
      </c>
      <c r="KJ30" s="71">
        <v>8</v>
      </c>
      <c r="KK30" s="71">
        <v>5</v>
      </c>
      <c r="KL30" s="72">
        <v>57</v>
      </c>
      <c r="KM30" s="73">
        <v>99</v>
      </c>
    </row>
    <row r="31" spans="2:299" ht="19.5" customHeight="1" x14ac:dyDescent="0.2">
      <c r="B31" s="126" t="s">
        <v>28</v>
      </c>
      <c r="C31" s="316">
        <v>1</v>
      </c>
      <c r="D31" s="82">
        <v>1</v>
      </c>
      <c r="E31" s="83">
        <v>2</v>
      </c>
      <c r="F31" s="241"/>
      <c r="G31" s="82">
        <v>9</v>
      </c>
      <c r="H31" s="82">
        <v>6</v>
      </c>
      <c r="I31" s="82">
        <v>4</v>
      </c>
      <c r="J31" s="82">
        <v>2</v>
      </c>
      <c r="K31" s="82">
        <v>4</v>
      </c>
      <c r="L31" s="84">
        <v>25</v>
      </c>
      <c r="M31" s="85">
        <v>27</v>
      </c>
      <c r="N31" s="70">
        <v>0</v>
      </c>
      <c r="O31" s="71">
        <v>0</v>
      </c>
      <c r="P31" s="72">
        <v>0</v>
      </c>
      <c r="Q31" s="244"/>
      <c r="R31" s="71">
        <v>0</v>
      </c>
      <c r="S31" s="71">
        <v>0</v>
      </c>
      <c r="T31" s="71">
        <v>1</v>
      </c>
      <c r="U31" s="71">
        <v>0</v>
      </c>
      <c r="V31" s="71">
        <v>0</v>
      </c>
      <c r="W31" s="72">
        <v>1</v>
      </c>
      <c r="X31" s="73">
        <v>1</v>
      </c>
      <c r="Y31" s="70">
        <v>0</v>
      </c>
      <c r="Z31" s="71">
        <v>1</v>
      </c>
      <c r="AA31" s="72">
        <v>1</v>
      </c>
      <c r="AB31" s="244">
        <v>0</v>
      </c>
      <c r="AC31" s="71">
        <v>1</v>
      </c>
      <c r="AD31" s="71">
        <v>2</v>
      </c>
      <c r="AE31" s="71">
        <v>0</v>
      </c>
      <c r="AF31" s="71">
        <v>0</v>
      </c>
      <c r="AG31" s="71">
        <v>0</v>
      </c>
      <c r="AH31" s="72">
        <v>3</v>
      </c>
      <c r="AI31" s="73">
        <v>4</v>
      </c>
      <c r="AJ31" s="70">
        <v>0</v>
      </c>
      <c r="AK31" s="71">
        <v>0</v>
      </c>
      <c r="AL31" s="72">
        <v>0</v>
      </c>
      <c r="AM31" s="244"/>
      <c r="AN31" s="71">
        <v>1</v>
      </c>
      <c r="AO31" s="71">
        <v>1</v>
      </c>
      <c r="AP31" s="71">
        <v>0</v>
      </c>
      <c r="AQ31" s="71">
        <v>0</v>
      </c>
      <c r="AR31" s="71">
        <v>0</v>
      </c>
      <c r="AS31" s="72">
        <v>2</v>
      </c>
      <c r="AT31" s="73">
        <v>2</v>
      </c>
      <c r="AU31" s="70">
        <v>0</v>
      </c>
      <c r="AV31" s="71">
        <v>0</v>
      </c>
      <c r="AW31" s="72">
        <v>0</v>
      </c>
      <c r="AX31" s="244"/>
      <c r="AY31" s="71">
        <v>1</v>
      </c>
      <c r="AZ31" s="71">
        <v>0</v>
      </c>
      <c r="BA31" s="71">
        <v>0</v>
      </c>
      <c r="BB31" s="71">
        <v>0</v>
      </c>
      <c r="BC31" s="71">
        <v>2</v>
      </c>
      <c r="BD31" s="72">
        <v>3</v>
      </c>
      <c r="BE31" s="73">
        <v>3</v>
      </c>
      <c r="BF31" s="70">
        <v>1</v>
      </c>
      <c r="BG31" s="71">
        <v>0</v>
      </c>
      <c r="BH31" s="72">
        <v>1</v>
      </c>
      <c r="BI31" s="244">
        <v>0</v>
      </c>
      <c r="BJ31" s="71">
        <v>3</v>
      </c>
      <c r="BK31" s="71">
        <v>1</v>
      </c>
      <c r="BL31" s="71">
        <v>0</v>
      </c>
      <c r="BM31" s="71">
        <v>1</v>
      </c>
      <c r="BN31" s="71">
        <v>1</v>
      </c>
      <c r="BO31" s="72">
        <v>6</v>
      </c>
      <c r="BP31" s="73">
        <v>7</v>
      </c>
      <c r="BQ31" s="70">
        <v>0</v>
      </c>
      <c r="BR31" s="71">
        <v>0</v>
      </c>
      <c r="BS31" s="72">
        <v>0</v>
      </c>
      <c r="BT31" s="244"/>
      <c r="BU31" s="71">
        <v>3</v>
      </c>
      <c r="BV31" s="71">
        <v>2</v>
      </c>
      <c r="BW31" s="71">
        <v>3</v>
      </c>
      <c r="BX31" s="71">
        <v>1</v>
      </c>
      <c r="BY31" s="71">
        <v>1</v>
      </c>
      <c r="BZ31" s="72">
        <v>10</v>
      </c>
      <c r="CA31" s="73">
        <v>10</v>
      </c>
      <c r="CB31" s="70">
        <v>0</v>
      </c>
      <c r="CC31" s="71">
        <v>0</v>
      </c>
      <c r="CD31" s="72">
        <v>0</v>
      </c>
      <c r="CE31" s="244"/>
      <c r="CF31" s="71">
        <v>0</v>
      </c>
      <c r="CG31" s="71">
        <v>0</v>
      </c>
      <c r="CH31" s="71">
        <v>0</v>
      </c>
      <c r="CI31" s="71">
        <v>0</v>
      </c>
      <c r="CJ31" s="71">
        <v>0</v>
      </c>
      <c r="CK31" s="72">
        <v>0</v>
      </c>
      <c r="CL31" s="73">
        <v>0</v>
      </c>
      <c r="CM31" s="70">
        <v>1</v>
      </c>
      <c r="CN31" s="71">
        <v>1</v>
      </c>
      <c r="CO31" s="72">
        <v>2</v>
      </c>
      <c r="CP31" s="244"/>
      <c r="CQ31" s="71">
        <v>9</v>
      </c>
      <c r="CR31" s="71">
        <v>6</v>
      </c>
      <c r="CS31" s="71">
        <v>4</v>
      </c>
      <c r="CT31" s="71">
        <v>2</v>
      </c>
      <c r="CU31" s="71">
        <v>4</v>
      </c>
      <c r="CV31" s="72">
        <v>25</v>
      </c>
      <c r="CW31" s="73">
        <v>27</v>
      </c>
      <c r="CX31" s="123">
        <v>0</v>
      </c>
      <c r="CY31" s="82">
        <v>1</v>
      </c>
      <c r="CZ31" s="83">
        <v>1</v>
      </c>
      <c r="DA31" s="241"/>
      <c r="DB31" s="82">
        <v>1</v>
      </c>
      <c r="DC31" s="82">
        <v>2</v>
      </c>
      <c r="DD31" s="82">
        <v>1</v>
      </c>
      <c r="DE31" s="82">
        <v>2</v>
      </c>
      <c r="DF31" s="82">
        <v>0</v>
      </c>
      <c r="DG31" s="84">
        <v>6</v>
      </c>
      <c r="DH31" s="85">
        <v>7</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1</v>
      </c>
      <c r="EA31" s="71">
        <v>0</v>
      </c>
      <c r="EB31" s="71">
        <v>0</v>
      </c>
      <c r="EC31" s="72">
        <v>1</v>
      </c>
      <c r="ED31" s="73">
        <v>1</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1</v>
      </c>
      <c r="FF31" s="71">
        <v>0</v>
      </c>
      <c r="FG31" s="71">
        <v>0</v>
      </c>
      <c r="FH31" s="71">
        <v>1</v>
      </c>
      <c r="FI31" s="71">
        <v>0</v>
      </c>
      <c r="FJ31" s="72">
        <v>2</v>
      </c>
      <c r="FK31" s="73">
        <v>2</v>
      </c>
      <c r="FL31" s="70">
        <v>0</v>
      </c>
      <c r="FM31" s="71">
        <v>1</v>
      </c>
      <c r="FN31" s="72">
        <v>1</v>
      </c>
      <c r="FO31" s="241"/>
      <c r="FP31" s="71">
        <v>0</v>
      </c>
      <c r="FQ31" s="71">
        <v>1</v>
      </c>
      <c r="FR31" s="71">
        <v>0</v>
      </c>
      <c r="FS31" s="71">
        <v>1</v>
      </c>
      <c r="FT31" s="71">
        <v>0</v>
      </c>
      <c r="FU31" s="72">
        <v>2</v>
      </c>
      <c r="FV31" s="73">
        <v>3</v>
      </c>
      <c r="FW31" s="70">
        <v>0</v>
      </c>
      <c r="FX31" s="71">
        <v>0</v>
      </c>
      <c r="FY31" s="72">
        <v>0</v>
      </c>
      <c r="FZ31" s="244"/>
      <c r="GA31" s="71">
        <v>0</v>
      </c>
      <c r="GB31" s="71">
        <v>0</v>
      </c>
      <c r="GC31" s="71">
        <v>0</v>
      </c>
      <c r="GD31" s="71">
        <v>0</v>
      </c>
      <c r="GE31" s="71">
        <v>0</v>
      </c>
      <c r="GF31" s="72">
        <v>0</v>
      </c>
      <c r="GG31" s="73">
        <v>0</v>
      </c>
      <c r="GH31" s="70">
        <v>0</v>
      </c>
      <c r="GI31" s="71">
        <v>1</v>
      </c>
      <c r="GJ31" s="72">
        <v>1</v>
      </c>
      <c r="GK31" s="244"/>
      <c r="GL31" s="71">
        <v>1</v>
      </c>
      <c r="GM31" s="71">
        <v>2</v>
      </c>
      <c r="GN31" s="71">
        <v>1</v>
      </c>
      <c r="GO31" s="71">
        <v>2</v>
      </c>
      <c r="GP31" s="71">
        <v>0</v>
      </c>
      <c r="GQ31" s="72">
        <v>6</v>
      </c>
      <c r="GR31" s="73">
        <v>7</v>
      </c>
      <c r="GS31" s="123">
        <v>1</v>
      </c>
      <c r="GT31" s="82">
        <v>2</v>
      </c>
      <c r="GU31" s="83">
        <v>3</v>
      </c>
      <c r="GV31" s="241"/>
      <c r="GW31" s="82">
        <v>10</v>
      </c>
      <c r="GX31" s="82">
        <v>8</v>
      </c>
      <c r="GY31" s="82">
        <v>5</v>
      </c>
      <c r="GZ31" s="82">
        <v>4</v>
      </c>
      <c r="HA31" s="82">
        <v>4</v>
      </c>
      <c r="HB31" s="84">
        <v>31</v>
      </c>
      <c r="HC31" s="85">
        <v>34</v>
      </c>
      <c r="HD31" s="70">
        <v>0</v>
      </c>
      <c r="HE31" s="71">
        <v>0</v>
      </c>
      <c r="HF31" s="72">
        <v>0</v>
      </c>
      <c r="HG31" s="244"/>
      <c r="HH31" s="71">
        <v>0</v>
      </c>
      <c r="HI31" s="71">
        <v>0</v>
      </c>
      <c r="HJ31" s="71">
        <v>1</v>
      </c>
      <c r="HK31" s="71">
        <v>0</v>
      </c>
      <c r="HL31" s="71">
        <v>0</v>
      </c>
      <c r="HM31" s="72">
        <v>1</v>
      </c>
      <c r="HN31" s="73">
        <v>1</v>
      </c>
      <c r="HO31" s="70">
        <v>0</v>
      </c>
      <c r="HP31" s="71">
        <v>1</v>
      </c>
      <c r="HQ31" s="72">
        <v>1</v>
      </c>
      <c r="HR31" s="244"/>
      <c r="HS31" s="71">
        <v>1</v>
      </c>
      <c r="HT31" s="71">
        <v>2</v>
      </c>
      <c r="HU31" s="71">
        <v>1</v>
      </c>
      <c r="HV31" s="71">
        <v>0</v>
      </c>
      <c r="HW31" s="71">
        <v>0</v>
      </c>
      <c r="HX31" s="72">
        <v>4</v>
      </c>
      <c r="HY31" s="73">
        <v>5</v>
      </c>
      <c r="HZ31" s="70">
        <v>0</v>
      </c>
      <c r="IA31" s="71">
        <v>0</v>
      </c>
      <c r="IB31" s="72">
        <v>0</v>
      </c>
      <c r="IC31" s="244"/>
      <c r="ID31" s="71">
        <v>1</v>
      </c>
      <c r="IE31" s="71">
        <v>1</v>
      </c>
      <c r="IF31" s="71">
        <v>0</v>
      </c>
      <c r="IG31" s="71">
        <v>0</v>
      </c>
      <c r="IH31" s="71">
        <v>0</v>
      </c>
      <c r="II31" s="72">
        <v>2</v>
      </c>
      <c r="IJ31" s="73">
        <v>2</v>
      </c>
      <c r="IK31" s="70">
        <v>0</v>
      </c>
      <c r="IL31" s="71">
        <v>0</v>
      </c>
      <c r="IM31" s="72">
        <v>0</v>
      </c>
      <c r="IN31" s="244"/>
      <c r="IO31" s="71">
        <v>1</v>
      </c>
      <c r="IP31" s="71">
        <v>1</v>
      </c>
      <c r="IQ31" s="71">
        <v>0</v>
      </c>
      <c r="IR31" s="71">
        <v>0</v>
      </c>
      <c r="IS31" s="71">
        <v>2</v>
      </c>
      <c r="IT31" s="72">
        <v>4</v>
      </c>
      <c r="IU31" s="73">
        <v>4</v>
      </c>
      <c r="IV31" s="70">
        <v>1</v>
      </c>
      <c r="IW31" s="71">
        <v>0</v>
      </c>
      <c r="IX31" s="72">
        <v>1</v>
      </c>
      <c r="IY31" s="244"/>
      <c r="IZ31" s="71">
        <v>4</v>
      </c>
      <c r="JA31" s="71">
        <v>1</v>
      </c>
      <c r="JB31" s="71">
        <v>0</v>
      </c>
      <c r="JC31" s="71">
        <v>2</v>
      </c>
      <c r="JD31" s="71">
        <v>1</v>
      </c>
      <c r="JE31" s="72">
        <v>8</v>
      </c>
      <c r="JF31" s="73">
        <v>9</v>
      </c>
      <c r="JG31" s="70">
        <v>0</v>
      </c>
      <c r="JH31" s="71">
        <v>1</v>
      </c>
      <c r="JI31" s="72">
        <v>1</v>
      </c>
      <c r="JJ31" s="244"/>
      <c r="JK31" s="71">
        <v>3</v>
      </c>
      <c r="JL31" s="71">
        <v>3</v>
      </c>
      <c r="JM31" s="71">
        <v>3</v>
      </c>
      <c r="JN31" s="71">
        <v>2</v>
      </c>
      <c r="JO31" s="71">
        <v>1</v>
      </c>
      <c r="JP31" s="72">
        <v>12</v>
      </c>
      <c r="JQ31" s="73">
        <v>13</v>
      </c>
      <c r="JR31" s="70">
        <v>0</v>
      </c>
      <c r="JS31" s="71">
        <v>0</v>
      </c>
      <c r="JT31" s="72">
        <v>0</v>
      </c>
      <c r="JU31" s="244"/>
      <c r="JV31" s="71">
        <v>0</v>
      </c>
      <c r="JW31" s="71">
        <v>0</v>
      </c>
      <c r="JX31" s="71">
        <v>0</v>
      </c>
      <c r="JY31" s="71">
        <v>0</v>
      </c>
      <c r="JZ31" s="71">
        <v>0</v>
      </c>
      <c r="KA31" s="72">
        <v>0</v>
      </c>
      <c r="KB31" s="73">
        <v>0</v>
      </c>
      <c r="KC31" s="70">
        <v>1</v>
      </c>
      <c r="KD31" s="71">
        <v>2</v>
      </c>
      <c r="KE31" s="72">
        <v>3</v>
      </c>
      <c r="KF31" s="244"/>
      <c r="KG31" s="71">
        <v>10</v>
      </c>
      <c r="KH31" s="71">
        <v>8</v>
      </c>
      <c r="KI31" s="71">
        <v>5</v>
      </c>
      <c r="KJ31" s="71">
        <v>4</v>
      </c>
      <c r="KK31" s="71">
        <v>4</v>
      </c>
      <c r="KL31" s="72">
        <v>31</v>
      </c>
      <c r="KM31" s="73">
        <v>34</v>
      </c>
    </row>
    <row r="32" spans="2:299" ht="19.5" customHeight="1" x14ac:dyDescent="0.2">
      <c r="B32" s="126" t="s">
        <v>29</v>
      </c>
      <c r="C32" s="316">
        <v>4</v>
      </c>
      <c r="D32" s="82">
        <v>2</v>
      </c>
      <c r="E32" s="83">
        <v>6</v>
      </c>
      <c r="F32" s="241"/>
      <c r="G32" s="82">
        <v>3</v>
      </c>
      <c r="H32" s="82">
        <v>2</v>
      </c>
      <c r="I32" s="82">
        <v>8</v>
      </c>
      <c r="J32" s="82">
        <v>4</v>
      </c>
      <c r="K32" s="82">
        <v>1</v>
      </c>
      <c r="L32" s="84">
        <v>18</v>
      </c>
      <c r="M32" s="85">
        <v>24</v>
      </c>
      <c r="N32" s="70">
        <v>0</v>
      </c>
      <c r="O32" s="71">
        <v>0</v>
      </c>
      <c r="P32" s="72">
        <v>0</v>
      </c>
      <c r="Q32" s="244"/>
      <c r="R32" s="71">
        <v>0</v>
      </c>
      <c r="S32" s="71">
        <v>0</v>
      </c>
      <c r="T32" s="71">
        <v>1</v>
      </c>
      <c r="U32" s="71">
        <v>0</v>
      </c>
      <c r="V32" s="71">
        <v>0</v>
      </c>
      <c r="W32" s="72">
        <v>1</v>
      </c>
      <c r="X32" s="73">
        <v>1</v>
      </c>
      <c r="Y32" s="70">
        <v>0</v>
      </c>
      <c r="Z32" s="71">
        <v>1</v>
      </c>
      <c r="AA32" s="72">
        <v>1</v>
      </c>
      <c r="AB32" s="244">
        <v>0</v>
      </c>
      <c r="AC32" s="71">
        <v>1</v>
      </c>
      <c r="AD32" s="71">
        <v>0</v>
      </c>
      <c r="AE32" s="71">
        <v>0</v>
      </c>
      <c r="AF32" s="71">
        <v>1</v>
      </c>
      <c r="AG32" s="71">
        <v>1</v>
      </c>
      <c r="AH32" s="72">
        <v>3</v>
      </c>
      <c r="AI32" s="73">
        <v>4</v>
      </c>
      <c r="AJ32" s="70">
        <v>1</v>
      </c>
      <c r="AK32" s="71">
        <v>1</v>
      </c>
      <c r="AL32" s="72">
        <v>2</v>
      </c>
      <c r="AM32" s="244"/>
      <c r="AN32" s="71">
        <v>0</v>
      </c>
      <c r="AO32" s="71">
        <v>1</v>
      </c>
      <c r="AP32" s="71">
        <v>1</v>
      </c>
      <c r="AQ32" s="71">
        <v>0</v>
      </c>
      <c r="AR32" s="71">
        <v>0</v>
      </c>
      <c r="AS32" s="72">
        <v>2</v>
      </c>
      <c r="AT32" s="73">
        <v>4</v>
      </c>
      <c r="AU32" s="70">
        <v>1</v>
      </c>
      <c r="AV32" s="71">
        <v>0</v>
      </c>
      <c r="AW32" s="72">
        <v>1</v>
      </c>
      <c r="AX32" s="244"/>
      <c r="AY32" s="71">
        <v>1</v>
      </c>
      <c r="AZ32" s="71">
        <v>0</v>
      </c>
      <c r="BA32" s="71">
        <v>4</v>
      </c>
      <c r="BB32" s="71">
        <v>1</v>
      </c>
      <c r="BC32" s="71">
        <v>0</v>
      </c>
      <c r="BD32" s="72">
        <v>6</v>
      </c>
      <c r="BE32" s="73">
        <v>7</v>
      </c>
      <c r="BF32" s="70">
        <v>2</v>
      </c>
      <c r="BG32" s="71">
        <v>0</v>
      </c>
      <c r="BH32" s="72">
        <v>2</v>
      </c>
      <c r="BI32" s="244">
        <v>0</v>
      </c>
      <c r="BJ32" s="71">
        <v>0</v>
      </c>
      <c r="BK32" s="71">
        <v>0</v>
      </c>
      <c r="BL32" s="71">
        <v>0</v>
      </c>
      <c r="BM32" s="71">
        <v>1</v>
      </c>
      <c r="BN32" s="71">
        <v>0</v>
      </c>
      <c r="BO32" s="72">
        <v>1</v>
      </c>
      <c r="BP32" s="73">
        <v>3</v>
      </c>
      <c r="BQ32" s="70">
        <v>0</v>
      </c>
      <c r="BR32" s="71">
        <v>0</v>
      </c>
      <c r="BS32" s="72">
        <v>0</v>
      </c>
      <c r="BT32" s="244"/>
      <c r="BU32" s="71">
        <v>1</v>
      </c>
      <c r="BV32" s="71">
        <v>1</v>
      </c>
      <c r="BW32" s="71">
        <v>2</v>
      </c>
      <c r="BX32" s="71">
        <v>1</v>
      </c>
      <c r="BY32" s="71">
        <v>0</v>
      </c>
      <c r="BZ32" s="72">
        <v>5</v>
      </c>
      <c r="CA32" s="73">
        <v>5</v>
      </c>
      <c r="CB32" s="70">
        <v>0</v>
      </c>
      <c r="CC32" s="71">
        <v>0</v>
      </c>
      <c r="CD32" s="72">
        <v>0</v>
      </c>
      <c r="CE32" s="244"/>
      <c r="CF32" s="71">
        <v>0</v>
      </c>
      <c r="CG32" s="71">
        <v>0</v>
      </c>
      <c r="CH32" s="71">
        <v>0</v>
      </c>
      <c r="CI32" s="71">
        <v>0</v>
      </c>
      <c r="CJ32" s="71">
        <v>0</v>
      </c>
      <c r="CK32" s="72">
        <v>0</v>
      </c>
      <c r="CL32" s="73">
        <v>0</v>
      </c>
      <c r="CM32" s="70">
        <v>4</v>
      </c>
      <c r="CN32" s="71">
        <v>2</v>
      </c>
      <c r="CO32" s="72">
        <v>6</v>
      </c>
      <c r="CP32" s="244"/>
      <c r="CQ32" s="71">
        <v>3</v>
      </c>
      <c r="CR32" s="71">
        <v>2</v>
      </c>
      <c r="CS32" s="71">
        <v>8</v>
      </c>
      <c r="CT32" s="71">
        <v>4</v>
      </c>
      <c r="CU32" s="71">
        <v>1</v>
      </c>
      <c r="CV32" s="72">
        <v>18</v>
      </c>
      <c r="CW32" s="73">
        <v>24</v>
      </c>
      <c r="CX32" s="123">
        <v>2</v>
      </c>
      <c r="CY32" s="82">
        <v>3</v>
      </c>
      <c r="CZ32" s="83">
        <v>5</v>
      </c>
      <c r="DA32" s="241"/>
      <c r="DB32" s="82">
        <v>5</v>
      </c>
      <c r="DC32" s="82">
        <v>1</v>
      </c>
      <c r="DD32" s="82">
        <v>1</v>
      </c>
      <c r="DE32" s="82">
        <v>1</v>
      </c>
      <c r="DF32" s="82">
        <v>0</v>
      </c>
      <c r="DG32" s="84">
        <v>8</v>
      </c>
      <c r="DH32" s="85">
        <v>1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1</v>
      </c>
      <c r="EF32" s="71">
        <v>0</v>
      </c>
      <c r="EG32" s="72">
        <v>1</v>
      </c>
      <c r="EH32" s="244"/>
      <c r="EI32" s="71">
        <v>0</v>
      </c>
      <c r="EJ32" s="71">
        <v>0</v>
      </c>
      <c r="EK32" s="71">
        <v>0</v>
      </c>
      <c r="EL32" s="71">
        <v>1</v>
      </c>
      <c r="EM32" s="71">
        <v>0</v>
      </c>
      <c r="EN32" s="72">
        <v>1</v>
      </c>
      <c r="EO32" s="73">
        <v>2</v>
      </c>
      <c r="EP32" s="70">
        <v>1</v>
      </c>
      <c r="EQ32" s="71">
        <v>0</v>
      </c>
      <c r="ER32" s="72">
        <v>1</v>
      </c>
      <c r="ES32" s="244"/>
      <c r="ET32" s="71">
        <v>3</v>
      </c>
      <c r="EU32" s="71">
        <v>0</v>
      </c>
      <c r="EV32" s="71">
        <v>1</v>
      </c>
      <c r="EW32" s="71">
        <v>0</v>
      </c>
      <c r="EX32" s="71">
        <v>0</v>
      </c>
      <c r="EY32" s="72">
        <v>4</v>
      </c>
      <c r="EZ32" s="73">
        <v>5</v>
      </c>
      <c r="FA32" s="70">
        <v>0</v>
      </c>
      <c r="FB32" s="71">
        <v>2</v>
      </c>
      <c r="FC32" s="72">
        <v>2</v>
      </c>
      <c r="FD32" s="244"/>
      <c r="FE32" s="71">
        <v>1</v>
      </c>
      <c r="FF32" s="71">
        <v>0</v>
      </c>
      <c r="FG32" s="71">
        <v>0</v>
      </c>
      <c r="FH32" s="71">
        <v>0</v>
      </c>
      <c r="FI32" s="71">
        <v>0</v>
      </c>
      <c r="FJ32" s="72">
        <v>1</v>
      </c>
      <c r="FK32" s="73">
        <v>3</v>
      </c>
      <c r="FL32" s="70">
        <v>0</v>
      </c>
      <c r="FM32" s="71">
        <v>1</v>
      </c>
      <c r="FN32" s="72">
        <v>1</v>
      </c>
      <c r="FO32" s="241"/>
      <c r="FP32" s="71">
        <v>1</v>
      </c>
      <c r="FQ32" s="71">
        <v>1</v>
      </c>
      <c r="FR32" s="71">
        <v>0</v>
      </c>
      <c r="FS32" s="71">
        <v>0</v>
      </c>
      <c r="FT32" s="71">
        <v>0</v>
      </c>
      <c r="FU32" s="72">
        <v>2</v>
      </c>
      <c r="FV32" s="73">
        <v>3</v>
      </c>
      <c r="FW32" s="70">
        <v>0</v>
      </c>
      <c r="FX32" s="71">
        <v>0</v>
      </c>
      <c r="FY32" s="72">
        <v>0</v>
      </c>
      <c r="FZ32" s="244"/>
      <c r="GA32" s="71">
        <v>0</v>
      </c>
      <c r="GB32" s="71">
        <v>0</v>
      </c>
      <c r="GC32" s="71">
        <v>0</v>
      </c>
      <c r="GD32" s="71">
        <v>0</v>
      </c>
      <c r="GE32" s="71">
        <v>0</v>
      </c>
      <c r="GF32" s="72">
        <v>0</v>
      </c>
      <c r="GG32" s="73">
        <v>0</v>
      </c>
      <c r="GH32" s="70">
        <v>2</v>
      </c>
      <c r="GI32" s="71">
        <v>3</v>
      </c>
      <c r="GJ32" s="72">
        <v>5</v>
      </c>
      <c r="GK32" s="244"/>
      <c r="GL32" s="71">
        <v>5</v>
      </c>
      <c r="GM32" s="71">
        <v>1</v>
      </c>
      <c r="GN32" s="71">
        <v>1</v>
      </c>
      <c r="GO32" s="71">
        <v>1</v>
      </c>
      <c r="GP32" s="71">
        <v>0</v>
      </c>
      <c r="GQ32" s="72">
        <v>8</v>
      </c>
      <c r="GR32" s="73">
        <v>13</v>
      </c>
      <c r="GS32" s="123">
        <v>6</v>
      </c>
      <c r="GT32" s="82">
        <v>5</v>
      </c>
      <c r="GU32" s="83">
        <v>11</v>
      </c>
      <c r="GV32" s="241"/>
      <c r="GW32" s="82">
        <v>8</v>
      </c>
      <c r="GX32" s="82">
        <v>3</v>
      </c>
      <c r="GY32" s="82">
        <v>9</v>
      </c>
      <c r="GZ32" s="82">
        <v>5</v>
      </c>
      <c r="HA32" s="82">
        <v>1</v>
      </c>
      <c r="HB32" s="84">
        <v>26</v>
      </c>
      <c r="HC32" s="85">
        <v>37</v>
      </c>
      <c r="HD32" s="70">
        <v>0</v>
      </c>
      <c r="HE32" s="71">
        <v>0</v>
      </c>
      <c r="HF32" s="72">
        <v>0</v>
      </c>
      <c r="HG32" s="244"/>
      <c r="HH32" s="71">
        <v>0</v>
      </c>
      <c r="HI32" s="71">
        <v>0</v>
      </c>
      <c r="HJ32" s="71">
        <v>1</v>
      </c>
      <c r="HK32" s="71">
        <v>0</v>
      </c>
      <c r="HL32" s="71">
        <v>0</v>
      </c>
      <c r="HM32" s="72">
        <v>1</v>
      </c>
      <c r="HN32" s="73">
        <v>1</v>
      </c>
      <c r="HO32" s="70">
        <v>0</v>
      </c>
      <c r="HP32" s="71">
        <v>1</v>
      </c>
      <c r="HQ32" s="72">
        <v>1</v>
      </c>
      <c r="HR32" s="244"/>
      <c r="HS32" s="71">
        <v>1</v>
      </c>
      <c r="HT32" s="71">
        <v>0</v>
      </c>
      <c r="HU32" s="71">
        <v>0</v>
      </c>
      <c r="HV32" s="71">
        <v>1</v>
      </c>
      <c r="HW32" s="71">
        <v>1</v>
      </c>
      <c r="HX32" s="72">
        <v>3</v>
      </c>
      <c r="HY32" s="73">
        <v>4</v>
      </c>
      <c r="HZ32" s="70">
        <v>2</v>
      </c>
      <c r="IA32" s="71">
        <v>1</v>
      </c>
      <c r="IB32" s="72">
        <v>3</v>
      </c>
      <c r="IC32" s="244"/>
      <c r="ID32" s="71">
        <v>0</v>
      </c>
      <c r="IE32" s="71">
        <v>1</v>
      </c>
      <c r="IF32" s="71">
        <v>1</v>
      </c>
      <c r="IG32" s="71">
        <v>1</v>
      </c>
      <c r="IH32" s="71">
        <v>0</v>
      </c>
      <c r="II32" s="72">
        <v>3</v>
      </c>
      <c r="IJ32" s="73">
        <v>6</v>
      </c>
      <c r="IK32" s="70">
        <v>2</v>
      </c>
      <c r="IL32" s="71">
        <v>0</v>
      </c>
      <c r="IM32" s="72">
        <v>2</v>
      </c>
      <c r="IN32" s="244"/>
      <c r="IO32" s="71">
        <v>4</v>
      </c>
      <c r="IP32" s="71">
        <v>0</v>
      </c>
      <c r="IQ32" s="71">
        <v>5</v>
      </c>
      <c r="IR32" s="71">
        <v>1</v>
      </c>
      <c r="IS32" s="71">
        <v>0</v>
      </c>
      <c r="IT32" s="72">
        <v>10</v>
      </c>
      <c r="IU32" s="73">
        <v>12</v>
      </c>
      <c r="IV32" s="70">
        <v>2</v>
      </c>
      <c r="IW32" s="71">
        <v>2</v>
      </c>
      <c r="IX32" s="72">
        <v>4</v>
      </c>
      <c r="IY32" s="244"/>
      <c r="IZ32" s="71">
        <v>1</v>
      </c>
      <c r="JA32" s="71">
        <v>0</v>
      </c>
      <c r="JB32" s="71">
        <v>0</v>
      </c>
      <c r="JC32" s="71">
        <v>1</v>
      </c>
      <c r="JD32" s="71">
        <v>0</v>
      </c>
      <c r="JE32" s="72">
        <v>2</v>
      </c>
      <c r="JF32" s="73">
        <v>6</v>
      </c>
      <c r="JG32" s="70">
        <v>0</v>
      </c>
      <c r="JH32" s="71">
        <v>1</v>
      </c>
      <c r="JI32" s="72">
        <v>1</v>
      </c>
      <c r="JJ32" s="244"/>
      <c r="JK32" s="71">
        <v>2</v>
      </c>
      <c r="JL32" s="71">
        <v>2</v>
      </c>
      <c r="JM32" s="71">
        <v>2</v>
      </c>
      <c r="JN32" s="71">
        <v>1</v>
      </c>
      <c r="JO32" s="71">
        <v>0</v>
      </c>
      <c r="JP32" s="72">
        <v>7</v>
      </c>
      <c r="JQ32" s="73">
        <v>8</v>
      </c>
      <c r="JR32" s="70">
        <v>0</v>
      </c>
      <c r="JS32" s="71">
        <v>0</v>
      </c>
      <c r="JT32" s="72">
        <v>0</v>
      </c>
      <c r="JU32" s="244"/>
      <c r="JV32" s="71">
        <v>0</v>
      </c>
      <c r="JW32" s="71">
        <v>0</v>
      </c>
      <c r="JX32" s="71">
        <v>0</v>
      </c>
      <c r="JY32" s="71">
        <v>0</v>
      </c>
      <c r="JZ32" s="71">
        <v>0</v>
      </c>
      <c r="KA32" s="72">
        <v>0</v>
      </c>
      <c r="KB32" s="73">
        <v>0</v>
      </c>
      <c r="KC32" s="70">
        <v>6</v>
      </c>
      <c r="KD32" s="71">
        <v>5</v>
      </c>
      <c r="KE32" s="72">
        <v>11</v>
      </c>
      <c r="KF32" s="244"/>
      <c r="KG32" s="71">
        <v>8</v>
      </c>
      <c r="KH32" s="71">
        <v>3</v>
      </c>
      <c r="KI32" s="71">
        <v>9</v>
      </c>
      <c r="KJ32" s="71">
        <v>5</v>
      </c>
      <c r="KK32" s="71">
        <v>1</v>
      </c>
      <c r="KL32" s="72">
        <v>26</v>
      </c>
      <c r="KM32" s="73">
        <v>37</v>
      </c>
    </row>
    <row r="33" spans="2:299" ht="19.5" customHeight="1" x14ac:dyDescent="0.2">
      <c r="B33" s="126" t="s">
        <v>30</v>
      </c>
      <c r="C33" s="316">
        <v>2</v>
      </c>
      <c r="D33" s="82">
        <v>3</v>
      </c>
      <c r="E33" s="83">
        <v>5</v>
      </c>
      <c r="F33" s="241"/>
      <c r="G33" s="82">
        <v>5</v>
      </c>
      <c r="H33" s="82">
        <v>4</v>
      </c>
      <c r="I33" s="82">
        <v>4</v>
      </c>
      <c r="J33" s="82">
        <v>5</v>
      </c>
      <c r="K33" s="82">
        <v>1</v>
      </c>
      <c r="L33" s="84">
        <v>19</v>
      </c>
      <c r="M33" s="85">
        <v>24</v>
      </c>
      <c r="N33" s="70">
        <v>0</v>
      </c>
      <c r="O33" s="71">
        <v>0</v>
      </c>
      <c r="P33" s="72">
        <v>0</v>
      </c>
      <c r="Q33" s="244"/>
      <c r="R33" s="71">
        <v>0</v>
      </c>
      <c r="S33" s="71">
        <v>0</v>
      </c>
      <c r="T33" s="71">
        <v>0</v>
      </c>
      <c r="U33" s="71">
        <v>0</v>
      </c>
      <c r="V33" s="71">
        <v>0</v>
      </c>
      <c r="W33" s="72">
        <v>0</v>
      </c>
      <c r="X33" s="73">
        <v>0</v>
      </c>
      <c r="Y33" s="70">
        <v>1</v>
      </c>
      <c r="Z33" s="71">
        <v>0</v>
      </c>
      <c r="AA33" s="72">
        <v>1</v>
      </c>
      <c r="AB33" s="244">
        <v>0</v>
      </c>
      <c r="AC33" s="71">
        <v>1</v>
      </c>
      <c r="AD33" s="71">
        <v>0</v>
      </c>
      <c r="AE33" s="71">
        <v>0</v>
      </c>
      <c r="AF33" s="71">
        <v>2</v>
      </c>
      <c r="AG33" s="71">
        <v>0</v>
      </c>
      <c r="AH33" s="72">
        <v>3</v>
      </c>
      <c r="AI33" s="73">
        <v>4</v>
      </c>
      <c r="AJ33" s="70">
        <v>0</v>
      </c>
      <c r="AK33" s="71">
        <v>0</v>
      </c>
      <c r="AL33" s="72">
        <v>0</v>
      </c>
      <c r="AM33" s="244"/>
      <c r="AN33" s="71">
        <v>0</v>
      </c>
      <c r="AO33" s="71">
        <v>1</v>
      </c>
      <c r="AP33" s="71">
        <v>0</v>
      </c>
      <c r="AQ33" s="71">
        <v>0</v>
      </c>
      <c r="AR33" s="71">
        <v>0</v>
      </c>
      <c r="AS33" s="72">
        <v>1</v>
      </c>
      <c r="AT33" s="73">
        <v>1</v>
      </c>
      <c r="AU33" s="70">
        <v>0</v>
      </c>
      <c r="AV33" s="71">
        <v>1</v>
      </c>
      <c r="AW33" s="72">
        <v>1</v>
      </c>
      <c r="AX33" s="244"/>
      <c r="AY33" s="71">
        <v>1</v>
      </c>
      <c r="AZ33" s="71">
        <v>1</v>
      </c>
      <c r="BA33" s="71">
        <v>1</v>
      </c>
      <c r="BB33" s="71">
        <v>0</v>
      </c>
      <c r="BC33" s="71">
        <v>0</v>
      </c>
      <c r="BD33" s="72">
        <v>3</v>
      </c>
      <c r="BE33" s="73">
        <v>4</v>
      </c>
      <c r="BF33" s="70">
        <v>0</v>
      </c>
      <c r="BG33" s="71">
        <v>1</v>
      </c>
      <c r="BH33" s="72">
        <v>1</v>
      </c>
      <c r="BI33" s="244">
        <v>0</v>
      </c>
      <c r="BJ33" s="71">
        <v>1</v>
      </c>
      <c r="BK33" s="71">
        <v>2</v>
      </c>
      <c r="BL33" s="71">
        <v>1</v>
      </c>
      <c r="BM33" s="71">
        <v>2</v>
      </c>
      <c r="BN33" s="71">
        <v>1</v>
      </c>
      <c r="BO33" s="72">
        <v>7</v>
      </c>
      <c r="BP33" s="73">
        <v>8</v>
      </c>
      <c r="BQ33" s="70">
        <v>1</v>
      </c>
      <c r="BR33" s="71">
        <v>1</v>
      </c>
      <c r="BS33" s="72">
        <v>2</v>
      </c>
      <c r="BT33" s="244"/>
      <c r="BU33" s="71">
        <v>2</v>
      </c>
      <c r="BV33" s="71">
        <v>0</v>
      </c>
      <c r="BW33" s="71">
        <v>2</v>
      </c>
      <c r="BX33" s="71">
        <v>1</v>
      </c>
      <c r="BY33" s="71">
        <v>0</v>
      </c>
      <c r="BZ33" s="72">
        <v>5</v>
      </c>
      <c r="CA33" s="73">
        <v>7</v>
      </c>
      <c r="CB33" s="70">
        <v>0</v>
      </c>
      <c r="CC33" s="71">
        <v>0</v>
      </c>
      <c r="CD33" s="72">
        <v>0</v>
      </c>
      <c r="CE33" s="244"/>
      <c r="CF33" s="71">
        <v>0</v>
      </c>
      <c r="CG33" s="71">
        <v>0</v>
      </c>
      <c r="CH33" s="71">
        <v>0</v>
      </c>
      <c r="CI33" s="71">
        <v>0</v>
      </c>
      <c r="CJ33" s="71">
        <v>0</v>
      </c>
      <c r="CK33" s="72">
        <v>0</v>
      </c>
      <c r="CL33" s="73">
        <v>0</v>
      </c>
      <c r="CM33" s="70">
        <v>2</v>
      </c>
      <c r="CN33" s="71">
        <v>3</v>
      </c>
      <c r="CO33" s="72">
        <v>5</v>
      </c>
      <c r="CP33" s="244"/>
      <c r="CQ33" s="71">
        <v>5</v>
      </c>
      <c r="CR33" s="71">
        <v>4</v>
      </c>
      <c r="CS33" s="71">
        <v>4</v>
      </c>
      <c r="CT33" s="71">
        <v>5</v>
      </c>
      <c r="CU33" s="71">
        <v>1</v>
      </c>
      <c r="CV33" s="72">
        <v>19</v>
      </c>
      <c r="CW33" s="73">
        <v>24</v>
      </c>
      <c r="CX33" s="123">
        <v>2</v>
      </c>
      <c r="CY33" s="82">
        <v>1</v>
      </c>
      <c r="CZ33" s="83">
        <v>3</v>
      </c>
      <c r="DA33" s="241"/>
      <c r="DB33" s="82">
        <v>2</v>
      </c>
      <c r="DC33" s="82">
        <v>1</v>
      </c>
      <c r="DD33" s="82">
        <v>0</v>
      </c>
      <c r="DE33" s="82">
        <v>0</v>
      </c>
      <c r="DF33" s="82">
        <v>0</v>
      </c>
      <c r="DG33" s="84">
        <v>3</v>
      </c>
      <c r="DH33" s="85">
        <v>6</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0</v>
      </c>
      <c r="EA33" s="71">
        <v>0</v>
      </c>
      <c r="EB33" s="71">
        <v>0</v>
      </c>
      <c r="EC33" s="72">
        <v>0</v>
      </c>
      <c r="ED33" s="73">
        <v>0</v>
      </c>
      <c r="EE33" s="70">
        <v>0</v>
      </c>
      <c r="EF33" s="71">
        <v>0</v>
      </c>
      <c r="EG33" s="72">
        <v>0</v>
      </c>
      <c r="EH33" s="244"/>
      <c r="EI33" s="71">
        <v>0</v>
      </c>
      <c r="EJ33" s="71">
        <v>0</v>
      </c>
      <c r="EK33" s="71">
        <v>0</v>
      </c>
      <c r="EL33" s="71">
        <v>0</v>
      </c>
      <c r="EM33" s="71">
        <v>0</v>
      </c>
      <c r="EN33" s="72">
        <v>0</v>
      </c>
      <c r="EO33" s="73">
        <v>0</v>
      </c>
      <c r="EP33" s="70">
        <v>1</v>
      </c>
      <c r="EQ33" s="71">
        <v>1</v>
      </c>
      <c r="ER33" s="72">
        <v>2</v>
      </c>
      <c r="ES33" s="244"/>
      <c r="ET33" s="71">
        <v>0</v>
      </c>
      <c r="EU33" s="71">
        <v>0</v>
      </c>
      <c r="EV33" s="71">
        <v>0</v>
      </c>
      <c r="EW33" s="71">
        <v>0</v>
      </c>
      <c r="EX33" s="71">
        <v>0</v>
      </c>
      <c r="EY33" s="72">
        <v>0</v>
      </c>
      <c r="EZ33" s="73">
        <v>2</v>
      </c>
      <c r="FA33" s="70">
        <v>0</v>
      </c>
      <c r="FB33" s="71">
        <v>0</v>
      </c>
      <c r="FC33" s="72">
        <v>0</v>
      </c>
      <c r="FD33" s="244"/>
      <c r="FE33" s="71">
        <v>1</v>
      </c>
      <c r="FF33" s="71">
        <v>0</v>
      </c>
      <c r="FG33" s="71">
        <v>0</v>
      </c>
      <c r="FH33" s="71">
        <v>0</v>
      </c>
      <c r="FI33" s="71">
        <v>0</v>
      </c>
      <c r="FJ33" s="72">
        <v>1</v>
      </c>
      <c r="FK33" s="73">
        <v>1</v>
      </c>
      <c r="FL33" s="70">
        <v>1</v>
      </c>
      <c r="FM33" s="71">
        <v>0</v>
      </c>
      <c r="FN33" s="72">
        <v>1</v>
      </c>
      <c r="FO33" s="241"/>
      <c r="FP33" s="71">
        <v>1</v>
      </c>
      <c r="FQ33" s="71">
        <v>1</v>
      </c>
      <c r="FR33" s="71">
        <v>0</v>
      </c>
      <c r="FS33" s="71">
        <v>0</v>
      </c>
      <c r="FT33" s="71">
        <v>0</v>
      </c>
      <c r="FU33" s="72">
        <v>2</v>
      </c>
      <c r="FV33" s="73">
        <v>3</v>
      </c>
      <c r="FW33" s="70">
        <v>0</v>
      </c>
      <c r="FX33" s="71">
        <v>0</v>
      </c>
      <c r="FY33" s="72">
        <v>0</v>
      </c>
      <c r="FZ33" s="244"/>
      <c r="GA33" s="71">
        <v>0</v>
      </c>
      <c r="GB33" s="71">
        <v>0</v>
      </c>
      <c r="GC33" s="71">
        <v>0</v>
      </c>
      <c r="GD33" s="71">
        <v>0</v>
      </c>
      <c r="GE33" s="71">
        <v>0</v>
      </c>
      <c r="GF33" s="72">
        <v>0</v>
      </c>
      <c r="GG33" s="73">
        <v>0</v>
      </c>
      <c r="GH33" s="70">
        <v>2</v>
      </c>
      <c r="GI33" s="71">
        <v>1</v>
      </c>
      <c r="GJ33" s="72">
        <v>3</v>
      </c>
      <c r="GK33" s="244"/>
      <c r="GL33" s="71">
        <v>2</v>
      </c>
      <c r="GM33" s="71">
        <v>1</v>
      </c>
      <c r="GN33" s="71">
        <v>0</v>
      </c>
      <c r="GO33" s="71">
        <v>0</v>
      </c>
      <c r="GP33" s="71">
        <v>0</v>
      </c>
      <c r="GQ33" s="72">
        <v>3</v>
      </c>
      <c r="GR33" s="73">
        <v>6</v>
      </c>
      <c r="GS33" s="123">
        <v>4</v>
      </c>
      <c r="GT33" s="82">
        <v>4</v>
      </c>
      <c r="GU33" s="83">
        <v>8</v>
      </c>
      <c r="GV33" s="241"/>
      <c r="GW33" s="82">
        <v>7</v>
      </c>
      <c r="GX33" s="82">
        <v>5</v>
      </c>
      <c r="GY33" s="82">
        <v>4</v>
      </c>
      <c r="GZ33" s="82">
        <v>5</v>
      </c>
      <c r="HA33" s="82">
        <v>1</v>
      </c>
      <c r="HB33" s="84">
        <v>22</v>
      </c>
      <c r="HC33" s="85">
        <v>30</v>
      </c>
      <c r="HD33" s="70">
        <v>0</v>
      </c>
      <c r="HE33" s="71">
        <v>0</v>
      </c>
      <c r="HF33" s="72">
        <v>0</v>
      </c>
      <c r="HG33" s="244"/>
      <c r="HH33" s="71">
        <v>0</v>
      </c>
      <c r="HI33" s="71">
        <v>0</v>
      </c>
      <c r="HJ33" s="71">
        <v>0</v>
      </c>
      <c r="HK33" s="71">
        <v>0</v>
      </c>
      <c r="HL33" s="71">
        <v>0</v>
      </c>
      <c r="HM33" s="72">
        <v>0</v>
      </c>
      <c r="HN33" s="73">
        <v>0</v>
      </c>
      <c r="HO33" s="70">
        <v>1</v>
      </c>
      <c r="HP33" s="71">
        <v>0</v>
      </c>
      <c r="HQ33" s="72">
        <v>1</v>
      </c>
      <c r="HR33" s="244"/>
      <c r="HS33" s="71">
        <v>1</v>
      </c>
      <c r="HT33" s="71">
        <v>0</v>
      </c>
      <c r="HU33" s="71">
        <v>0</v>
      </c>
      <c r="HV33" s="71">
        <v>2</v>
      </c>
      <c r="HW33" s="71">
        <v>0</v>
      </c>
      <c r="HX33" s="72">
        <v>3</v>
      </c>
      <c r="HY33" s="73">
        <v>4</v>
      </c>
      <c r="HZ33" s="70">
        <v>0</v>
      </c>
      <c r="IA33" s="71">
        <v>0</v>
      </c>
      <c r="IB33" s="72">
        <v>0</v>
      </c>
      <c r="IC33" s="244"/>
      <c r="ID33" s="71">
        <v>0</v>
      </c>
      <c r="IE33" s="71">
        <v>1</v>
      </c>
      <c r="IF33" s="71">
        <v>0</v>
      </c>
      <c r="IG33" s="71">
        <v>0</v>
      </c>
      <c r="IH33" s="71">
        <v>0</v>
      </c>
      <c r="II33" s="72">
        <v>1</v>
      </c>
      <c r="IJ33" s="73">
        <v>1</v>
      </c>
      <c r="IK33" s="70">
        <v>1</v>
      </c>
      <c r="IL33" s="71">
        <v>2</v>
      </c>
      <c r="IM33" s="72">
        <v>3</v>
      </c>
      <c r="IN33" s="244"/>
      <c r="IO33" s="71">
        <v>1</v>
      </c>
      <c r="IP33" s="71">
        <v>1</v>
      </c>
      <c r="IQ33" s="71">
        <v>1</v>
      </c>
      <c r="IR33" s="71">
        <v>0</v>
      </c>
      <c r="IS33" s="71">
        <v>0</v>
      </c>
      <c r="IT33" s="72">
        <v>3</v>
      </c>
      <c r="IU33" s="73">
        <v>6</v>
      </c>
      <c r="IV33" s="70">
        <v>0</v>
      </c>
      <c r="IW33" s="71">
        <v>1</v>
      </c>
      <c r="IX33" s="72">
        <v>1</v>
      </c>
      <c r="IY33" s="244"/>
      <c r="IZ33" s="71">
        <v>2</v>
      </c>
      <c r="JA33" s="71">
        <v>2</v>
      </c>
      <c r="JB33" s="71">
        <v>1</v>
      </c>
      <c r="JC33" s="71">
        <v>2</v>
      </c>
      <c r="JD33" s="71">
        <v>1</v>
      </c>
      <c r="JE33" s="72">
        <v>8</v>
      </c>
      <c r="JF33" s="73">
        <v>9</v>
      </c>
      <c r="JG33" s="70">
        <v>2</v>
      </c>
      <c r="JH33" s="71">
        <v>1</v>
      </c>
      <c r="JI33" s="72">
        <v>3</v>
      </c>
      <c r="JJ33" s="244"/>
      <c r="JK33" s="71">
        <v>3</v>
      </c>
      <c r="JL33" s="71">
        <v>1</v>
      </c>
      <c r="JM33" s="71">
        <v>2</v>
      </c>
      <c r="JN33" s="71">
        <v>1</v>
      </c>
      <c r="JO33" s="71">
        <v>0</v>
      </c>
      <c r="JP33" s="72">
        <v>7</v>
      </c>
      <c r="JQ33" s="73">
        <v>10</v>
      </c>
      <c r="JR33" s="70">
        <v>0</v>
      </c>
      <c r="JS33" s="71">
        <v>0</v>
      </c>
      <c r="JT33" s="72">
        <v>0</v>
      </c>
      <c r="JU33" s="244"/>
      <c r="JV33" s="71">
        <v>0</v>
      </c>
      <c r="JW33" s="71">
        <v>0</v>
      </c>
      <c r="JX33" s="71">
        <v>0</v>
      </c>
      <c r="JY33" s="71">
        <v>0</v>
      </c>
      <c r="JZ33" s="71">
        <v>0</v>
      </c>
      <c r="KA33" s="72">
        <v>0</v>
      </c>
      <c r="KB33" s="73">
        <v>0</v>
      </c>
      <c r="KC33" s="70">
        <v>4</v>
      </c>
      <c r="KD33" s="71">
        <v>4</v>
      </c>
      <c r="KE33" s="72">
        <v>8</v>
      </c>
      <c r="KF33" s="244"/>
      <c r="KG33" s="71">
        <v>7</v>
      </c>
      <c r="KH33" s="71">
        <v>5</v>
      </c>
      <c r="KI33" s="71">
        <v>4</v>
      </c>
      <c r="KJ33" s="71">
        <v>5</v>
      </c>
      <c r="KK33" s="71">
        <v>1</v>
      </c>
      <c r="KL33" s="72">
        <v>22</v>
      </c>
      <c r="KM33" s="73">
        <v>30</v>
      </c>
    </row>
    <row r="34" spans="2:299" ht="19.5" customHeight="1" x14ac:dyDescent="0.2">
      <c r="B34" s="126" t="s">
        <v>31</v>
      </c>
      <c r="C34" s="316">
        <v>4</v>
      </c>
      <c r="D34" s="82">
        <v>1</v>
      </c>
      <c r="E34" s="83">
        <v>5</v>
      </c>
      <c r="F34" s="241"/>
      <c r="G34" s="82">
        <v>6</v>
      </c>
      <c r="H34" s="82">
        <v>5</v>
      </c>
      <c r="I34" s="82">
        <v>4</v>
      </c>
      <c r="J34" s="82">
        <v>2</v>
      </c>
      <c r="K34" s="82">
        <v>2</v>
      </c>
      <c r="L34" s="84">
        <v>19</v>
      </c>
      <c r="M34" s="85">
        <v>24</v>
      </c>
      <c r="N34" s="70">
        <v>0</v>
      </c>
      <c r="O34" s="71">
        <v>0</v>
      </c>
      <c r="P34" s="72">
        <v>0</v>
      </c>
      <c r="Q34" s="244"/>
      <c r="R34" s="71">
        <v>0</v>
      </c>
      <c r="S34" s="71">
        <v>1</v>
      </c>
      <c r="T34" s="71">
        <v>0</v>
      </c>
      <c r="U34" s="71">
        <v>0</v>
      </c>
      <c r="V34" s="71">
        <v>0</v>
      </c>
      <c r="W34" s="72">
        <v>1</v>
      </c>
      <c r="X34" s="73">
        <v>1</v>
      </c>
      <c r="Y34" s="70">
        <v>1</v>
      </c>
      <c r="Z34" s="71">
        <v>0</v>
      </c>
      <c r="AA34" s="72">
        <v>1</v>
      </c>
      <c r="AB34" s="244">
        <v>0</v>
      </c>
      <c r="AC34" s="71">
        <v>1</v>
      </c>
      <c r="AD34" s="71">
        <v>0</v>
      </c>
      <c r="AE34" s="71">
        <v>2</v>
      </c>
      <c r="AF34" s="71">
        <v>0</v>
      </c>
      <c r="AG34" s="71">
        <v>1</v>
      </c>
      <c r="AH34" s="72">
        <v>4</v>
      </c>
      <c r="AI34" s="73">
        <v>5</v>
      </c>
      <c r="AJ34" s="70">
        <v>0</v>
      </c>
      <c r="AK34" s="71">
        <v>0</v>
      </c>
      <c r="AL34" s="72">
        <v>0</v>
      </c>
      <c r="AM34" s="244"/>
      <c r="AN34" s="71">
        <v>1</v>
      </c>
      <c r="AO34" s="71">
        <v>0</v>
      </c>
      <c r="AP34" s="71">
        <v>0</v>
      </c>
      <c r="AQ34" s="71">
        <v>0</v>
      </c>
      <c r="AR34" s="71">
        <v>0</v>
      </c>
      <c r="AS34" s="72">
        <v>1</v>
      </c>
      <c r="AT34" s="73">
        <v>1</v>
      </c>
      <c r="AU34" s="70">
        <v>0</v>
      </c>
      <c r="AV34" s="71">
        <v>1</v>
      </c>
      <c r="AW34" s="72">
        <v>1</v>
      </c>
      <c r="AX34" s="244"/>
      <c r="AY34" s="71">
        <v>1</v>
      </c>
      <c r="AZ34" s="71">
        <v>1</v>
      </c>
      <c r="BA34" s="71">
        <v>0</v>
      </c>
      <c r="BB34" s="71">
        <v>0</v>
      </c>
      <c r="BC34" s="71">
        <v>1</v>
      </c>
      <c r="BD34" s="72">
        <v>3</v>
      </c>
      <c r="BE34" s="73">
        <v>4</v>
      </c>
      <c r="BF34" s="70">
        <v>3</v>
      </c>
      <c r="BG34" s="71">
        <v>0</v>
      </c>
      <c r="BH34" s="72">
        <v>3</v>
      </c>
      <c r="BI34" s="244">
        <v>0</v>
      </c>
      <c r="BJ34" s="71">
        <v>1</v>
      </c>
      <c r="BK34" s="71">
        <v>1</v>
      </c>
      <c r="BL34" s="71">
        <v>1</v>
      </c>
      <c r="BM34" s="71">
        <v>0</v>
      </c>
      <c r="BN34" s="71">
        <v>0</v>
      </c>
      <c r="BO34" s="72">
        <v>3</v>
      </c>
      <c r="BP34" s="73">
        <v>6</v>
      </c>
      <c r="BQ34" s="70">
        <v>0</v>
      </c>
      <c r="BR34" s="71">
        <v>0</v>
      </c>
      <c r="BS34" s="72">
        <v>0</v>
      </c>
      <c r="BT34" s="244"/>
      <c r="BU34" s="71">
        <v>2</v>
      </c>
      <c r="BV34" s="71">
        <v>2</v>
      </c>
      <c r="BW34" s="71">
        <v>1</v>
      </c>
      <c r="BX34" s="71">
        <v>2</v>
      </c>
      <c r="BY34" s="71">
        <v>0</v>
      </c>
      <c r="BZ34" s="72">
        <v>7</v>
      </c>
      <c r="CA34" s="73">
        <v>7</v>
      </c>
      <c r="CB34" s="70">
        <v>0</v>
      </c>
      <c r="CC34" s="71">
        <v>0</v>
      </c>
      <c r="CD34" s="72">
        <v>0</v>
      </c>
      <c r="CE34" s="244"/>
      <c r="CF34" s="71">
        <v>0</v>
      </c>
      <c r="CG34" s="71">
        <v>0</v>
      </c>
      <c r="CH34" s="71">
        <v>0</v>
      </c>
      <c r="CI34" s="71">
        <v>0</v>
      </c>
      <c r="CJ34" s="71">
        <v>0</v>
      </c>
      <c r="CK34" s="72">
        <v>0</v>
      </c>
      <c r="CL34" s="73">
        <v>0</v>
      </c>
      <c r="CM34" s="70">
        <v>4</v>
      </c>
      <c r="CN34" s="71">
        <v>1</v>
      </c>
      <c r="CO34" s="72">
        <v>5</v>
      </c>
      <c r="CP34" s="244"/>
      <c r="CQ34" s="71">
        <v>6</v>
      </c>
      <c r="CR34" s="71">
        <v>5</v>
      </c>
      <c r="CS34" s="71">
        <v>4</v>
      </c>
      <c r="CT34" s="71">
        <v>2</v>
      </c>
      <c r="CU34" s="71">
        <v>2</v>
      </c>
      <c r="CV34" s="72">
        <v>19</v>
      </c>
      <c r="CW34" s="73">
        <v>24</v>
      </c>
      <c r="CX34" s="123">
        <v>1</v>
      </c>
      <c r="CY34" s="82">
        <v>1</v>
      </c>
      <c r="CZ34" s="83">
        <v>2</v>
      </c>
      <c r="DA34" s="241"/>
      <c r="DB34" s="82">
        <v>0</v>
      </c>
      <c r="DC34" s="82">
        <v>1</v>
      </c>
      <c r="DD34" s="82">
        <v>2</v>
      </c>
      <c r="DE34" s="82">
        <v>1</v>
      </c>
      <c r="DF34" s="82">
        <v>2</v>
      </c>
      <c r="DG34" s="84">
        <v>6</v>
      </c>
      <c r="DH34" s="85">
        <v>8</v>
      </c>
      <c r="DI34" s="70">
        <v>0</v>
      </c>
      <c r="DJ34" s="71">
        <v>0</v>
      </c>
      <c r="DK34" s="72">
        <v>0</v>
      </c>
      <c r="DL34" s="244"/>
      <c r="DM34" s="71">
        <v>0</v>
      </c>
      <c r="DN34" s="71">
        <v>0</v>
      </c>
      <c r="DO34" s="71">
        <v>0</v>
      </c>
      <c r="DP34" s="71">
        <v>0</v>
      </c>
      <c r="DQ34" s="71">
        <v>0</v>
      </c>
      <c r="DR34" s="72">
        <v>0</v>
      </c>
      <c r="DS34" s="73">
        <v>0</v>
      </c>
      <c r="DT34" s="70">
        <v>0</v>
      </c>
      <c r="DU34" s="71">
        <v>1</v>
      </c>
      <c r="DV34" s="72">
        <v>1</v>
      </c>
      <c r="DW34" s="244"/>
      <c r="DX34" s="71">
        <v>0</v>
      </c>
      <c r="DY34" s="71">
        <v>0</v>
      </c>
      <c r="DZ34" s="71">
        <v>0</v>
      </c>
      <c r="EA34" s="71">
        <v>0</v>
      </c>
      <c r="EB34" s="71">
        <v>0</v>
      </c>
      <c r="EC34" s="72">
        <v>0</v>
      </c>
      <c r="ED34" s="73">
        <v>1</v>
      </c>
      <c r="EE34" s="70">
        <v>0</v>
      </c>
      <c r="EF34" s="71">
        <v>0</v>
      </c>
      <c r="EG34" s="72">
        <v>0</v>
      </c>
      <c r="EH34" s="244"/>
      <c r="EI34" s="71">
        <v>0</v>
      </c>
      <c r="EJ34" s="71">
        <v>0</v>
      </c>
      <c r="EK34" s="71">
        <v>1</v>
      </c>
      <c r="EL34" s="71">
        <v>0</v>
      </c>
      <c r="EM34" s="71">
        <v>0</v>
      </c>
      <c r="EN34" s="72">
        <v>1</v>
      </c>
      <c r="EO34" s="73">
        <v>1</v>
      </c>
      <c r="EP34" s="70">
        <v>0</v>
      </c>
      <c r="EQ34" s="71">
        <v>0</v>
      </c>
      <c r="ER34" s="72">
        <v>0</v>
      </c>
      <c r="ES34" s="244"/>
      <c r="ET34" s="71">
        <v>0</v>
      </c>
      <c r="EU34" s="71">
        <v>1</v>
      </c>
      <c r="EV34" s="71">
        <v>0</v>
      </c>
      <c r="EW34" s="71">
        <v>1</v>
      </c>
      <c r="EX34" s="71">
        <v>0</v>
      </c>
      <c r="EY34" s="72">
        <v>2</v>
      </c>
      <c r="EZ34" s="73">
        <v>2</v>
      </c>
      <c r="FA34" s="70">
        <v>0</v>
      </c>
      <c r="FB34" s="71">
        <v>0</v>
      </c>
      <c r="FC34" s="72">
        <v>0</v>
      </c>
      <c r="FD34" s="244"/>
      <c r="FE34" s="71">
        <v>0</v>
      </c>
      <c r="FF34" s="71">
        <v>0</v>
      </c>
      <c r="FG34" s="71">
        <v>0</v>
      </c>
      <c r="FH34" s="71">
        <v>0</v>
      </c>
      <c r="FI34" s="71">
        <v>0</v>
      </c>
      <c r="FJ34" s="72">
        <v>0</v>
      </c>
      <c r="FK34" s="73">
        <v>0</v>
      </c>
      <c r="FL34" s="70">
        <v>1</v>
      </c>
      <c r="FM34" s="71">
        <v>0</v>
      </c>
      <c r="FN34" s="72">
        <v>1</v>
      </c>
      <c r="FO34" s="241"/>
      <c r="FP34" s="71">
        <v>0</v>
      </c>
      <c r="FQ34" s="71">
        <v>0</v>
      </c>
      <c r="FR34" s="71">
        <v>1</v>
      </c>
      <c r="FS34" s="71">
        <v>0</v>
      </c>
      <c r="FT34" s="71">
        <v>2</v>
      </c>
      <c r="FU34" s="72">
        <v>3</v>
      </c>
      <c r="FV34" s="73">
        <v>4</v>
      </c>
      <c r="FW34" s="70">
        <v>0</v>
      </c>
      <c r="FX34" s="71">
        <v>0</v>
      </c>
      <c r="FY34" s="72">
        <v>0</v>
      </c>
      <c r="FZ34" s="244"/>
      <c r="GA34" s="71">
        <v>0</v>
      </c>
      <c r="GB34" s="71">
        <v>0</v>
      </c>
      <c r="GC34" s="71">
        <v>0</v>
      </c>
      <c r="GD34" s="71">
        <v>0</v>
      </c>
      <c r="GE34" s="71">
        <v>0</v>
      </c>
      <c r="GF34" s="72">
        <v>0</v>
      </c>
      <c r="GG34" s="73">
        <v>0</v>
      </c>
      <c r="GH34" s="70">
        <v>1</v>
      </c>
      <c r="GI34" s="71">
        <v>1</v>
      </c>
      <c r="GJ34" s="72">
        <v>2</v>
      </c>
      <c r="GK34" s="244"/>
      <c r="GL34" s="71">
        <v>0</v>
      </c>
      <c r="GM34" s="71">
        <v>1</v>
      </c>
      <c r="GN34" s="71">
        <v>2</v>
      </c>
      <c r="GO34" s="71">
        <v>1</v>
      </c>
      <c r="GP34" s="71">
        <v>2</v>
      </c>
      <c r="GQ34" s="72">
        <v>6</v>
      </c>
      <c r="GR34" s="73">
        <v>8</v>
      </c>
      <c r="GS34" s="123">
        <v>5</v>
      </c>
      <c r="GT34" s="82">
        <v>2</v>
      </c>
      <c r="GU34" s="83">
        <v>7</v>
      </c>
      <c r="GV34" s="241"/>
      <c r="GW34" s="82">
        <v>6</v>
      </c>
      <c r="GX34" s="82">
        <v>6</v>
      </c>
      <c r="GY34" s="82">
        <v>6</v>
      </c>
      <c r="GZ34" s="82">
        <v>3</v>
      </c>
      <c r="HA34" s="82">
        <v>4</v>
      </c>
      <c r="HB34" s="84">
        <v>25</v>
      </c>
      <c r="HC34" s="85">
        <v>32</v>
      </c>
      <c r="HD34" s="70">
        <v>0</v>
      </c>
      <c r="HE34" s="71">
        <v>0</v>
      </c>
      <c r="HF34" s="72">
        <v>0</v>
      </c>
      <c r="HG34" s="244"/>
      <c r="HH34" s="71">
        <v>0</v>
      </c>
      <c r="HI34" s="71">
        <v>1</v>
      </c>
      <c r="HJ34" s="71">
        <v>0</v>
      </c>
      <c r="HK34" s="71">
        <v>0</v>
      </c>
      <c r="HL34" s="71">
        <v>0</v>
      </c>
      <c r="HM34" s="72">
        <v>1</v>
      </c>
      <c r="HN34" s="73">
        <v>1</v>
      </c>
      <c r="HO34" s="70">
        <v>1</v>
      </c>
      <c r="HP34" s="71">
        <v>1</v>
      </c>
      <c r="HQ34" s="72">
        <v>2</v>
      </c>
      <c r="HR34" s="244"/>
      <c r="HS34" s="71">
        <v>1</v>
      </c>
      <c r="HT34" s="71">
        <v>0</v>
      </c>
      <c r="HU34" s="71">
        <v>2</v>
      </c>
      <c r="HV34" s="71">
        <v>0</v>
      </c>
      <c r="HW34" s="71">
        <v>1</v>
      </c>
      <c r="HX34" s="72">
        <v>4</v>
      </c>
      <c r="HY34" s="73">
        <v>6</v>
      </c>
      <c r="HZ34" s="70">
        <v>0</v>
      </c>
      <c r="IA34" s="71">
        <v>0</v>
      </c>
      <c r="IB34" s="72">
        <v>0</v>
      </c>
      <c r="IC34" s="244"/>
      <c r="ID34" s="71">
        <v>1</v>
      </c>
      <c r="IE34" s="71">
        <v>0</v>
      </c>
      <c r="IF34" s="71">
        <v>1</v>
      </c>
      <c r="IG34" s="71">
        <v>0</v>
      </c>
      <c r="IH34" s="71">
        <v>0</v>
      </c>
      <c r="II34" s="72">
        <v>2</v>
      </c>
      <c r="IJ34" s="73">
        <v>2</v>
      </c>
      <c r="IK34" s="70">
        <v>0</v>
      </c>
      <c r="IL34" s="71">
        <v>1</v>
      </c>
      <c r="IM34" s="72">
        <v>1</v>
      </c>
      <c r="IN34" s="244"/>
      <c r="IO34" s="71">
        <v>1</v>
      </c>
      <c r="IP34" s="71">
        <v>2</v>
      </c>
      <c r="IQ34" s="71">
        <v>0</v>
      </c>
      <c r="IR34" s="71">
        <v>1</v>
      </c>
      <c r="IS34" s="71">
        <v>1</v>
      </c>
      <c r="IT34" s="72">
        <v>5</v>
      </c>
      <c r="IU34" s="73">
        <v>6</v>
      </c>
      <c r="IV34" s="70">
        <v>3</v>
      </c>
      <c r="IW34" s="71">
        <v>0</v>
      </c>
      <c r="IX34" s="72">
        <v>3</v>
      </c>
      <c r="IY34" s="244"/>
      <c r="IZ34" s="71">
        <v>1</v>
      </c>
      <c r="JA34" s="71">
        <v>1</v>
      </c>
      <c r="JB34" s="71">
        <v>1</v>
      </c>
      <c r="JC34" s="71">
        <v>0</v>
      </c>
      <c r="JD34" s="71">
        <v>0</v>
      </c>
      <c r="JE34" s="72">
        <v>3</v>
      </c>
      <c r="JF34" s="73">
        <v>6</v>
      </c>
      <c r="JG34" s="70">
        <v>1</v>
      </c>
      <c r="JH34" s="71">
        <v>0</v>
      </c>
      <c r="JI34" s="72">
        <v>1</v>
      </c>
      <c r="JJ34" s="244"/>
      <c r="JK34" s="71">
        <v>2</v>
      </c>
      <c r="JL34" s="71">
        <v>2</v>
      </c>
      <c r="JM34" s="71">
        <v>2</v>
      </c>
      <c r="JN34" s="71">
        <v>2</v>
      </c>
      <c r="JO34" s="71">
        <v>2</v>
      </c>
      <c r="JP34" s="72">
        <v>10</v>
      </c>
      <c r="JQ34" s="73">
        <v>11</v>
      </c>
      <c r="JR34" s="70">
        <v>0</v>
      </c>
      <c r="JS34" s="71">
        <v>0</v>
      </c>
      <c r="JT34" s="72">
        <v>0</v>
      </c>
      <c r="JU34" s="244"/>
      <c r="JV34" s="71">
        <v>0</v>
      </c>
      <c r="JW34" s="71">
        <v>0</v>
      </c>
      <c r="JX34" s="71">
        <v>0</v>
      </c>
      <c r="JY34" s="71">
        <v>0</v>
      </c>
      <c r="JZ34" s="71">
        <v>0</v>
      </c>
      <c r="KA34" s="72">
        <v>0</v>
      </c>
      <c r="KB34" s="73">
        <v>0</v>
      </c>
      <c r="KC34" s="70">
        <v>5</v>
      </c>
      <c r="KD34" s="71">
        <v>2</v>
      </c>
      <c r="KE34" s="72">
        <v>7</v>
      </c>
      <c r="KF34" s="244"/>
      <c r="KG34" s="71">
        <v>6</v>
      </c>
      <c r="KH34" s="71">
        <v>6</v>
      </c>
      <c r="KI34" s="71">
        <v>6</v>
      </c>
      <c r="KJ34" s="71">
        <v>3</v>
      </c>
      <c r="KK34" s="71">
        <v>4</v>
      </c>
      <c r="KL34" s="72">
        <v>25</v>
      </c>
      <c r="KM34" s="73">
        <v>32</v>
      </c>
    </row>
    <row r="35" spans="2:299" ht="19.5" customHeight="1" x14ac:dyDescent="0.2">
      <c r="B35" s="126" t="s">
        <v>32</v>
      </c>
      <c r="C35" s="316">
        <v>4</v>
      </c>
      <c r="D35" s="82">
        <v>1</v>
      </c>
      <c r="E35" s="83">
        <v>5</v>
      </c>
      <c r="F35" s="241"/>
      <c r="G35" s="82">
        <v>8</v>
      </c>
      <c r="H35" s="82">
        <v>5</v>
      </c>
      <c r="I35" s="82">
        <v>3</v>
      </c>
      <c r="J35" s="82">
        <v>3</v>
      </c>
      <c r="K35" s="82">
        <v>3</v>
      </c>
      <c r="L35" s="84">
        <v>22</v>
      </c>
      <c r="M35" s="85">
        <v>27</v>
      </c>
      <c r="N35" s="70">
        <v>1</v>
      </c>
      <c r="O35" s="71">
        <v>0</v>
      </c>
      <c r="P35" s="72">
        <v>1</v>
      </c>
      <c r="Q35" s="244"/>
      <c r="R35" s="71">
        <v>0</v>
      </c>
      <c r="S35" s="71">
        <v>0</v>
      </c>
      <c r="T35" s="71">
        <v>1</v>
      </c>
      <c r="U35" s="71">
        <v>0</v>
      </c>
      <c r="V35" s="71">
        <v>0</v>
      </c>
      <c r="W35" s="72">
        <v>1</v>
      </c>
      <c r="X35" s="73">
        <v>2</v>
      </c>
      <c r="Y35" s="70">
        <v>1</v>
      </c>
      <c r="Z35" s="71">
        <v>0</v>
      </c>
      <c r="AA35" s="72">
        <v>1</v>
      </c>
      <c r="AB35" s="244">
        <v>0</v>
      </c>
      <c r="AC35" s="71">
        <v>1</v>
      </c>
      <c r="AD35" s="71">
        <v>0</v>
      </c>
      <c r="AE35" s="71">
        <v>1</v>
      </c>
      <c r="AF35" s="71">
        <v>0</v>
      </c>
      <c r="AG35" s="71">
        <v>0</v>
      </c>
      <c r="AH35" s="72">
        <v>2</v>
      </c>
      <c r="AI35" s="73">
        <v>3</v>
      </c>
      <c r="AJ35" s="70">
        <v>2</v>
      </c>
      <c r="AK35" s="71">
        <v>0</v>
      </c>
      <c r="AL35" s="72">
        <v>2</v>
      </c>
      <c r="AM35" s="244"/>
      <c r="AN35" s="71">
        <v>1</v>
      </c>
      <c r="AO35" s="71">
        <v>1</v>
      </c>
      <c r="AP35" s="71">
        <v>0</v>
      </c>
      <c r="AQ35" s="71">
        <v>0</v>
      </c>
      <c r="AR35" s="71">
        <v>2</v>
      </c>
      <c r="AS35" s="72">
        <v>4</v>
      </c>
      <c r="AT35" s="73">
        <v>6</v>
      </c>
      <c r="AU35" s="70">
        <v>0</v>
      </c>
      <c r="AV35" s="71">
        <v>0</v>
      </c>
      <c r="AW35" s="72">
        <v>0</v>
      </c>
      <c r="AX35" s="244"/>
      <c r="AY35" s="71">
        <v>1</v>
      </c>
      <c r="AZ35" s="71">
        <v>0</v>
      </c>
      <c r="BA35" s="71">
        <v>0</v>
      </c>
      <c r="BB35" s="71">
        <v>1</v>
      </c>
      <c r="BC35" s="71">
        <v>0</v>
      </c>
      <c r="BD35" s="72">
        <v>2</v>
      </c>
      <c r="BE35" s="73">
        <v>2</v>
      </c>
      <c r="BF35" s="70">
        <v>0</v>
      </c>
      <c r="BG35" s="71">
        <v>0</v>
      </c>
      <c r="BH35" s="72">
        <v>0</v>
      </c>
      <c r="BI35" s="244">
        <v>0</v>
      </c>
      <c r="BJ35" s="71">
        <v>3</v>
      </c>
      <c r="BK35" s="71">
        <v>3</v>
      </c>
      <c r="BL35" s="71">
        <v>0</v>
      </c>
      <c r="BM35" s="71">
        <v>1</v>
      </c>
      <c r="BN35" s="71">
        <v>0</v>
      </c>
      <c r="BO35" s="72">
        <v>7</v>
      </c>
      <c r="BP35" s="73">
        <v>7</v>
      </c>
      <c r="BQ35" s="70">
        <v>0</v>
      </c>
      <c r="BR35" s="71">
        <v>1</v>
      </c>
      <c r="BS35" s="72">
        <v>1</v>
      </c>
      <c r="BT35" s="244"/>
      <c r="BU35" s="71">
        <v>2</v>
      </c>
      <c r="BV35" s="71">
        <v>1</v>
      </c>
      <c r="BW35" s="71">
        <v>1</v>
      </c>
      <c r="BX35" s="71">
        <v>1</v>
      </c>
      <c r="BY35" s="71">
        <v>1</v>
      </c>
      <c r="BZ35" s="72">
        <v>6</v>
      </c>
      <c r="CA35" s="73">
        <v>7</v>
      </c>
      <c r="CB35" s="70">
        <v>0</v>
      </c>
      <c r="CC35" s="71">
        <v>0</v>
      </c>
      <c r="CD35" s="72">
        <v>0</v>
      </c>
      <c r="CE35" s="244"/>
      <c r="CF35" s="71">
        <v>0</v>
      </c>
      <c r="CG35" s="71">
        <v>0</v>
      </c>
      <c r="CH35" s="71">
        <v>0</v>
      </c>
      <c r="CI35" s="71">
        <v>0</v>
      </c>
      <c r="CJ35" s="71">
        <v>0</v>
      </c>
      <c r="CK35" s="72">
        <v>0</v>
      </c>
      <c r="CL35" s="73">
        <v>0</v>
      </c>
      <c r="CM35" s="70">
        <v>4</v>
      </c>
      <c r="CN35" s="71">
        <v>1</v>
      </c>
      <c r="CO35" s="72">
        <v>5</v>
      </c>
      <c r="CP35" s="244"/>
      <c r="CQ35" s="71">
        <v>8</v>
      </c>
      <c r="CR35" s="71">
        <v>5</v>
      </c>
      <c r="CS35" s="71">
        <v>3</v>
      </c>
      <c r="CT35" s="71">
        <v>3</v>
      </c>
      <c r="CU35" s="71">
        <v>3</v>
      </c>
      <c r="CV35" s="72">
        <v>22</v>
      </c>
      <c r="CW35" s="73">
        <v>27</v>
      </c>
      <c r="CX35" s="123">
        <v>0</v>
      </c>
      <c r="CY35" s="82">
        <v>1</v>
      </c>
      <c r="CZ35" s="83">
        <v>1</v>
      </c>
      <c r="DA35" s="241"/>
      <c r="DB35" s="82">
        <v>3</v>
      </c>
      <c r="DC35" s="82">
        <v>4</v>
      </c>
      <c r="DD35" s="82">
        <v>1</v>
      </c>
      <c r="DE35" s="82">
        <v>1</v>
      </c>
      <c r="DF35" s="82">
        <v>0</v>
      </c>
      <c r="DG35" s="84">
        <v>9</v>
      </c>
      <c r="DH35" s="85">
        <v>10</v>
      </c>
      <c r="DI35" s="70">
        <v>0</v>
      </c>
      <c r="DJ35" s="71">
        <v>0</v>
      </c>
      <c r="DK35" s="72">
        <v>0</v>
      </c>
      <c r="DL35" s="244"/>
      <c r="DM35" s="71">
        <v>1</v>
      </c>
      <c r="DN35" s="71">
        <v>0</v>
      </c>
      <c r="DO35" s="71">
        <v>0</v>
      </c>
      <c r="DP35" s="71">
        <v>0</v>
      </c>
      <c r="DQ35" s="71">
        <v>0</v>
      </c>
      <c r="DR35" s="72">
        <v>1</v>
      </c>
      <c r="DS35" s="73">
        <v>1</v>
      </c>
      <c r="DT35" s="70">
        <v>0</v>
      </c>
      <c r="DU35" s="71">
        <v>0</v>
      </c>
      <c r="DV35" s="72">
        <v>0</v>
      </c>
      <c r="DW35" s="244"/>
      <c r="DX35" s="71">
        <v>0</v>
      </c>
      <c r="DY35" s="71">
        <v>0</v>
      </c>
      <c r="DZ35" s="71">
        <v>0</v>
      </c>
      <c r="EA35" s="71">
        <v>0</v>
      </c>
      <c r="EB35" s="71">
        <v>0</v>
      </c>
      <c r="EC35" s="72">
        <v>0</v>
      </c>
      <c r="ED35" s="73">
        <v>0</v>
      </c>
      <c r="EE35" s="70">
        <v>0</v>
      </c>
      <c r="EF35" s="71">
        <v>1</v>
      </c>
      <c r="EG35" s="72">
        <v>1</v>
      </c>
      <c r="EH35" s="244"/>
      <c r="EI35" s="71">
        <v>0</v>
      </c>
      <c r="EJ35" s="71">
        <v>0</v>
      </c>
      <c r="EK35" s="71">
        <v>0</v>
      </c>
      <c r="EL35" s="71">
        <v>0</v>
      </c>
      <c r="EM35" s="71">
        <v>0</v>
      </c>
      <c r="EN35" s="72">
        <v>0</v>
      </c>
      <c r="EO35" s="73">
        <v>1</v>
      </c>
      <c r="EP35" s="70">
        <v>0</v>
      </c>
      <c r="EQ35" s="71">
        <v>0</v>
      </c>
      <c r="ER35" s="72">
        <v>0</v>
      </c>
      <c r="ES35" s="244"/>
      <c r="ET35" s="71">
        <v>1</v>
      </c>
      <c r="EU35" s="71">
        <v>1</v>
      </c>
      <c r="EV35" s="71">
        <v>0</v>
      </c>
      <c r="EW35" s="71">
        <v>0</v>
      </c>
      <c r="EX35" s="71">
        <v>0</v>
      </c>
      <c r="EY35" s="72">
        <v>2</v>
      </c>
      <c r="EZ35" s="73">
        <v>2</v>
      </c>
      <c r="FA35" s="70">
        <v>0</v>
      </c>
      <c r="FB35" s="71">
        <v>0</v>
      </c>
      <c r="FC35" s="72">
        <v>0</v>
      </c>
      <c r="FD35" s="244"/>
      <c r="FE35" s="71">
        <v>0</v>
      </c>
      <c r="FF35" s="71">
        <v>2</v>
      </c>
      <c r="FG35" s="71">
        <v>0</v>
      </c>
      <c r="FH35" s="71">
        <v>0</v>
      </c>
      <c r="FI35" s="71">
        <v>0</v>
      </c>
      <c r="FJ35" s="72">
        <v>2</v>
      </c>
      <c r="FK35" s="73">
        <v>2</v>
      </c>
      <c r="FL35" s="70">
        <v>0</v>
      </c>
      <c r="FM35" s="71">
        <v>0</v>
      </c>
      <c r="FN35" s="72">
        <v>0</v>
      </c>
      <c r="FO35" s="241"/>
      <c r="FP35" s="71">
        <v>1</v>
      </c>
      <c r="FQ35" s="71">
        <v>1</v>
      </c>
      <c r="FR35" s="71">
        <v>1</v>
      </c>
      <c r="FS35" s="71">
        <v>1</v>
      </c>
      <c r="FT35" s="71">
        <v>0</v>
      </c>
      <c r="FU35" s="72">
        <v>4</v>
      </c>
      <c r="FV35" s="73">
        <v>4</v>
      </c>
      <c r="FW35" s="70">
        <v>0</v>
      </c>
      <c r="FX35" s="71">
        <v>0</v>
      </c>
      <c r="FY35" s="72">
        <v>0</v>
      </c>
      <c r="FZ35" s="244"/>
      <c r="GA35" s="71">
        <v>0</v>
      </c>
      <c r="GB35" s="71">
        <v>0</v>
      </c>
      <c r="GC35" s="71">
        <v>0</v>
      </c>
      <c r="GD35" s="71">
        <v>0</v>
      </c>
      <c r="GE35" s="71">
        <v>0</v>
      </c>
      <c r="GF35" s="72">
        <v>0</v>
      </c>
      <c r="GG35" s="73">
        <v>0</v>
      </c>
      <c r="GH35" s="70">
        <v>0</v>
      </c>
      <c r="GI35" s="71">
        <v>1</v>
      </c>
      <c r="GJ35" s="72">
        <v>1</v>
      </c>
      <c r="GK35" s="244"/>
      <c r="GL35" s="71">
        <v>3</v>
      </c>
      <c r="GM35" s="71">
        <v>4</v>
      </c>
      <c r="GN35" s="71">
        <v>1</v>
      </c>
      <c r="GO35" s="71">
        <v>1</v>
      </c>
      <c r="GP35" s="71">
        <v>0</v>
      </c>
      <c r="GQ35" s="72">
        <v>9</v>
      </c>
      <c r="GR35" s="73">
        <v>10</v>
      </c>
      <c r="GS35" s="123">
        <v>4</v>
      </c>
      <c r="GT35" s="82">
        <v>2</v>
      </c>
      <c r="GU35" s="83">
        <v>6</v>
      </c>
      <c r="GV35" s="241"/>
      <c r="GW35" s="82">
        <v>11</v>
      </c>
      <c r="GX35" s="82">
        <v>9</v>
      </c>
      <c r="GY35" s="82">
        <v>4</v>
      </c>
      <c r="GZ35" s="82">
        <v>4</v>
      </c>
      <c r="HA35" s="82">
        <v>3</v>
      </c>
      <c r="HB35" s="84">
        <v>31</v>
      </c>
      <c r="HC35" s="85">
        <v>37</v>
      </c>
      <c r="HD35" s="70">
        <v>1</v>
      </c>
      <c r="HE35" s="71">
        <v>0</v>
      </c>
      <c r="HF35" s="72">
        <v>1</v>
      </c>
      <c r="HG35" s="244"/>
      <c r="HH35" s="71">
        <v>1</v>
      </c>
      <c r="HI35" s="71">
        <v>0</v>
      </c>
      <c r="HJ35" s="71">
        <v>1</v>
      </c>
      <c r="HK35" s="71">
        <v>0</v>
      </c>
      <c r="HL35" s="71">
        <v>0</v>
      </c>
      <c r="HM35" s="72">
        <v>2</v>
      </c>
      <c r="HN35" s="73">
        <v>3</v>
      </c>
      <c r="HO35" s="70">
        <v>1</v>
      </c>
      <c r="HP35" s="71">
        <v>0</v>
      </c>
      <c r="HQ35" s="72">
        <v>1</v>
      </c>
      <c r="HR35" s="244"/>
      <c r="HS35" s="71">
        <v>1</v>
      </c>
      <c r="HT35" s="71">
        <v>0</v>
      </c>
      <c r="HU35" s="71">
        <v>1</v>
      </c>
      <c r="HV35" s="71">
        <v>0</v>
      </c>
      <c r="HW35" s="71">
        <v>0</v>
      </c>
      <c r="HX35" s="72">
        <v>2</v>
      </c>
      <c r="HY35" s="73">
        <v>3</v>
      </c>
      <c r="HZ35" s="70">
        <v>2</v>
      </c>
      <c r="IA35" s="71">
        <v>1</v>
      </c>
      <c r="IB35" s="72">
        <v>3</v>
      </c>
      <c r="IC35" s="244"/>
      <c r="ID35" s="71">
        <v>1</v>
      </c>
      <c r="IE35" s="71">
        <v>1</v>
      </c>
      <c r="IF35" s="71">
        <v>0</v>
      </c>
      <c r="IG35" s="71">
        <v>0</v>
      </c>
      <c r="IH35" s="71">
        <v>2</v>
      </c>
      <c r="II35" s="72">
        <v>4</v>
      </c>
      <c r="IJ35" s="73">
        <v>7</v>
      </c>
      <c r="IK35" s="70">
        <v>0</v>
      </c>
      <c r="IL35" s="71">
        <v>0</v>
      </c>
      <c r="IM35" s="72">
        <v>0</v>
      </c>
      <c r="IN35" s="244"/>
      <c r="IO35" s="71">
        <v>2</v>
      </c>
      <c r="IP35" s="71">
        <v>1</v>
      </c>
      <c r="IQ35" s="71">
        <v>0</v>
      </c>
      <c r="IR35" s="71">
        <v>1</v>
      </c>
      <c r="IS35" s="71">
        <v>0</v>
      </c>
      <c r="IT35" s="72">
        <v>4</v>
      </c>
      <c r="IU35" s="73">
        <v>4</v>
      </c>
      <c r="IV35" s="70">
        <v>0</v>
      </c>
      <c r="IW35" s="71">
        <v>0</v>
      </c>
      <c r="IX35" s="72">
        <v>0</v>
      </c>
      <c r="IY35" s="244"/>
      <c r="IZ35" s="71">
        <v>3</v>
      </c>
      <c r="JA35" s="71">
        <v>5</v>
      </c>
      <c r="JB35" s="71">
        <v>0</v>
      </c>
      <c r="JC35" s="71">
        <v>1</v>
      </c>
      <c r="JD35" s="71">
        <v>0</v>
      </c>
      <c r="JE35" s="72">
        <v>9</v>
      </c>
      <c r="JF35" s="73">
        <v>9</v>
      </c>
      <c r="JG35" s="70">
        <v>0</v>
      </c>
      <c r="JH35" s="71">
        <v>1</v>
      </c>
      <c r="JI35" s="72">
        <v>1</v>
      </c>
      <c r="JJ35" s="244"/>
      <c r="JK35" s="71">
        <v>3</v>
      </c>
      <c r="JL35" s="71">
        <v>2</v>
      </c>
      <c r="JM35" s="71">
        <v>2</v>
      </c>
      <c r="JN35" s="71">
        <v>2</v>
      </c>
      <c r="JO35" s="71">
        <v>1</v>
      </c>
      <c r="JP35" s="72">
        <v>10</v>
      </c>
      <c r="JQ35" s="73">
        <v>11</v>
      </c>
      <c r="JR35" s="70">
        <v>0</v>
      </c>
      <c r="JS35" s="71">
        <v>0</v>
      </c>
      <c r="JT35" s="72">
        <v>0</v>
      </c>
      <c r="JU35" s="244"/>
      <c r="JV35" s="71">
        <v>0</v>
      </c>
      <c r="JW35" s="71">
        <v>0</v>
      </c>
      <c r="JX35" s="71">
        <v>0</v>
      </c>
      <c r="JY35" s="71">
        <v>0</v>
      </c>
      <c r="JZ35" s="71">
        <v>0</v>
      </c>
      <c r="KA35" s="72">
        <v>0</v>
      </c>
      <c r="KB35" s="73">
        <v>0</v>
      </c>
      <c r="KC35" s="70">
        <v>4</v>
      </c>
      <c r="KD35" s="71">
        <v>2</v>
      </c>
      <c r="KE35" s="72">
        <v>6</v>
      </c>
      <c r="KF35" s="244"/>
      <c r="KG35" s="71">
        <v>11</v>
      </c>
      <c r="KH35" s="71">
        <v>9</v>
      </c>
      <c r="KI35" s="71">
        <v>4</v>
      </c>
      <c r="KJ35" s="71">
        <v>4</v>
      </c>
      <c r="KK35" s="71">
        <v>3</v>
      </c>
      <c r="KL35" s="72">
        <v>31</v>
      </c>
      <c r="KM35" s="73">
        <v>37</v>
      </c>
    </row>
    <row r="36" spans="2:299" ht="19.5" customHeight="1" x14ac:dyDescent="0.2">
      <c r="B36" s="126" t="s">
        <v>33</v>
      </c>
      <c r="C36" s="316">
        <v>5</v>
      </c>
      <c r="D36" s="82">
        <v>0</v>
      </c>
      <c r="E36" s="83">
        <v>5</v>
      </c>
      <c r="F36" s="241"/>
      <c r="G36" s="82">
        <v>8</v>
      </c>
      <c r="H36" s="82">
        <v>2</v>
      </c>
      <c r="I36" s="82">
        <v>2</v>
      </c>
      <c r="J36" s="82">
        <v>2</v>
      </c>
      <c r="K36" s="82">
        <v>3</v>
      </c>
      <c r="L36" s="84">
        <v>17</v>
      </c>
      <c r="M36" s="85">
        <v>22</v>
      </c>
      <c r="N36" s="70">
        <v>0</v>
      </c>
      <c r="O36" s="71">
        <v>0</v>
      </c>
      <c r="P36" s="72">
        <v>0</v>
      </c>
      <c r="Q36" s="244"/>
      <c r="R36" s="71">
        <v>1</v>
      </c>
      <c r="S36" s="71">
        <v>0</v>
      </c>
      <c r="T36" s="71">
        <v>0</v>
      </c>
      <c r="U36" s="71">
        <v>0</v>
      </c>
      <c r="V36" s="71">
        <v>0</v>
      </c>
      <c r="W36" s="72">
        <v>1</v>
      </c>
      <c r="X36" s="73">
        <v>1</v>
      </c>
      <c r="Y36" s="70">
        <v>0</v>
      </c>
      <c r="Z36" s="71">
        <v>0</v>
      </c>
      <c r="AA36" s="72">
        <v>0</v>
      </c>
      <c r="AB36" s="244">
        <v>0</v>
      </c>
      <c r="AC36" s="71">
        <v>0</v>
      </c>
      <c r="AD36" s="71">
        <v>1</v>
      </c>
      <c r="AE36" s="71">
        <v>0</v>
      </c>
      <c r="AF36" s="71">
        <v>1</v>
      </c>
      <c r="AG36" s="71">
        <v>2</v>
      </c>
      <c r="AH36" s="72">
        <v>4</v>
      </c>
      <c r="AI36" s="73">
        <v>4</v>
      </c>
      <c r="AJ36" s="70">
        <v>1</v>
      </c>
      <c r="AK36" s="71">
        <v>0</v>
      </c>
      <c r="AL36" s="72">
        <v>1</v>
      </c>
      <c r="AM36" s="244"/>
      <c r="AN36" s="71">
        <v>2</v>
      </c>
      <c r="AO36" s="71">
        <v>0</v>
      </c>
      <c r="AP36" s="71">
        <v>0</v>
      </c>
      <c r="AQ36" s="71">
        <v>1</v>
      </c>
      <c r="AR36" s="71">
        <v>1</v>
      </c>
      <c r="AS36" s="72">
        <v>4</v>
      </c>
      <c r="AT36" s="73">
        <v>5</v>
      </c>
      <c r="AU36" s="70">
        <v>1</v>
      </c>
      <c r="AV36" s="71">
        <v>0</v>
      </c>
      <c r="AW36" s="72">
        <v>1</v>
      </c>
      <c r="AX36" s="244"/>
      <c r="AY36" s="71">
        <v>0</v>
      </c>
      <c r="AZ36" s="71">
        <v>1</v>
      </c>
      <c r="BA36" s="71">
        <v>0</v>
      </c>
      <c r="BB36" s="71">
        <v>0</v>
      </c>
      <c r="BC36" s="71">
        <v>0</v>
      </c>
      <c r="BD36" s="72">
        <v>1</v>
      </c>
      <c r="BE36" s="73">
        <v>2</v>
      </c>
      <c r="BF36" s="70">
        <v>2</v>
      </c>
      <c r="BG36" s="71">
        <v>0</v>
      </c>
      <c r="BH36" s="72">
        <v>2</v>
      </c>
      <c r="BI36" s="244">
        <v>0</v>
      </c>
      <c r="BJ36" s="71">
        <v>2</v>
      </c>
      <c r="BK36" s="71">
        <v>0</v>
      </c>
      <c r="BL36" s="71">
        <v>1</v>
      </c>
      <c r="BM36" s="71">
        <v>0</v>
      </c>
      <c r="BN36" s="71">
        <v>0</v>
      </c>
      <c r="BO36" s="72">
        <v>3</v>
      </c>
      <c r="BP36" s="73">
        <v>5</v>
      </c>
      <c r="BQ36" s="70">
        <v>1</v>
      </c>
      <c r="BR36" s="71">
        <v>0</v>
      </c>
      <c r="BS36" s="72">
        <v>1</v>
      </c>
      <c r="BT36" s="244"/>
      <c r="BU36" s="71">
        <v>3</v>
      </c>
      <c r="BV36" s="71">
        <v>0</v>
      </c>
      <c r="BW36" s="71">
        <v>1</v>
      </c>
      <c r="BX36" s="71">
        <v>0</v>
      </c>
      <c r="BY36" s="71">
        <v>0</v>
      </c>
      <c r="BZ36" s="72">
        <v>4</v>
      </c>
      <c r="CA36" s="73">
        <v>5</v>
      </c>
      <c r="CB36" s="70">
        <v>0</v>
      </c>
      <c r="CC36" s="71">
        <v>0</v>
      </c>
      <c r="CD36" s="72">
        <v>0</v>
      </c>
      <c r="CE36" s="244"/>
      <c r="CF36" s="71">
        <v>0</v>
      </c>
      <c r="CG36" s="71">
        <v>0</v>
      </c>
      <c r="CH36" s="71">
        <v>0</v>
      </c>
      <c r="CI36" s="71">
        <v>0</v>
      </c>
      <c r="CJ36" s="71">
        <v>0</v>
      </c>
      <c r="CK36" s="72">
        <v>0</v>
      </c>
      <c r="CL36" s="73">
        <v>0</v>
      </c>
      <c r="CM36" s="70">
        <v>5</v>
      </c>
      <c r="CN36" s="71">
        <v>0</v>
      </c>
      <c r="CO36" s="72">
        <v>5</v>
      </c>
      <c r="CP36" s="244"/>
      <c r="CQ36" s="71">
        <v>8</v>
      </c>
      <c r="CR36" s="71">
        <v>2</v>
      </c>
      <c r="CS36" s="71">
        <v>2</v>
      </c>
      <c r="CT36" s="71">
        <v>2</v>
      </c>
      <c r="CU36" s="71">
        <v>3</v>
      </c>
      <c r="CV36" s="72">
        <v>17</v>
      </c>
      <c r="CW36" s="73">
        <v>22</v>
      </c>
      <c r="CX36" s="123">
        <v>2</v>
      </c>
      <c r="CY36" s="82">
        <v>3</v>
      </c>
      <c r="CZ36" s="83">
        <v>5</v>
      </c>
      <c r="DA36" s="241"/>
      <c r="DB36" s="82">
        <v>1</v>
      </c>
      <c r="DC36" s="82">
        <v>4</v>
      </c>
      <c r="DD36" s="82">
        <v>3</v>
      </c>
      <c r="DE36" s="82">
        <v>4</v>
      </c>
      <c r="DF36" s="82">
        <v>2</v>
      </c>
      <c r="DG36" s="84">
        <v>14</v>
      </c>
      <c r="DH36" s="85">
        <v>19</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0</v>
      </c>
      <c r="DZ36" s="71">
        <v>0</v>
      </c>
      <c r="EA36" s="71">
        <v>0</v>
      </c>
      <c r="EB36" s="71">
        <v>0</v>
      </c>
      <c r="EC36" s="72">
        <v>0</v>
      </c>
      <c r="ED36" s="73">
        <v>0</v>
      </c>
      <c r="EE36" s="70">
        <v>0</v>
      </c>
      <c r="EF36" s="71">
        <v>1</v>
      </c>
      <c r="EG36" s="72">
        <v>1</v>
      </c>
      <c r="EH36" s="244"/>
      <c r="EI36" s="71">
        <v>0</v>
      </c>
      <c r="EJ36" s="71">
        <v>0</v>
      </c>
      <c r="EK36" s="71">
        <v>0</v>
      </c>
      <c r="EL36" s="71">
        <v>2</v>
      </c>
      <c r="EM36" s="71">
        <v>0</v>
      </c>
      <c r="EN36" s="72">
        <v>2</v>
      </c>
      <c r="EO36" s="73">
        <v>3</v>
      </c>
      <c r="EP36" s="70">
        <v>1</v>
      </c>
      <c r="EQ36" s="71">
        <v>0</v>
      </c>
      <c r="ER36" s="72">
        <v>1</v>
      </c>
      <c r="ES36" s="244"/>
      <c r="ET36" s="71">
        <v>0</v>
      </c>
      <c r="EU36" s="71">
        <v>0</v>
      </c>
      <c r="EV36" s="71">
        <v>0</v>
      </c>
      <c r="EW36" s="71">
        <v>0</v>
      </c>
      <c r="EX36" s="71">
        <v>0</v>
      </c>
      <c r="EY36" s="72">
        <v>0</v>
      </c>
      <c r="EZ36" s="73">
        <v>1</v>
      </c>
      <c r="FA36" s="70">
        <v>0</v>
      </c>
      <c r="FB36" s="71">
        <v>2</v>
      </c>
      <c r="FC36" s="72">
        <v>2</v>
      </c>
      <c r="FD36" s="244"/>
      <c r="FE36" s="71">
        <v>1</v>
      </c>
      <c r="FF36" s="71">
        <v>1</v>
      </c>
      <c r="FG36" s="71">
        <v>0</v>
      </c>
      <c r="FH36" s="71">
        <v>0</v>
      </c>
      <c r="FI36" s="71">
        <v>2</v>
      </c>
      <c r="FJ36" s="72">
        <v>4</v>
      </c>
      <c r="FK36" s="73">
        <v>6</v>
      </c>
      <c r="FL36" s="70">
        <v>1</v>
      </c>
      <c r="FM36" s="71">
        <v>0</v>
      </c>
      <c r="FN36" s="72">
        <v>1</v>
      </c>
      <c r="FO36" s="241"/>
      <c r="FP36" s="71">
        <v>0</v>
      </c>
      <c r="FQ36" s="71">
        <v>3</v>
      </c>
      <c r="FR36" s="71">
        <v>3</v>
      </c>
      <c r="FS36" s="71">
        <v>2</v>
      </c>
      <c r="FT36" s="71">
        <v>0</v>
      </c>
      <c r="FU36" s="72">
        <v>8</v>
      </c>
      <c r="FV36" s="73">
        <v>9</v>
      </c>
      <c r="FW36" s="70">
        <v>0</v>
      </c>
      <c r="FX36" s="71">
        <v>0</v>
      </c>
      <c r="FY36" s="72">
        <v>0</v>
      </c>
      <c r="FZ36" s="244"/>
      <c r="GA36" s="71">
        <v>0</v>
      </c>
      <c r="GB36" s="71">
        <v>0</v>
      </c>
      <c r="GC36" s="71">
        <v>0</v>
      </c>
      <c r="GD36" s="71">
        <v>0</v>
      </c>
      <c r="GE36" s="71">
        <v>0</v>
      </c>
      <c r="GF36" s="72">
        <v>0</v>
      </c>
      <c r="GG36" s="73">
        <v>0</v>
      </c>
      <c r="GH36" s="70">
        <v>2</v>
      </c>
      <c r="GI36" s="71">
        <v>3</v>
      </c>
      <c r="GJ36" s="72">
        <v>5</v>
      </c>
      <c r="GK36" s="244"/>
      <c r="GL36" s="71">
        <v>1</v>
      </c>
      <c r="GM36" s="71">
        <v>4</v>
      </c>
      <c r="GN36" s="71">
        <v>3</v>
      </c>
      <c r="GO36" s="71">
        <v>4</v>
      </c>
      <c r="GP36" s="71">
        <v>2</v>
      </c>
      <c r="GQ36" s="72">
        <v>14</v>
      </c>
      <c r="GR36" s="73">
        <v>19</v>
      </c>
      <c r="GS36" s="123">
        <v>7</v>
      </c>
      <c r="GT36" s="82">
        <v>3</v>
      </c>
      <c r="GU36" s="83">
        <v>10</v>
      </c>
      <c r="GV36" s="241"/>
      <c r="GW36" s="82">
        <v>9</v>
      </c>
      <c r="GX36" s="82">
        <v>6</v>
      </c>
      <c r="GY36" s="82">
        <v>5</v>
      </c>
      <c r="GZ36" s="82">
        <v>6</v>
      </c>
      <c r="HA36" s="82">
        <v>5</v>
      </c>
      <c r="HB36" s="84">
        <v>31</v>
      </c>
      <c r="HC36" s="85">
        <v>41</v>
      </c>
      <c r="HD36" s="70">
        <v>0</v>
      </c>
      <c r="HE36" s="71">
        <v>0</v>
      </c>
      <c r="HF36" s="72">
        <v>0</v>
      </c>
      <c r="HG36" s="244"/>
      <c r="HH36" s="71">
        <v>1</v>
      </c>
      <c r="HI36" s="71">
        <v>0</v>
      </c>
      <c r="HJ36" s="71">
        <v>0</v>
      </c>
      <c r="HK36" s="71">
        <v>0</v>
      </c>
      <c r="HL36" s="71">
        <v>0</v>
      </c>
      <c r="HM36" s="72">
        <v>1</v>
      </c>
      <c r="HN36" s="73">
        <v>1</v>
      </c>
      <c r="HO36" s="70">
        <v>0</v>
      </c>
      <c r="HP36" s="71">
        <v>0</v>
      </c>
      <c r="HQ36" s="72">
        <v>0</v>
      </c>
      <c r="HR36" s="244"/>
      <c r="HS36" s="71">
        <v>0</v>
      </c>
      <c r="HT36" s="71">
        <v>1</v>
      </c>
      <c r="HU36" s="71">
        <v>0</v>
      </c>
      <c r="HV36" s="71">
        <v>1</v>
      </c>
      <c r="HW36" s="71">
        <v>2</v>
      </c>
      <c r="HX36" s="72">
        <v>4</v>
      </c>
      <c r="HY36" s="73">
        <v>4</v>
      </c>
      <c r="HZ36" s="70">
        <v>1</v>
      </c>
      <c r="IA36" s="71">
        <v>1</v>
      </c>
      <c r="IB36" s="72">
        <v>2</v>
      </c>
      <c r="IC36" s="244"/>
      <c r="ID36" s="71">
        <v>2</v>
      </c>
      <c r="IE36" s="71">
        <v>0</v>
      </c>
      <c r="IF36" s="71">
        <v>0</v>
      </c>
      <c r="IG36" s="71">
        <v>3</v>
      </c>
      <c r="IH36" s="71">
        <v>1</v>
      </c>
      <c r="II36" s="72">
        <v>6</v>
      </c>
      <c r="IJ36" s="73">
        <v>8</v>
      </c>
      <c r="IK36" s="70">
        <v>2</v>
      </c>
      <c r="IL36" s="71">
        <v>0</v>
      </c>
      <c r="IM36" s="72">
        <v>2</v>
      </c>
      <c r="IN36" s="244"/>
      <c r="IO36" s="71">
        <v>0</v>
      </c>
      <c r="IP36" s="71">
        <v>1</v>
      </c>
      <c r="IQ36" s="71">
        <v>0</v>
      </c>
      <c r="IR36" s="71">
        <v>0</v>
      </c>
      <c r="IS36" s="71">
        <v>0</v>
      </c>
      <c r="IT36" s="72">
        <v>1</v>
      </c>
      <c r="IU36" s="73">
        <v>3</v>
      </c>
      <c r="IV36" s="70">
        <v>2</v>
      </c>
      <c r="IW36" s="71">
        <v>2</v>
      </c>
      <c r="IX36" s="72">
        <v>4</v>
      </c>
      <c r="IY36" s="244"/>
      <c r="IZ36" s="71">
        <v>3</v>
      </c>
      <c r="JA36" s="71">
        <v>1</v>
      </c>
      <c r="JB36" s="71">
        <v>1</v>
      </c>
      <c r="JC36" s="71">
        <v>0</v>
      </c>
      <c r="JD36" s="71">
        <v>2</v>
      </c>
      <c r="JE36" s="72">
        <v>7</v>
      </c>
      <c r="JF36" s="73">
        <v>11</v>
      </c>
      <c r="JG36" s="70">
        <v>2</v>
      </c>
      <c r="JH36" s="71">
        <v>0</v>
      </c>
      <c r="JI36" s="72">
        <v>2</v>
      </c>
      <c r="JJ36" s="244"/>
      <c r="JK36" s="71">
        <v>3</v>
      </c>
      <c r="JL36" s="71">
        <v>3</v>
      </c>
      <c r="JM36" s="71">
        <v>4</v>
      </c>
      <c r="JN36" s="71">
        <v>2</v>
      </c>
      <c r="JO36" s="71">
        <v>0</v>
      </c>
      <c r="JP36" s="72">
        <v>12</v>
      </c>
      <c r="JQ36" s="73">
        <v>14</v>
      </c>
      <c r="JR36" s="70">
        <v>0</v>
      </c>
      <c r="JS36" s="71">
        <v>0</v>
      </c>
      <c r="JT36" s="72">
        <v>0</v>
      </c>
      <c r="JU36" s="244"/>
      <c r="JV36" s="71">
        <v>0</v>
      </c>
      <c r="JW36" s="71">
        <v>0</v>
      </c>
      <c r="JX36" s="71">
        <v>0</v>
      </c>
      <c r="JY36" s="71">
        <v>0</v>
      </c>
      <c r="JZ36" s="71">
        <v>0</v>
      </c>
      <c r="KA36" s="72">
        <v>0</v>
      </c>
      <c r="KB36" s="73">
        <v>0</v>
      </c>
      <c r="KC36" s="70">
        <v>7</v>
      </c>
      <c r="KD36" s="71">
        <v>3</v>
      </c>
      <c r="KE36" s="72">
        <v>10</v>
      </c>
      <c r="KF36" s="244"/>
      <c r="KG36" s="71">
        <v>9</v>
      </c>
      <c r="KH36" s="71">
        <v>6</v>
      </c>
      <c r="KI36" s="71">
        <v>5</v>
      </c>
      <c r="KJ36" s="71">
        <v>6</v>
      </c>
      <c r="KK36" s="71">
        <v>5</v>
      </c>
      <c r="KL36" s="72">
        <v>31</v>
      </c>
      <c r="KM36" s="73">
        <v>41</v>
      </c>
    </row>
    <row r="37" spans="2:299" ht="19.5" customHeight="1" x14ac:dyDescent="0.2">
      <c r="B37" s="126" t="s">
        <v>34</v>
      </c>
      <c r="C37" s="316">
        <v>1</v>
      </c>
      <c r="D37" s="82">
        <v>1</v>
      </c>
      <c r="E37" s="83">
        <v>2</v>
      </c>
      <c r="F37" s="241"/>
      <c r="G37" s="82">
        <v>2</v>
      </c>
      <c r="H37" s="82">
        <v>3</v>
      </c>
      <c r="I37" s="82">
        <v>1</v>
      </c>
      <c r="J37" s="82">
        <v>2</v>
      </c>
      <c r="K37" s="82">
        <v>0</v>
      </c>
      <c r="L37" s="84">
        <v>8</v>
      </c>
      <c r="M37" s="85">
        <v>10</v>
      </c>
      <c r="N37" s="70">
        <v>0</v>
      </c>
      <c r="O37" s="71">
        <v>0</v>
      </c>
      <c r="P37" s="72">
        <v>0</v>
      </c>
      <c r="Q37" s="244"/>
      <c r="R37" s="71">
        <v>0</v>
      </c>
      <c r="S37" s="71">
        <v>0</v>
      </c>
      <c r="T37" s="71">
        <v>0</v>
      </c>
      <c r="U37" s="71">
        <v>0</v>
      </c>
      <c r="V37" s="71">
        <v>0</v>
      </c>
      <c r="W37" s="72">
        <v>0</v>
      </c>
      <c r="X37" s="73">
        <v>0</v>
      </c>
      <c r="Y37" s="70">
        <v>0</v>
      </c>
      <c r="Z37" s="71">
        <v>0</v>
      </c>
      <c r="AA37" s="72">
        <v>0</v>
      </c>
      <c r="AB37" s="244">
        <v>0</v>
      </c>
      <c r="AC37" s="71">
        <v>0</v>
      </c>
      <c r="AD37" s="71">
        <v>0</v>
      </c>
      <c r="AE37" s="71">
        <v>0</v>
      </c>
      <c r="AF37" s="71">
        <v>0</v>
      </c>
      <c r="AG37" s="71">
        <v>0</v>
      </c>
      <c r="AH37" s="72">
        <v>0</v>
      </c>
      <c r="AI37" s="73">
        <v>0</v>
      </c>
      <c r="AJ37" s="70">
        <v>0</v>
      </c>
      <c r="AK37" s="71">
        <v>1</v>
      </c>
      <c r="AL37" s="72">
        <v>1</v>
      </c>
      <c r="AM37" s="244"/>
      <c r="AN37" s="71">
        <v>0</v>
      </c>
      <c r="AO37" s="71">
        <v>0</v>
      </c>
      <c r="AP37" s="71">
        <v>1</v>
      </c>
      <c r="AQ37" s="71">
        <v>1</v>
      </c>
      <c r="AR37" s="71">
        <v>0</v>
      </c>
      <c r="AS37" s="72">
        <v>2</v>
      </c>
      <c r="AT37" s="73">
        <v>3</v>
      </c>
      <c r="AU37" s="70">
        <v>1</v>
      </c>
      <c r="AV37" s="71">
        <v>0</v>
      </c>
      <c r="AW37" s="72">
        <v>1</v>
      </c>
      <c r="AX37" s="244"/>
      <c r="AY37" s="71">
        <v>1</v>
      </c>
      <c r="AZ37" s="71">
        <v>0</v>
      </c>
      <c r="BA37" s="71">
        <v>0</v>
      </c>
      <c r="BB37" s="71">
        <v>0</v>
      </c>
      <c r="BC37" s="71">
        <v>0</v>
      </c>
      <c r="BD37" s="72">
        <v>1</v>
      </c>
      <c r="BE37" s="73">
        <v>2</v>
      </c>
      <c r="BF37" s="70">
        <v>0</v>
      </c>
      <c r="BG37" s="71">
        <v>0</v>
      </c>
      <c r="BH37" s="72">
        <v>0</v>
      </c>
      <c r="BI37" s="244">
        <v>0</v>
      </c>
      <c r="BJ37" s="71">
        <v>0</v>
      </c>
      <c r="BK37" s="71">
        <v>1</v>
      </c>
      <c r="BL37" s="71">
        <v>0</v>
      </c>
      <c r="BM37" s="71">
        <v>0</v>
      </c>
      <c r="BN37" s="71">
        <v>0</v>
      </c>
      <c r="BO37" s="72">
        <v>1</v>
      </c>
      <c r="BP37" s="73">
        <v>1</v>
      </c>
      <c r="BQ37" s="70">
        <v>0</v>
      </c>
      <c r="BR37" s="71">
        <v>0</v>
      </c>
      <c r="BS37" s="72">
        <v>0</v>
      </c>
      <c r="BT37" s="244"/>
      <c r="BU37" s="71">
        <v>1</v>
      </c>
      <c r="BV37" s="71">
        <v>2</v>
      </c>
      <c r="BW37" s="71">
        <v>0</v>
      </c>
      <c r="BX37" s="71">
        <v>1</v>
      </c>
      <c r="BY37" s="71">
        <v>0</v>
      </c>
      <c r="BZ37" s="72">
        <v>4</v>
      </c>
      <c r="CA37" s="73">
        <v>4</v>
      </c>
      <c r="CB37" s="70">
        <v>0</v>
      </c>
      <c r="CC37" s="71">
        <v>0</v>
      </c>
      <c r="CD37" s="72">
        <v>0</v>
      </c>
      <c r="CE37" s="244"/>
      <c r="CF37" s="71">
        <v>0</v>
      </c>
      <c r="CG37" s="71">
        <v>0</v>
      </c>
      <c r="CH37" s="71">
        <v>0</v>
      </c>
      <c r="CI37" s="71">
        <v>0</v>
      </c>
      <c r="CJ37" s="71">
        <v>0</v>
      </c>
      <c r="CK37" s="72">
        <v>0</v>
      </c>
      <c r="CL37" s="73">
        <v>0</v>
      </c>
      <c r="CM37" s="70">
        <v>1</v>
      </c>
      <c r="CN37" s="71">
        <v>1</v>
      </c>
      <c r="CO37" s="72">
        <v>2</v>
      </c>
      <c r="CP37" s="244"/>
      <c r="CQ37" s="71">
        <v>2</v>
      </c>
      <c r="CR37" s="71">
        <v>3</v>
      </c>
      <c r="CS37" s="71">
        <v>1</v>
      </c>
      <c r="CT37" s="71">
        <v>2</v>
      </c>
      <c r="CU37" s="71">
        <v>0</v>
      </c>
      <c r="CV37" s="72">
        <v>8</v>
      </c>
      <c r="CW37" s="73">
        <v>10</v>
      </c>
      <c r="CX37" s="123">
        <v>0</v>
      </c>
      <c r="CY37" s="82">
        <v>1</v>
      </c>
      <c r="CZ37" s="83">
        <v>1</v>
      </c>
      <c r="DA37" s="241"/>
      <c r="DB37" s="82">
        <v>1</v>
      </c>
      <c r="DC37" s="82">
        <v>0</v>
      </c>
      <c r="DD37" s="82">
        <v>3</v>
      </c>
      <c r="DE37" s="82">
        <v>1</v>
      </c>
      <c r="DF37" s="82">
        <v>0</v>
      </c>
      <c r="DG37" s="84">
        <v>5</v>
      </c>
      <c r="DH37" s="85">
        <v>6</v>
      </c>
      <c r="DI37" s="70">
        <v>0</v>
      </c>
      <c r="DJ37" s="71">
        <v>0</v>
      </c>
      <c r="DK37" s="72">
        <v>0</v>
      </c>
      <c r="DL37" s="244"/>
      <c r="DM37" s="71">
        <v>0</v>
      </c>
      <c r="DN37" s="71">
        <v>0</v>
      </c>
      <c r="DO37" s="71">
        <v>1</v>
      </c>
      <c r="DP37" s="71">
        <v>0</v>
      </c>
      <c r="DQ37" s="71">
        <v>0</v>
      </c>
      <c r="DR37" s="72">
        <v>1</v>
      </c>
      <c r="DS37" s="73">
        <v>1</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0</v>
      </c>
      <c r="EQ37" s="71">
        <v>0</v>
      </c>
      <c r="ER37" s="72">
        <v>0</v>
      </c>
      <c r="ES37" s="244"/>
      <c r="ET37" s="71">
        <v>0</v>
      </c>
      <c r="EU37" s="71">
        <v>0</v>
      </c>
      <c r="EV37" s="71">
        <v>0</v>
      </c>
      <c r="EW37" s="71">
        <v>1</v>
      </c>
      <c r="EX37" s="71">
        <v>0</v>
      </c>
      <c r="EY37" s="72">
        <v>1</v>
      </c>
      <c r="EZ37" s="73">
        <v>1</v>
      </c>
      <c r="FA37" s="70">
        <v>0</v>
      </c>
      <c r="FB37" s="71">
        <v>0</v>
      </c>
      <c r="FC37" s="72">
        <v>0</v>
      </c>
      <c r="FD37" s="244"/>
      <c r="FE37" s="71">
        <v>1</v>
      </c>
      <c r="FF37" s="71">
        <v>0</v>
      </c>
      <c r="FG37" s="71">
        <v>0</v>
      </c>
      <c r="FH37" s="71">
        <v>0</v>
      </c>
      <c r="FI37" s="71">
        <v>0</v>
      </c>
      <c r="FJ37" s="72">
        <v>1</v>
      </c>
      <c r="FK37" s="73">
        <v>1</v>
      </c>
      <c r="FL37" s="70">
        <v>0</v>
      </c>
      <c r="FM37" s="71">
        <v>1</v>
      </c>
      <c r="FN37" s="72">
        <v>1</v>
      </c>
      <c r="FO37" s="241"/>
      <c r="FP37" s="71">
        <v>0</v>
      </c>
      <c r="FQ37" s="71">
        <v>0</v>
      </c>
      <c r="FR37" s="71">
        <v>1</v>
      </c>
      <c r="FS37" s="71">
        <v>0</v>
      </c>
      <c r="FT37" s="71">
        <v>0</v>
      </c>
      <c r="FU37" s="72">
        <v>1</v>
      </c>
      <c r="FV37" s="73">
        <v>2</v>
      </c>
      <c r="FW37" s="70">
        <v>0</v>
      </c>
      <c r="FX37" s="71">
        <v>0</v>
      </c>
      <c r="FY37" s="72">
        <v>0</v>
      </c>
      <c r="FZ37" s="244"/>
      <c r="GA37" s="71">
        <v>0</v>
      </c>
      <c r="GB37" s="71">
        <v>0</v>
      </c>
      <c r="GC37" s="71">
        <v>0</v>
      </c>
      <c r="GD37" s="71">
        <v>0</v>
      </c>
      <c r="GE37" s="71">
        <v>0</v>
      </c>
      <c r="GF37" s="72">
        <v>0</v>
      </c>
      <c r="GG37" s="73">
        <v>0</v>
      </c>
      <c r="GH37" s="70">
        <v>0</v>
      </c>
      <c r="GI37" s="71">
        <v>1</v>
      </c>
      <c r="GJ37" s="72">
        <v>1</v>
      </c>
      <c r="GK37" s="244"/>
      <c r="GL37" s="71">
        <v>1</v>
      </c>
      <c r="GM37" s="71">
        <v>0</v>
      </c>
      <c r="GN37" s="71">
        <v>3</v>
      </c>
      <c r="GO37" s="71">
        <v>1</v>
      </c>
      <c r="GP37" s="71">
        <v>0</v>
      </c>
      <c r="GQ37" s="72">
        <v>5</v>
      </c>
      <c r="GR37" s="73">
        <v>6</v>
      </c>
      <c r="GS37" s="123">
        <v>1</v>
      </c>
      <c r="GT37" s="82">
        <v>2</v>
      </c>
      <c r="GU37" s="83">
        <v>3</v>
      </c>
      <c r="GV37" s="241"/>
      <c r="GW37" s="82">
        <v>3</v>
      </c>
      <c r="GX37" s="82">
        <v>3</v>
      </c>
      <c r="GY37" s="82">
        <v>4</v>
      </c>
      <c r="GZ37" s="82">
        <v>3</v>
      </c>
      <c r="HA37" s="82">
        <v>0</v>
      </c>
      <c r="HB37" s="84">
        <v>13</v>
      </c>
      <c r="HC37" s="85">
        <v>16</v>
      </c>
      <c r="HD37" s="70">
        <v>0</v>
      </c>
      <c r="HE37" s="71">
        <v>0</v>
      </c>
      <c r="HF37" s="72">
        <v>0</v>
      </c>
      <c r="HG37" s="244"/>
      <c r="HH37" s="71">
        <v>0</v>
      </c>
      <c r="HI37" s="71">
        <v>0</v>
      </c>
      <c r="HJ37" s="71">
        <v>1</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1</v>
      </c>
      <c r="IB37" s="72">
        <v>1</v>
      </c>
      <c r="IC37" s="244"/>
      <c r="ID37" s="71">
        <v>0</v>
      </c>
      <c r="IE37" s="71">
        <v>0</v>
      </c>
      <c r="IF37" s="71">
        <v>2</v>
      </c>
      <c r="IG37" s="71">
        <v>1</v>
      </c>
      <c r="IH37" s="71">
        <v>0</v>
      </c>
      <c r="II37" s="72">
        <v>3</v>
      </c>
      <c r="IJ37" s="73">
        <v>4</v>
      </c>
      <c r="IK37" s="70">
        <v>1</v>
      </c>
      <c r="IL37" s="71">
        <v>0</v>
      </c>
      <c r="IM37" s="72">
        <v>1</v>
      </c>
      <c r="IN37" s="244"/>
      <c r="IO37" s="71">
        <v>1</v>
      </c>
      <c r="IP37" s="71">
        <v>0</v>
      </c>
      <c r="IQ37" s="71">
        <v>0</v>
      </c>
      <c r="IR37" s="71">
        <v>1</v>
      </c>
      <c r="IS37" s="71">
        <v>0</v>
      </c>
      <c r="IT37" s="72">
        <v>2</v>
      </c>
      <c r="IU37" s="73">
        <v>3</v>
      </c>
      <c r="IV37" s="70">
        <v>0</v>
      </c>
      <c r="IW37" s="71">
        <v>0</v>
      </c>
      <c r="IX37" s="72">
        <v>0</v>
      </c>
      <c r="IY37" s="244"/>
      <c r="IZ37" s="71">
        <v>1</v>
      </c>
      <c r="JA37" s="71">
        <v>1</v>
      </c>
      <c r="JB37" s="71">
        <v>0</v>
      </c>
      <c r="JC37" s="71">
        <v>0</v>
      </c>
      <c r="JD37" s="71">
        <v>0</v>
      </c>
      <c r="JE37" s="72">
        <v>2</v>
      </c>
      <c r="JF37" s="73">
        <v>2</v>
      </c>
      <c r="JG37" s="70">
        <v>0</v>
      </c>
      <c r="JH37" s="71">
        <v>1</v>
      </c>
      <c r="JI37" s="72">
        <v>1</v>
      </c>
      <c r="JJ37" s="244"/>
      <c r="JK37" s="71">
        <v>1</v>
      </c>
      <c r="JL37" s="71">
        <v>2</v>
      </c>
      <c r="JM37" s="71">
        <v>1</v>
      </c>
      <c r="JN37" s="71">
        <v>1</v>
      </c>
      <c r="JO37" s="71">
        <v>0</v>
      </c>
      <c r="JP37" s="72">
        <v>5</v>
      </c>
      <c r="JQ37" s="73">
        <v>6</v>
      </c>
      <c r="JR37" s="70">
        <v>0</v>
      </c>
      <c r="JS37" s="71">
        <v>0</v>
      </c>
      <c r="JT37" s="72">
        <v>0</v>
      </c>
      <c r="JU37" s="244"/>
      <c r="JV37" s="71">
        <v>0</v>
      </c>
      <c r="JW37" s="71">
        <v>0</v>
      </c>
      <c r="JX37" s="71">
        <v>0</v>
      </c>
      <c r="JY37" s="71">
        <v>0</v>
      </c>
      <c r="JZ37" s="71">
        <v>0</v>
      </c>
      <c r="KA37" s="72">
        <v>0</v>
      </c>
      <c r="KB37" s="73">
        <v>0</v>
      </c>
      <c r="KC37" s="70">
        <v>1</v>
      </c>
      <c r="KD37" s="71">
        <v>2</v>
      </c>
      <c r="KE37" s="72">
        <v>3</v>
      </c>
      <c r="KF37" s="244"/>
      <c r="KG37" s="71">
        <v>3</v>
      </c>
      <c r="KH37" s="71">
        <v>3</v>
      </c>
      <c r="KI37" s="71">
        <v>4</v>
      </c>
      <c r="KJ37" s="71">
        <v>3</v>
      </c>
      <c r="KK37" s="71">
        <v>0</v>
      </c>
      <c r="KL37" s="72">
        <v>13</v>
      </c>
      <c r="KM37" s="73">
        <v>16</v>
      </c>
    </row>
    <row r="38" spans="2:299" ht="19.5" customHeight="1" x14ac:dyDescent="0.2">
      <c r="B38" s="126" t="s">
        <v>35</v>
      </c>
      <c r="C38" s="316">
        <v>8</v>
      </c>
      <c r="D38" s="82">
        <v>6</v>
      </c>
      <c r="E38" s="83">
        <v>14</v>
      </c>
      <c r="F38" s="241"/>
      <c r="G38" s="82">
        <v>17</v>
      </c>
      <c r="H38" s="82">
        <v>7</v>
      </c>
      <c r="I38" s="82">
        <v>2</v>
      </c>
      <c r="J38" s="82">
        <v>4</v>
      </c>
      <c r="K38" s="82">
        <v>0</v>
      </c>
      <c r="L38" s="84">
        <v>30</v>
      </c>
      <c r="M38" s="85">
        <v>44</v>
      </c>
      <c r="N38" s="70">
        <v>0</v>
      </c>
      <c r="O38" s="71">
        <v>0</v>
      </c>
      <c r="P38" s="72">
        <v>0</v>
      </c>
      <c r="Q38" s="244"/>
      <c r="R38" s="71">
        <v>1</v>
      </c>
      <c r="S38" s="71">
        <v>0</v>
      </c>
      <c r="T38" s="71">
        <v>0</v>
      </c>
      <c r="U38" s="71">
        <v>0</v>
      </c>
      <c r="V38" s="71">
        <v>0</v>
      </c>
      <c r="W38" s="72">
        <v>1</v>
      </c>
      <c r="X38" s="73">
        <v>1</v>
      </c>
      <c r="Y38" s="70">
        <v>0</v>
      </c>
      <c r="Z38" s="71">
        <v>0</v>
      </c>
      <c r="AA38" s="72">
        <v>0</v>
      </c>
      <c r="AB38" s="244">
        <v>0</v>
      </c>
      <c r="AC38" s="71">
        <v>1</v>
      </c>
      <c r="AD38" s="71">
        <v>1</v>
      </c>
      <c r="AE38" s="71">
        <v>0</v>
      </c>
      <c r="AF38" s="71">
        <v>0</v>
      </c>
      <c r="AG38" s="71">
        <v>0</v>
      </c>
      <c r="AH38" s="72">
        <v>2</v>
      </c>
      <c r="AI38" s="73">
        <v>2</v>
      </c>
      <c r="AJ38" s="70">
        <v>2</v>
      </c>
      <c r="AK38" s="71">
        <v>1</v>
      </c>
      <c r="AL38" s="72">
        <v>3</v>
      </c>
      <c r="AM38" s="244"/>
      <c r="AN38" s="71">
        <v>2</v>
      </c>
      <c r="AO38" s="71">
        <v>1</v>
      </c>
      <c r="AP38" s="71">
        <v>2</v>
      </c>
      <c r="AQ38" s="71">
        <v>1</v>
      </c>
      <c r="AR38" s="71">
        <v>0</v>
      </c>
      <c r="AS38" s="72">
        <v>6</v>
      </c>
      <c r="AT38" s="73">
        <v>9</v>
      </c>
      <c r="AU38" s="70">
        <v>3</v>
      </c>
      <c r="AV38" s="71">
        <v>2</v>
      </c>
      <c r="AW38" s="72">
        <v>5</v>
      </c>
      <c r="AX38" s="244"/>
      <c r="AY38" s="71">
        <v>3</v>
      </c>
      <c r="AZ38" s="71">
        <v>2</v>
      </c>
      <c r="BA38" s="71">
        <v>0</v>
      </c>
      <c r="BB38" s="71">
        <v>1</v>
      </c>
      <c r="BC38" s="71">
        <v>0</v>
      </c>
      <c r="BD38" s="72">
        <v>6</v>
      </c>
      <c r="BE38" s="73">
        <v>11</v>
      </c>
      <c r="BF38" s="70">
        <v>0</v>
      </c>
      <c r="BG38" s="71">
        <v>3</v>
      </c>
      <c r="BH38" s="72">
        <v>3</v>
      </c>
      <c r="BI38" s="244">
        <v>0</v>
      </c>
      <c r="BJ38" s="71">
        <v>6</v>
      </c>
      <c r="BK38" s="71">
        <v>1</v>
      </c>
      <c r="BL38" s="71">
        <v>0</v>
      </c>
      <c r="BM38" s="71">
        <v>0</v>
      </c>
      <c r="BN38" s="71">
        <v>0</v>
      </c>
      <c r="BO38" s="72">
        <v>7</v>
      </c>
      <c r="BP38" s="73">
        <v>10</v>
      </c>
      <c r="BQ38" s="70">
        <v>3</v>
      </c>
      <c r="BR38" s="71">
        <v>0</v>
      </c>
      <c r="BS38" s="72">
        <v>3</v>
      </c>
      <c r="BT38" s="244"/>
      <c r="BU38" s="71">
        <v>4</v>
      </c>
      <c r="BV38" s="71">
        <v>2</v>
      </c>
      <c r="BW38" s="71">
        <v>0</v>
      </c>
      <c r="BX38" s="71">
        <v>2</v>
      </c>
      <c r="BY38" s="71">
        <v>0</v>
      </c>
      <c r="BZ38" s="72">
        <v>8</v>
      </c>
      <c r="CA38" s="73">
        <v>11</v>
      </c>
      <c r="CB38" s="70">
        <v>0</v>
      </c>
      <c r="CC38" s="71">
        <v>0</v>
      </c>
      <c r="CD38" s="72">
        <v>0</v>
      </c>
      <c r="CE38" s="244"/>
      <c r="CF38" s="71">
        <v>0</v>
      </c>
      <c r="CG38" s="71">
        <v>0</v>
      </c>
      <c r="CH38" s="71">
        <v>0</v>
      </c>
      <c r="CI38" s="71">
        <v>0</v>
      </c>
      <c r="CJ38" s="71">
        <v>0</v>
      </c>
      <c r="CK38" s="72">
        <v>0</v>
      </c>
      <c r="CL38" s="73">
        <v>0</v>
      </c>
      <c r="CM38" s="70">
        <v>8</v>
      </c>
      <c r="CN38" s="71">
        <v>6</v>
      </c>
      <c r="CO38" s="72">
        <v>14</v>
      </c>
      <c r="CP38" s="244"/>
      <c r="CQ38" s="71">
        <v>17</v>
      </c>
      <c r="CR38" s="71">
        <v>7</v>
      </c>
      <c r="CS38" s="71">
        <v>2</v>
      </c>
      <c r="CT38" s="71">
        <v>4</v>
      </c>
      <c r="CU38" s="71">
        <v>0</v>
      </c>
      <c r="CV38" s="72">
        <v>30</v>
      </c>
      <c r="CW38" s="73">
        <v>44</v>
      </c>
      <c r="CX38" s="123">
        <v>1</v>
      </c>
      <c r="CY38" s="82">
        <v>3</v>
      </c>
      <c r="CZ38" s="83">
        <v>4</v>
      </c>
      <c r="DA38" s="241"/>
      <c r="DB38" s="82">
        <v>6</v>
      </c>
      <c r="DC38" s="82">
        <v>2</v>
      </c>
      <c r="DD38" s="82">
        <v>5</v>
      </c>
      <c r="DE38" s="82">
        <v>5</v>
      </c>
      <c r="DF38" s="82">
        <v>0</v>
      </c>
      <c r="DG38" s="84">
        <v>18</v>
      </c>
      <c r="DH38" s="85">
        <v>22</v>
      </c>
      <c r="DI38" s="70">
        <v>0</v>
      </c>
      <c r="DJ38" s="71">
        <v>0</v>
      </c>
      <c r="DK38" s="72">
        <v>0</v>
      </c>
      <c r="DL38" s="244"/>
      <c r="DM38" s="71">
        <v>0</v>
      </c>
      <c r="DN38" s="71">
        <v>0</v>
      </c>
      <c r="DO38" s="71">
        <v>0</v>
      </c>
      <c r="DP38" s="71">
        <v>0</v>
      </c>
      <c r="DQ38" s="71">
        <v>0</v>
      </c>
      <c r="DR38" s="72">
        <v>0</v>
      </c>
      <c r="DS38" s="73">
        <v>0</v>
      </c>
      <c r="DT38" s="70">
        <v>0</v>
      </c>
      <c r="DU38" s="71">
        <v>0</v>
      </c>
      <c r="DV38" s="72">
        <v>0</v>
      </c>
      <c r="DW38" s="244"/>
      <c r="DX38" s="71">
        <v>1</v>
      </c>
      <c r="DY38" s="71">
        <v>0</v>
      </c>
      <c r="DZ38" s="71">
        <v>1</v>
      </c>
      <c r="EA38" s="71">
        <v>0</v>
      </c>
      <c r="EB38" s="71">
        <v>0</v>
      </c>
      <c r="EC38" s="72">
        <v>2</v>
      </c>
      <c r="ED38" s="73">
        <v>2</v>
      </c>
      <c r="EE38" s="70">
        <v>0</v>
      </c>
      <c r="EF38" s="71">
        <v>0</v>
      </c>
      <c r="EG38" s="72">
        <v>0</v>
      </c>
      <c r="EH38" s="244"/>
      <c r="EI38" s="71">
        <v>1</v>
      </c>
      <c r="EJ38" s="71">
        <v>0</v>
      </c>
      <c r="EK38" s="71">
        <v>0</v>
      </c>
      <c r="EL38" s="71">
        <v>0</v>
      </c>
      <c r="EM38" s="71">
        <v>0</v>
      </c>
      <c r="EN38" s="72">
        <v>1</v>
      </c>
      <c r="EO38" s="73">
        <v>1</v>
      </c>
      <c r="EP38" s="70">
        <v>0</v>
      </c>
      <c r="EQ38" s="71">
        <v>0</v>
      </c>
      <c r="ER38" s="72">
        <v>0</v>
      </c>
      <c r="ES38" s="244"/>
      <c r="ET38" s="71">
        <v>1</v>
      </c>
      <c r="EU38" s="71">
        <v>1</v>
      </c>
      <c r="EV38" s="71">
        <v>1</v>
      </c>
      <c r="EW38" s="71">
        <v>1</v>
      </c>
      <c r="EX38" s="71">
        <v>0</v>
      </c>
      <c r="EY38" s="72">
        <v>4</v>
      </c>
      <c r="EZ38" s="73">
        <v>4</v>
      </c>
      <c r="FA38" s="70">
        <v>1</v>
      </c>
      <c r="FB38" s="71">
        <v>1</v>
      </c>
      <c r="FC38" s="72">
        <v>2</v>
      </c>
      <c r="FD38" s="244"/>
      <c r="FE38" s="71">
        <v>3</v>
      </c>
      <c r="FF38" s="71">
        <v>1</v>
      </c>
      <c r="FG38" s="71">
        <v>1</v>
      </c>
      <c r="FH38" s="71">
        <v>0</v>
      </c>
      <c r="FI38" s="71">
        <v>0</v>
      </c>
      <c r="FJ38" s="72">
        <v>5</v>
      </c>
      <c r="FK38" s="73">
        <v>7</v>
      </c>
      <c r="FL38" s="70">
        <v>0</v>
      </c>
      <c r="FM38" s="71">
        <v>2</v>
      </c>
      <c r="FN38" s="72">
        <v>2</v>
      </c>
      <c r="FO38" s="241"/>
      <c r="FP38" s="71">
        <v>0</v>
      </c>
      <c r="FQ38" s="71">
        <v>0</v>
      </c>
      <c r="FR38" s="71">
        <v>2</v>
      </c>
      <c r="FS38" s="71">
        <v>4</v>
      </c>
      <c r="FT38" s="71">
        <v>0</v>
      </c>
      <c r="FU38" s="72">
        <v>6</v>
      </c>
      <c r="FV38" s="73">
        <v>8</v>
      </c>
      <c r="FW38" s="70">
        <v>0</v>
      </c>
      <c r="FX38" s="71">
        <v>0</v>
      </c>
      <c r="FY38" s="72">
        <v>0</v>
      </c>
      <c r="FZ38" s="244"/>
      <c r="GA38" s="71">
        <v>0</v>
      </c>
      <c r="GB38" s="71">
        <v>0</v>
      </c>
      <c r="GC38" s="71">
        <v>0</v>
      </c>
      <c r="GD38" s="71">
        <v>0</v>
      </c>
      <c r="GE38" s="71">
        <v>0</v>
      </c>
      <c r="GF38" s="72">
        <v>0</v>
      </c>
      <c r="GG38" s="73">
        <v>0</v>
      </c>
      <c r="GH38" s="70">
        <v>1</v>
      </c>
      <c r="GI38" s="71">
        <v>3</v>
      </c>
      <c r="GJ38" s="72">
        <v>4</v>
      </c>
      <c r="GK38" s="244"/>
      <c r="GL38" s="71">
        <v>6</v>
      </c>
      <c r="GM38" s="71">
        <v>2</v>
      </c>
      <c r="GN38" s="71">
        <v>5</v>
      </c>
      <c r="GO38" s="71">
        <v>5</v>
      </c>
      <c r="GP38" s="71">
        <v>0</v>
      </c>
      <c r="GQ38" s="72">
        <v>18</v>
      </c>
      <c r="GR38" s="73">
        <v>22</v>
      </c>
      <c r="GS38" s="123">
        <v>9</v>
      </c>
      <c r="GT38" s="82">
        <v>9</v>
      </c>
      <c r="GU38" s="83">
        <v>18</v>
      </c>
      <c r="GV38" s="241"/>
      <c r="GW38" s="82">
        <v>23</v>
      </c>
      <c r="GX38" s="82">
        <v>9</v>
      </c>
      <c r="GY38" s="82">
        <v>7</v>
      </c>
      <c r="GZ38" s="82">
        <v>9</v>
      </c>
      <c r="HA38" s="82">
        <v>0</v>
      </c>
      <c r="HB38" s="84">
        <v>48</v>
      </c>
      <c r="HC38" s="85">
        <v>66</v>
      </c>
      <c r="HD38" s="70">
        <v>0</v>
      </c>
      <c r="HE38" s="71">
        <v>0</v>
      </c>
      <c r="HF38" s="72">
        <v>0</v>
      </c>
      <c r="HG38" s="244"/>
      <c r="HH38" s="71">
        <v>1</v>
      </c>
      <c r="HI38" s="71">
        <v>0</v>
      </c>
      <c r="HJ38" s="71">
        <v>0</v>
      </c>
      <c r="HK38" s="71">
        <v>0</v>
      </c>
      <c r="HL38" s="71">
        <v>0</v>
      </c>
      <c r="HM38" s="72">
        <v>1</v>
      </c>
      <c r="HN38" s="73">
        <v>1</v>
      </c>
      <c r="HO38" s="70">
        <v>0</v>
      </c>
      <c r="HP38" s="71">
        <v>0</v>
      </c>
      <c r="HQ38" s="72">
        <v>0</v>
      </c>
      <c r="HR38" s="244"/>
      <c r="HS38" s="71">
        <v>2</v>
      </c>
      <c r="HT38" s="71">
        <v>1</v>
      </c>
      <c r="HU38" s="71">
        <v>1</v>
      </c>
      <c r="HV38" s="71">
        <v>0</v>
      </c>
      <c r="HW38" s="71">
        <v>0</v>
      </c>
      <c r="HX38" s="72">
        <v>4</v>
      </c>
      <c r="HY38" s="73">
        <v>4</v>
      </c>
      <c r="HZ38" s="70">
        <v>2</v>
      </c>
      <c r="IA38" s="71">
        <v>1</v>
      </c>
      <c r="IB38" s="72">
        <v>3</v>
      </c>
      <c r="IC38" s="244"/>
      <c r="ID38" s="71">
        <v>3</v>
      </c>
      <c r="IE38" s="71">
        <v>1</v>
      </c>
      <c r="IF38" s="71">
        <v>2</v>
      </c>
      <c r="IG38" s="71">
        <v>1</v>
      </c>
      <c r="IH38" s="71">
        <v>0</v>
      </c>
      <c r="II38" s="72">
        <v>7</v>
      </c>
      <c r="IJ38" s="73">
        <v>10</v>
      </c>
      <c r="IK38" s="70">
        <v>3</v>
      </c>
      <c r="IL38" s="71">
        <v>2</v>
      </c>
      <c r="IM38" s="72">
        <v>5</v>
      </c>
      <c r="IN38" s="244"/>
      <c r="IO38" s="71">
        <v>4</v>
      </c>
      <c r="IP38" s="71">
        <v>3</v>
      </c>
      <c r="IQ38" s="71">
        <v>1</v>
      </c>
      <c r="IR38" s="71">
        <v>2</v>
      </c>
      <c r="IS38" s="71">
        <v>0</v>
      </c>
      <c r="IT38" s="72">
        <v>10</v>
      </c>
      <c r="IU38" s="73">
        <v>15</v>
      </c>
      <c r="IV38" s="70">
        <v>1</v>
      </c>
      <c r="IW38" s="71">
        <v>4</v>
      </c>
      <c r="IX38" s="72">
        <v>5</v>
      </c>
      <c r="IY38" s="244"/>
      <c r="IZ38" s="71">
        <v>9</v>
      </c>
      <c r="JA38" s="71">
        <v>2</v>
      </c>
      <c r="JB38" s="71">
        <v>1</v>
      </c>
      <c r="JC38" s="71">
        <v>0</v>
      </c>
      <c r="JD38" s="71">
        <v>0</v>
      </c>
      <c r="JE38" s="72">
        <v>12</v>
      </c>
      <c r="JF38" s="73">
        <v>17</v>
      </c>
      <c r="JG38" s="70">
        <v>3</v>
      </c>
      <c r="JH38" s="71">
        <v>2</v>
      </c>
      <c r="JI38" s="72">
        <v>5</v>
      </c>
      <c r="JJ38" s="244"/>
      <c r="JK38" s="71">
        <v>4</v>
      </c>
      <c r="JL38" s="71">
        <v>2</v>
      </c>
      <c r="JM38" s="71">
        <v>2</v>
      </c>
      <c r="JN38" s="71">
        <v>6</v>
      </c>
      <c r="JO38" s="71">
        <v>0</v>
      </c>
      <c r="JP38" s="72">
        <v>14</v>
      </c>
      <c r="JQ38" s="73">
        <v>19</v>
      </c>
      <c r="JR38" s="70">
        <v>0</v>
      </c>
      <c r="JS38" s="71">
        <v>0</v>
      </c>
      <c r="JT38" s="72">
        <v>0</v>
      </c>
      <c r="JU38" s="244"/>
      <c r="JV38" s="71">
        <v>0</v>
      </c>
      <c r="JW38" s="71">
        <v>0</v>
      </c>
      <c r="JX38" s="71">
        <v>0</v>
      </c>
      <c r="JY38" s="71">
        <v>0</v>
      </c>
      <c r="JZ38" s="71">
        <v>0</v>
      </c>
      <c r="KA38" s="72">
        <v>0</v>
      </c>
      <c r="KB38" s="73">
        <v>0</v>
      </c>
      <c r="KC38" s="70">
        <v>9</v>
      </c>
      <c r="KD38" s="71">
        <v>9</v>
      </c>
      <c r="KE38" s="72">
        <v>18</v>
      </c>
      <c r="KF38" s="244"/>
      <c r="KG38" s="71">
        <v>23</v>
      </c>
      <c r="KH38" s="71">
        <v>9</v>
      </c>
      <c r="KI38" s="71">
        <v>7</v>
      </c>
      <c r="KJ38" s="71">
        <v>9</v>
      </c>
      <c r="KK38" s="71">
        <v>0</v>
      </c>
      <c r="KL38" s="72">
        <v>48</v>
      </c>
      <c r="KM38" s="73">
        <v>66</v>
      </c>
    </row>
    <row r="39" spans="2:299" ht="19.5" customHeight="1" x14ac:dyDescent="0.2">
      <c r="B39" s="126" t="s">
        <v>36</v>
      </c>
      <c r="C39" s="316">
        <v>3</v>
      </c>
      <c r="D39" s="82">
        <v>7</v>
      </c>
      <c r="E39" s="83">
        <v>10</v>
      </c>
      <c r="F39" s="241"/>
      <c r="G39" s="82">
        <v>9</v>
      </c>
      <c r="H39" s="82">
        <v>6</v>
      </c>
      <c r="I39" s="82">
        <v>3</v>
      </c>
      <c r="J39" s="82">
        <v>3</v>
      </c>
      <c r="K39" s="82">
        <v>3</v>
      </c>
      <c r="L39" s="84">
        <v>24</v>
      </c>
      <c r="M39" s="85">
        <v>34</v>
      </c>
      <c r="N39" s="70">
        <v>0</v>
      </c>
      <c r="O39" s="71">
        <v>0</v>
      </c>
      <c r="P39" s="72">
        <v>0</v>
      </c>
      <c r="Q39" s="244"/>
      <c r="R39" s="71">
        <v>1</v>
      </c>
      <c r="S39" s="71">
        <v>0</v>
      </c>
      <c r="T39" s="71">
        <v>0</v>
      </c>
      <c r="U39" s="71">
        <v>0</v>
      </c>
      <c r="V39" s="71">
        <v>1</v>
      </c>
      <c r="W39" s="72">
        <v>2</v>
      </c>
      <c r="X39" s="73">
        <v>2</v>
      </c>
      <c r="Y39" s="70">
        <v>1</v>
      </c>
      <c r="Z39" s="71">
        <v>0</v>
      </c>
      <c r="AA39" s="72">
        <v>1</v>
      </c>
      <c r="AB39" s="244">
        <v>0</v>
      </c>
      <c r="AC39" s="71">
        <v>1</v>
      </c>
      <c r="AD39" s="71">
        <v>2</v>
      </c>
      <c r="AE39" s="71">
        <v>0</v>
      </c>
      <c r="AF39" s="71">
        <v>0</v>
      </c>
      <c r="AG39" s="71">
        <v>0</v>
      </c>
      <c r="AH39" s="72">
        <v>3</v>
      </c>
      <c r="AI39" s="73">
        <v>4</v>
      </c>
      <c r="AJ39" s="70">
        <v>1</v>
      </c>
      <c r="AK39" s="71">
        <v>0</v>
      </c>
      <c r="AL39" s="72">
        <v>1</v>
      </c>
      <c r="AM39" s="244"/>
      <c r="AN39" s="71">
        <v>2</v>
      </c>
      <c r="AO39" s="71">
        <v>1</v>
      </c>
      <c r="AP39" s="71">
        <v>0</v>
      </c>
      <c r="AQ39" s="71">
        <v>0</v>
      </c>
      <c r="AR39" s="71">
        <v>1</v>
      </c>
      <c r="AS39" s="72">
        <v>4</v>
      </c>
      <c r="AT39" s="73">
        <v>5</v>
      </c>
      <c r="AU39" s="70">
        <v>0</v>
      </c>
      <c r="AV39" s="71">
        <v>4</v>
      </c>
      <c r="AW39" s="72">
        <v>4</v>
      </c>
      <c r="AX39" s="244"/>
      <c r="AY39" s="71">
        <v>2</v>
      </c>
      <c r="AZ39" s="71">
        <v>2</v>
      </c>
      <c r="BA39" s="71">
        <v>1</v>
      </c>
      <c r="BB39" s="71">
        <v>0</v>
      </c>
      <c r="BC39" s="71">
        <v>0</v>
      </c>
      <c r="BD39" s="72">
        <v>5</v>
      </c>
      <c r="BE39" s="73">
        <v>9</v>
      </c>
      <c r="BF39" s="70">
        <v>0</v>
      </c>
      <c r="BG39" s="71">
        <v>3</v>
      </c>
      <c r="BH39" s="72">
        <v>3</v>
      </c>
      <c r="BI39" s="244">
        <v>0</v>
      </c>
      <c r="BJ39" s="71">
        <v>0</v>
      </c>
      <c r="BK39" s="71">
        <v>0</v>
      </c>
      <c r="BL39" s="71">
        <v>2</v>
      </c>
      <c r="BM39" s="71">
        <v>2</v>
      </c>
      <c r="BN39" s="71">
        <v>1</v>
      </c>
      <c r="BO39" s="72">
        <v>5</v>
      </c>
      <c r="BP39" s="73">
        <v>8</v>
      </c>
      <c r="BQ39" s="70">
        <v>1</v>
      </c>
      <c r="BR39" s="71">
        <v>0</v>
      </c>
      <c r="BS39" s="72">
        <v>1</v>
      </c>
      <c r="BT39" s="244"/>
      <c r="BU39" s="71">
        <v>3</v>
      </c>
      <c r="BV39" s="71">
        <v>1</v>
      </c>
      <c r="BW39" s="71">
        <v>0</v>
      </c>
      <c r="BX39" s="71">
        <v>1</v>
      </c>
      <c r="BY39" s="71">
        <v>0</v>
      </c>
      <c r="BZ39" s="72">
        <v>5</v>
      </c>
      <c r="CA39" s="73">
        <v>6</v>
      </c>
      <c r="CB39" s="70">
        <v>0</v>
      </c>
      <c r="CC39" s="71">
        <v>0</v>
      </c>
      <c r="CD39" s="72">
        <v>0</v>
      </c>
      <c r="CE39" s="244"/>
      <c r="CF39" s="71">
        <v>0</v>
      </c>
      <c r="CG39" s="71">
        <v>0</v>
      </c>
      <c r="CH39" s="71">
        <v>0</v>
      </c>
      <c r="CI39" s="71">
        <v>0</v>
      </c>
      <c r="CJ39" s="71">
        <v>0</v>
      </c>
      <c r="CK39" s="72">
        <v>0</v>
      </c>
      <c r="CL39" s="73">
        <v>0</v>
      </c>
      <c r="CM39" s="70">
        <v>3</v>
      </c>
      <c r="CN39" s="71">
        <v>7</v>
      </c>
      <c r="CO39" s="72">
        <v>10</v>
      </c>
      <c r="CP39" s="244"/>
      <c r="CQ39" s="71">
        <v>9</v>
      </c>
      <c r="CR39" s="71">
        <v>6</v>
      </c>
      <c r="CS39" s="71">
        <v>3</v>
      </c>
      <c r="CT39" s="71">
        <v>3</v>
      </c>
      <c r="CU39" s="71">
        <v>3</v>
      </c>
      <c r="CV39" s="72">
        <v>24</v>
      </c>
      <c r="CW39" s="73">
        <v>34</v>
      </c>
      <c r="CX39" s="123">
        <v>2</v>
      </c>
      <c r="CY39" s="82">
        <v>3</v>
      </c>
      <c r="CZ39" s="83">
        <v>5</v>
      </c>
      <c r="DA39" s="241"/>
      <c r="DB39" s="82">
        <v>6</v>
      </c>
      <c r="DC39" s="82">
        <v>6</v>
      </c>
      <c r="DD39" s="82">
        <v>1</v>
      </c>
      <c r="DE39" s="82">
        <v>4</v>
      </c>
      <c r="DF39" s="82">
        <v>2</v>
      </c>
      <c r="DG39" s="84">
        <v>19</v>
      </c>
      <c r="DH39" s="85">
        <v>24</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1</v>
      </c>
      <c r="EJ39" s="71">
        <v>1</v>
      </c>
      <c r="EK39" s="71">
        <v>0</v>
      </c>
      <c r="EL39" s="71">
        <v>0</v>
      </c>
      <c r="EM39" s="71">
        <v>0</v>
      </c>
      <c r="EN39" s="72">
        <v>2</v>
      </c>
      <c r="EO39" s="73">
        <v>2</v>
      </c>
      <c r="EP39" s="70">
        <v>0</v>
      </c>
      <c r="EQ39" s="71">
        <v>2</v>
      </c>
      <c r="ER39" s="72">
        <v>2</v>
      </c>
      <c r="ES39" s="244"/>
      <c r="ET39" s="71">
        <v>0</v>
      </c>
      <c r="EU39" s="71">
        <v>1</v>
      </c>
      <c r="EV39" s="71">
        <v>1</v>
      </c>
      <c r="EW39" s="71">
        <v>0</v>
      </c>
      <c r="EX39" s="71">
        <v>0</v>
      </c>
      <c r="EY39" s="72">
        <v>2</v>
      </c>
      <c r="EZ39" s="73">
        <v>4</v>
      </c>
      <c r="FA39" s="70">
        <v>2</v>
      </c>
      <c r="FB39" s="71">
        <v>1</v>
      </c>
      <c r="FC39" s="72">
        <v>3</v>
      </c>
      <c r="FD39" s="244"/>
      <c r="FE39" s="71">
        <v>4</v>
      </c>
      <c r="FF39" s="71">
        <v>2</v>
      </c>
      <c r="FG39" s="71">
        <v>0</v>
      </c>
      <c r="FH39" s="71">
        <v>1</v>
      </c>
      <c r="FI39" s="71">
        <v>0</v>
      </c>
      <c r="FJ39" s="72">
        <v>7</v>
      </c>
      <c r="FK39" s="73">
        <v>10</v>
      </c>
      <c r="FL39" s="70">
        <v>0</v>
      </c>
      <c r="FM39" s="71">
        <v>0</v>
      </c>
      <c r="FN39" s="72">
        <v>0</v>
      </c>
      <c r="FO39" s="241"/>
      <c r="FP39" s="71">
        <v>1</v>
      </c>
      <c r="FQ39" s="71">
        <v>2</v>
      </c>
      <c r="FR39" s="71">
        <v>0</v>
      </c>
      <c r="FS39" s="71">
        <v>3</v>
      </c>
      <c r="FT39" s="71">
        <v>2</v>
      </c>
      <c r="FU39" s="72">
        <v>8</v>
      </c>
      <c r="FV39" s="73">
        <v>8</v>
      </c>
      <c r="FW39" s="70">
        <v>0</v>
      </c>
      <c r="FX39" s="71">
        <v>0</v>
      </c>
      <c r="FY39" s="72">
        <v>0</v>
      </c>
      <c r="FZ39" s="244"/>
      <c r="GA39" s="71">
        <v>0</v>
      </c>
      <c r="GB39" s="71">
        <v>0</v>
      </c>
      <c r="GC39" s="71">
        <v>0</v>
      </c>
      <c r="GD39" s="71">
        <v>0</v>
      </c>
      <c r="GE39" s="71">
        <v>0</v>
      </c>
      <c r="GF39" s="72">
        <v>0</v>
      </c>
      <c r="GG39" s="73">
        <v>0</v>
      </c>
      <c r="GH39" s="70">
        <v>2</v>
      </c>
      <c r="GI39" s="71">
        <v>3</v>
      </c>
      <c r="GJ39" s="72">
        <v>5</v>
      </c>
      <c r="GK39" s="244"/>
      <c r="GL39" s="71">
        <v>6</v>
      </c>
      <c r="GM39" s="71">
        <v>6</v>
      </c>
      <c r="GN39" s="71">
        <v>1</v>
      </c>
      <c r="GO39" s="71">
        <v>4</v>
      </c>
      <c r="GP39" s="71">
        <v>2</v>
      </c>
      <c r="GQ39" s="72">
        <v>19</v>
      </c>
      <c r="GR39" s="73">
        <v>24</v>
      </c>
      <c r="GS39" s="123">
        <v>5</v>
      </c>
      <c r="GT39" s="82">
        <v>10</v>
      </c>
      <c r="GU39" s="83">
        <v>15</v>
      </c>
      <c r="GV39" s="241"/>
      <c r="GW39" s="82">
        <v>15</v>
      </c>
      <c r="GX39" s="82">
        <v>12</v>
      </c>
      <c r="GY39" s="82">
        <v>4</v>
      </c>
      <c r="GZ39" s="82">
        <v>7</v>
      </c>
      <c r="HA39" s="82">
        <v>5</v>
      </c>
      <c r="HB39" s="84">
        <v>43</v>
      </c>
      <c r="HC39" s="85">
        <v>58</v>
      </c>
      <c r="HD39" s="70">
        <v>0</v>
      </c>
      <c r="HE39" s="71">
        <v>0</v>
      </c>
      <c r="HF39" s="72">
        <v>0</v>
      </c>
      <c r="HG39" s="244"/>
      <c r="HH39" s="71">
        <v>1</v>
      </c>
      <c r="HI39" s="71">
        <v>0</v>
      </c>
      <c r="HJ39" s="71">
        <v>0</v>
      </c>
      <c r="HK39" s="71">
        <v>0</v>
      </c>
      <c r="HL39" s="71">
        <v>1</v>
      </c>
      <c r="HM39" s="72">
        <v>2</v>
      </c>
      <c r="HN39" s="73">
        <v>2</v>
      </c>
      <c r="HO39" s="70">
        <v>1</v>
      </c>
      <c r="HP39" s="71">
        <v>0</v>
      </c>
      <c r="HQ39" s="72">
        <v>1</v>
      </c>
      <c r="HR39" s="244"/>
      <c r="HS39" s="71">
        <v>1</v>
      </c>
      <c r="HT39" s="71">
        <v>2</v>
      </c>
      <c r="HU39" s="71">
        <v>0</v>
      </c>
      <c r="HV39" s="71">
        <v>0</v>
      </c>
      <c r="HW39" s="71">
        <v>0</v>
      </c>
      <c r="HX39" s="72">
        <v>3</v>
      </c>
      <c r="HY39" s="73">
        <v>4</v>
      </c>
      <c r="HZ39" s="70">
        <v>1</v>
      </c>
      <c r="IA39" s="71">
        <v>0</v>
      </c>
      <c r="IB39" s="72">
        <v>1</v>
      </c>
      <c r="IC39" s="244"/>
      <c r="ID39" s="71">
        <v>3</v>
      </c>
      <c r="IE39" s="71">
        <v>2</v>
      </c>
      <c r="IF39" s="71">
        <v>0</v>
      </c>
      <c r="IG39" s="71">
        <v>0</v>
      </c>
      <c r="IH39" s="71">
        <v>1</v>
      </c>
      <c r="II39" s="72">
        <v>6</v>
      </c>
      <c r="IJ39" s="73">
        <v>7</v>
      </c>
      <c r="IK39" s="70">
        <v>0</v>
      </c>
      <c r="IL39" s="71">
        <v>6</v>
      </c>
      <c r="IM39" s="72">
        <v>6</v>
      </c>
      <c r="IN39" s="244"/>
      <c r="IO39" s="71">
        <v>2</v>
      </c>
      <c r="IP39" s="71">
        <v>3</v>
      </c>
      <c r="IQ39" s="71">
        <v>2</v>
      </c>
      <c r="IR39" s="71">
        <v>0</v>
      </c>
      <c r="IS39" s="71">
        <v>0</v>
      </c>
      <c r="IT39" s="72">
        <v>7</v>
      </c>
      <c r="IU39" s="73">
        <v>13</v>
      </c>
      <c r="IV39" s="70">
        <v>2</v>
      </c>
      <c r="IW39" s="71">
        <v>4</v>
      </c>
      <c r="IX39" s="72">
        <v>6</v>
      </c>
      <c r="IY39" s="244"/>
      <c r="IZ39" s="71">
        <v>4</v>
      </c>
      <c r="JA39" s="71">
        <v>2</v>
      </c>
      <c r="JB39" s="71">
        <v>2</v>
      </c>
      <c r="JC39" s="71">
        <v>3</v>
      </c>
      <c r="JD39" s="71">
        <v>1</v>
      </c>
      <c r="JE39" s="72">
        <v>12</v>
      </c>
      <c r="JF39" s="73">
        <v>18</v>
      </c>
      <c r="JG39" s="70">
        <v>1</v>
      </c>
      <c r="JH39" s="71">
        <v>0</v>
      </c>
      <c r="JI39" s="72">
        <v>1</v>
      </c>
      <c r="JJ39" s="244"/>
      <c r="JK39" s="71">
        <v>4</v>
      </c>
      <c r="JL39" s="71">
        <v>3</v>
      </c>
      <c r="JM39" s="71">
        <v>0</v>
      </c>
      <c r="JN39" s="71">
        <v>4</v>
      </c>
      <c r="JO39" s="71">
        <v>2</v>
      </c>
      <c r="JP39" s="72">
        <v>13</v>
      </c>
      <c r="JQ39" s="73">
        <v>14</v>
      </c>
      <c r="JR39" s="70">
        <v>0</v>
      </c>
      <c r="JS39" s="71">
        <v>0</v>
      </c>
      <c r="JT39" s="72">
        <v>0</v>
      </c>
      <c r="JU39" s="244"/>
      <c r="JV39" s="71">
        <v>0</v>
      </c>
      <c r="JW39" s="71">
        <v>0</v>
      </c>
      <c r="JX39" s="71">
        <v>0</v>
      </c>
      <c r="JY39" s="71">
        <v>0</v>
      </c>
      <c r="JZ39" s="71">
        <v>0</v>
      </c>
      <c r="KA39" s="72">
        <v>0</v>
      </c>
      <c r="KB39" s="73">
        <v>0</v>
      </c>
      <c r="KC39" s="70">
        <v>5</v>
      </c>
      <c r="KD39" s="71">
        <v>10</v>
      </c>
      <c r="KE39" s="72">
        <v>15</v>
      </c>
      <c r="KF39" s="244"/>
      <c r="KG39" s="71">
        <v>15</v>
      </c>
      <c r="KH39" s="71">
        <v>12</v>
      </c>
      <c r="KI39" s="71">
        <v>4</v>
      </c>
      <c r="KJ39" s="71">
        <v>7</v>
      </c>
      <c r="KK39" s="71">
        <v>5</v>
      </c>
      <c r="KL39" s="72">
        <v>43</v>
      </c>
      <c r="KM39" s="73">
        <v>58</v>
      </c>
    </row>
    <row r="40" spans="2:299" ht="19.5" customHeight="1" thickBot="1" x14ac:dyDescent="0.25">
      <c r="B40" s="127" t="s">
        <v>37</v>
      </c>
      <c r="C40" s="317">
        <v>0</v>
      </c>
      <c r="D40" s="87">
        <v>0</v>
      </c>
      <c r="E40" s="88">
        <v>0</v>
      </c>
      <c r="F40" s="242"/>
      <c r="G40" s="87">
        <v>0</v>
      </c>
      <c r="H40" s="87">
        <v>0</v>
      </c>
      <c r="I40" s="87">
        <v>1</v>
      </c>
      <c r="J40" s="87">
        <v>1</v>
      </c>
      <c r="K40" s="87">
        <v>1</v>
      </c>
      <c r="L40" s="89">
        <v>3</v>
      </c>
      <c r="M40" s="90">
        <v>3</v>
      </c>
      <c r="N40" s="74">
        <v>0</v>
      </c>
      <c r="O40" s="75">
        <v>0</v>
      </c>
      <c r="P40" s="76">
        <v>0</v>
      </c>
      <c r="Q40" s="245"/>
      <c r="R40" s="75">
        <v>0</v>
      </c>
      <c r="S40" s="75">
        <v>0</v>
      </c>
      <c r="T40" s="75">
        <v>0</v>
      </c>
      <c r="U40" s="75">
        <v>0</v>
      </c>
      <c r="V40" s="75">
        <v>0</v>
      </c>
      <c r="W40" s="76">
        <v>0</v>
      </c>
      <c r="X40" s="77">
        <v>0</v>
      </c>
      <c r="Y40" s="74">
        <v>0</v>
      </c>
      <c r="Z40" s="75">
        <v>0</v>
      </c>
      <c r="AA40" s="76">
        <v>0</v>
      </c>
      <c r="AB40" s="245">
        <v>0</v>
      </c>
      <c r="AC40" s="75">
        <v>0</v>
      </c>
      <c r="AD40" s="75">
        <v>0</v>
      </c>
      <c r="AE40" s="75">
        <v>0</v>
      </c>
      <c r="AF40" s="75">
        <v>0</v>
      </c>
      <c r="AG40" s="75">
        <v>0</v>
      </c>
      <c r="AH40" s="76">
        <v>0</v>
      </c>
      <c r="AI40" s="77">
        <v>0</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1</v>
      </c>
      <c r="BD40" s="76">
        <v>2</v>
      </c>
      <c r="BE40" s="77">
        <v>2</v>
      </c>
      <c r="BF40" s="74">
        <v>0</v>
      </c>
      <c r="BG40" s="75">
        <v>0</v>
      </c>
      <c r="BH40" s="76">
        <v>0</v>
      </c>
      <c r="BI40" s="245">
        <v>0</v>
      </c>
      <c r="BJ40" s="75">
        <v>0</v>
      </c>
      <c r="BK40" s="75">
        <v>0</v>
      </c>
      <c r="BL40" s="75">
        <v>1</v>
      </c>
      <c r="BM40" s="75">
        <v>0</v>
      </c>
      <c r="BN40" s="75">
        <v>0</v>
      </c>
      <c r="BO40" s="76">
        <v>1</v>
      </c>
      <c r="BP40" s="77">
        <v>1</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0</v>
      </c>
      <c r="CO40" s="76">
        <v>0</v>
      </c>
      <c r="CP40" s="245"/>
      <c r="CQ40" s="75">
        <v>0</v>
      </c>
      <c r="CR40" s="75">
        <v>0</v>
      </c>
      <c r="CS40" s="75">
        <v>1</v>
      </c>
      <c r="CT40" s="75">
        <v>1</v>
      </c>
      <c r="CU40" s="75">
        <v>1</v>
      </c>
      <c r="CV40" s="76">
        <v>3</v>
      </c>
      <c r="CW40" s="77">
        <v>3</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2"/>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0</v>
      </c>
      <c r="GT40" s="87">
        <v>0</v>
      </c>
      <c r="GU40" s="88">
        <v>0</v>
      </c>
      <c r="GV40" s="242"/>
      <c r="GW40" s="87">
        <v>0</v>
      </c>
      <c r="GX40" s="87">
        <v>0</v>
      </c>
      <c r="GY40" s="87">
        <v>1</v>
      </c>
      <c r="GZ40" s="87">
        <v>1</v>
      </c>
      <c r="HA40" s="87">
        <v>2</v>
      </c>
      <c r="HB40" s="89">
        <v>4</v>
      </c>
      <c r="HC40" s="90">
        <v>4</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0</v>
      </c>
      <c r="HV40" s="75">
        <v>0</v>
      </c>
      <c r="HW40" s="75">
        <v>0</v>
      </c>
      <c r="HX40" s="76">
        <v>0</v>
      </c>
      <c r="HY40" s="77">
        <v>0</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1</v>
      </c>
      <c r="IT40" s="76">
        <v>2</v>
      </c>
      <c r="IU40" s="77">
        <v>2</v>
      </c>
      <c r="IV40" s="74">
        <v>0</v>
      </c>
      <c r="IW40" s="75">
        <v>0</v>
      </c>
      <c r="IX40" s="76">
        <v>0</v>
      </c>
      <c r="IY40" s="245"/>
      <c r="IZ40" s="75">
        <v>0</v>
      </c>
      <c r="JA40" s="75">
        <v>0</v>
      </c>
      <c r="JB40" s="75">
        <v>1</v>
      </c>
      <c r="JC40" s="75">
        <v>0</v>
      </c>
      <c r="JD40" s="75">
        <v>0</v>
      </c>
      <c r="JE40" s="76">
        <v>1</v>
      </c>
      <c r="JF40" s="77">
        <v>1</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0</v>
      </c>
      <c r="KD40" s="75">
        <v>0</v>
      </c>
      <c r="KE40" s="76">
        <v>0</v>
      </c>
      <c r="KF40" s="245"/>
      <c r="KG40" s="75">
        <v>0</v>
      </c>
      <c r="KH40" s="75">
        <v>0</v>
      </c>
      <c r="KI40" s="75">
        <v>1</v>
      </c>
      <c r="KJ40" s="75">
        <v>1</v>
      </c>
      <c r="KK40" s="75">
        <v>2</v>
      </c>
      <c r="KL40" s="76">
        <v>4</v>
      </c>
      <c r="KM40" s="77">
        <v>4</v>
      </c>
    </row>
    <row r="41" spans="2:299" ht="32.25" customHeight="1" x14ac:dyDescent="0.2">
      <c r="C41" s="311" t="s">
        <v>126</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8.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4</v>
      </c>
      <c r="F1" s="22"/>
      <c r="G1" s="528">
        <f>第１表!F2</f>
        <v>4</v>
      </c>
      <c r="H1" s="528"/>
      <c r="I1" s="248">
        <f>第１表!G2</f>
        <v>7</v>
      </c>
      <c r="J1" s="529">
        <f>IF(I1&lt;3,I1+12-2,I1-2)</f>
        <v>5</v>
      </c>
      <c r="K1" s="529"/>
    </row>
    <row r="2" spans="2:35" ht="24" customHeight="1" thickBot="1" x14ac:dyDescent="0.25">
      <c r="B2" s="292"/>
      <c r="J2" s="24"/>
      <c r="K2" s="24"/>
      <c r="L2" s="24"/>
      <c r="M2" s="24"/>
      <c r="N2" s="24"/>
      <c r="O2" s="24"/>
      <c r="P2" s="25"/>
      <c r="Q2" s="25"/>
      <c r="R2" s="25"/>
    </row>
    <row r="3" spans="2:35" s="44" customFormat="1" ht="19.5" customHeight="1" thickBot="1" x14ac:dyDescent="0.25">
      <c r="B3" s="54"/>
      <c r="C3" s="525" t="s">
        <v>53</v>
      </c>
      <c r="D3" s="526"/>
      <c r="E3" s="526"/>
      <c r="F3" s="526"/>
      <c r="G3" s="526"/>
      <c r="H3" s="526"/>
      <c r="I3" s="526"/>
      <c r="J3" s="526"/>
      <c r="K3" s="526"/>
      <c r="L3" s="526"/>
      <c r="M3" s="527"/>
      <c r="N3" s="525" t="s">
        <v>54</v>
      </c>
      <c r="O3" s="526"/>
      <c r="P3" s="526"/>
      <c r="Q3" s="526"/>
      <c r="R3" s="526"/>
      <c r="S3" s="526"/>
      <c r="T3" s="526"/>
      <c r="U3" s="526"/>
      <c r="V3" s="526"/>
      <c r="W3" s="526"/>
      <c r="X3" s="527"/>
      <c r="Y3" s="525" t="s">
        <v>55</v>
      </c>
      <c r="Z3" s="526"/>
      <c r="AA3" s="526"/>
      <c r="AB3" s="526"/>
      <c r="AC3" s="526"/>
      <c r="AD3" s="526"/>
      <c r="AE3" s="526"/>
      <c r="AF3" s="526"/>
      <c r="AG3" s="526"/>
      <c r="AH3" s="526"/>
      <c r="AI3" s="527"/>
    </row>
    <row r="4" spans="2:35" s="44" customFormat="1" ht="29.25"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19.5" customHeight="1" x14ac:dyDescent="0.2">
      <c r="B5" s="46" t="s">
        <v>4</v>
      </c>
      <c r="C5" s="215">
        <v>15940</v>
      </c>
      <c r="D5" s="216">
        <v>27938</v>
      </c>
      <c r="E5" s="217">
        <v>43878</v>
      </c>
      <c r="F5" s="212">
        <v>0</v>
      </c>
      <c r="G5" s="216">
        <v>59020</v>
      </c>
      <c r="H5" s="216">
        <v>59271</v>
      </c>
      <c r="I5" s="216">
        <v>34528</v>
      </c>
      <c r="J5" s="216">
        <v>26879</v>
      </c>
      <c r="K5" s="216">
        <v>16003</v>
      </c>
      <c r="L5" s="217">
        <v>195701</v>
      </c>
      <c r="M5" s="218">
        <v>239579</v>
      </c>
      <c r="N5" s="219">
        <v>258</v>
      </c>
      <c r="O5" s="216">
        <v>787</v>
      </c>
      <c r="P5" s="217">
        <v>1045</v>
      </c>
      <c r="Q5" s="212">
        <v>0</v>
      </c>
      <c r="R5" s="216">
        <v>1043</v>
      </c>
      <c r="S5" s="216">
        <v>1844</v>
      </c>
      <c r="T5" s="216">
        <v>972</v>
      </c>
      <c r="U5" s="216">
        <v>799</v>
      </c>
      <c r="V5" s="216">
        <v>746</v>
      </c>
      <c r="W5" s="217">
        <v>5404</v>
      </c>
      <c r="X5" s="218">
        <v>6449</v>
      </c>
      <c r="Y5" s="215">
        <v>16198</v>
      </c>
      <c r="Z5" s="216">
        <v>28725</v>
      </c>
      <c r="AA5" s="217">
        <v>44923</v>
      </c>
      <c r="AB5" s="212">
        <v>0</v>
      </c>
      <c r="AC5" s="216">
        <v>60063</v>
      </c>
      <c r="AD5" s="216">
        <v>61115</v>
      </c>
      <c r="AE5" s="216">
        <v>35500</v>
      </c>
      <c r="AF5" s="216">
        <v>27678</v>
      </c>
      <c r="AG5" s="216">
        <v>16749</v>
      </c>
      <c r="AH5" s="217">
        <v>201105</v>
      </c>
      <c r="AI5" s="218">
        <v>246028</v>
      </c>
    </row>
    <row r="6" spans="2:35" ht="19.5" customHeight="1" x14ac:dyDescent="0.2">
      <c r="B6" s="49" t="s">
        <v>5</v>
      </c>
      <c r="C6" s="220">
        <v>5933</v>
      </c>
      <c r="D6" s="221">
        <v>12302</v>
      </c>
      <c r="E6" s="222">
        <v>18235</v>
      </c>
      <c r="F6" s="213">
        <v>0</v>
      </c>
      <c r="G6" s="221">
        <v>15805</v>
      </c>
      <c r="H6" s="221">
        <v>22545</v>
      </c>
      <c r="I6" s="221">
        <v>11332</v>
      </c>
      <c r="J6" s="221">
        <v>9023</v>
      </c>
      <c r="K6" s="221">
        <v>5309</v>
      </c>
      <c r="L6" s="222">
        <v>64014</v>
      </c>
      <c r="M6" s="223">
        <v>82249</v>
      </c>
      <c r="N6" s="224">
        <v>100</v>
      </c>
      <c r="O6" s="221">
        <v>326</v>
      </c>
      <c r="P6" s="222">
        <v>426</v>
      </c>
      <c r="Q6" s="213">
        <v>0</v>
      </c>
      <c r="R6" s="221">
        <v>236</v>
      </c>
      <c r="S6" s="221">
        <v>758</v>
      </c>
      <c r="T6" s="221">
        <v>370</v>
      </c>
      <c r="U6" s="221">
        <v>301</v>
      </c>
      <c r="V6" s="221">
        <v>293</v>
      </c>
      <c r="W6" s="222">
        <v>1958</v>
      </c>
      <c r="X6" s="223">
        <v>2384</v>
      </c>
      <c r="Y6" s="220">
        <v>6033</v>
      </c>
      <c r="Z6" s="221">
        <v>12628</v>
      </c>
      <c r="AA6" s="222">
        <v>18661</v>
      </c>
      <c r="AB6" s="213">
        <v>0</v>
      </c>
      <c r="AC6" s="221">
        <v>16041</v>
      </c>
      <c r="AD6" s="221">
        <v>23303</v>
      </c>
      <c r="AE6" s="221">
        <v>11702</v>
      </c>
      <c r="AF6" s="221">
        <v>9324</v>
      </c>
      <c r="AG6" s="221">
        <v>5602</v>
      </c>
      <c r="AH6" s="222">
        <v>65972</v>
      </c>
      <c r="AI6" s="223">
        <v>84633</v>
      </c>
    </row>
    <row r="7" spans="2:35" ht="19.5" customHeight="1" x14ac:dyDescent="0.2">
      <c r="B7" s="49" t="s">
        <v>6</v>
      </c>
      <c r="C7" s="220">
        <v>2241</v>
      </c>
      <c r="D7" s="221">
        <v>3445</v>
      </c>
      <c r="E7" s="222">
        <v>5686</v>
      </c>
      <c r="F7" s="213">
        <v>0</v>
      </c>
      <c r="G7" s="221">
        <v>10798</v>
      </c>
      <c r="H7" s="221">
        <v>8508</v>
      </c>
      <c r="I7" s="221">
        <v>5655</v>
      </c>
      <c r="J7" s="221">
        <v>4686</v>
      </c>
      <c r="K7" s="221">
        <v>2833</v>
      </c>
      <c r="L7" s="222">
        <v>32480</v>
      </c>
      <c r="M7" s="223">
        <v>38166</v>
      </c>
      <c r="N7" s="224">
        <v>43</v>
      </c>
      <c r="O7" s="221">
        <v>113</v>
      </c>
      <c r="P7" s="222">
        <v>156</v>
      </c>
      <c r="Q7" s="213">
        <v>0</v>
      </c>
      <c r="R7" s="221">
        <v>238</v>
      </c>
      <c r="S7" s="221">
        <v>259</v>
      </c>
      <c r="T7" s="221">
        <v>173</v>
      </c>
      <c r="U7" s="221">
        <v>159</v>
      </c>
      <c r="V7" s="221">
        <v>141</v>
      </c>
      <c r="W7" s="222">
        <v>970</v>
      </c>
      <c r="X7" s="223">
        <v>1126</v>
      </c>
      <c r="Y7" s="220">
        <v>2284</v>
      </c>
      <c r="Z7" s="221">
        <v>3558</v>
      </c>
      <c r="AA7" s="222">
        <v>5842</v>
      </c>
      <c r="AB7" s="213">
        <v>0</v>
      </c>
      <c r="AC7" s="221">
        <v>11036</v>
      </c>
      <c r="AD7" s="221">
        <v>8767</v>
      </c>
      <c r="AE7" s="221">
        <v>5828</v>
      </c>
      <c r="AF7" s="221">
        <v>4845</v>
      </c>
      <c r="AG7" s="221">
        <v>2974</v>
      </c>
      <c r="AH7" s="222">
        <v>33450</v>
      </c>
      <c r="AI7" s="223">
        <v>39292</v>
      </c>
    </row>
    <row r="8" spans="2:35" ht="19.5" customHeight="1" x14ac:dyDescent="0.2">
      <c r="B8" s="49" t="s">
        <v>14</v>
      </c>
      <c r="C8" s="220">
        <v>1152</v>
      </c>
      <c r="D8" s="221">
        <v>2645</v>
      </c>
      <c r="E8" s="222">
        <v>3797</v>
      </c>
      <c r="F8" s="213">
        <v>0</v>
      </c>
      <c r="G8" s="221">
        <v>4394</v>
      </c>
      <c r="H8" s="221">
        <v>5141</v>
      </c>
      <c r="I8" s="221">
        <v>3276</v>
      </c>
      <c r="J8" s="221">
        <v>2327</v>
      </c>
      <c r="K8" s="221">
        <v>1324</v>
      </c>
      <c r="L8" s="222">
        <v>16462</v>
      </c>
      <c r="M8" s="223">
        <v>20259</v>
      </c>
      <c r="N8" s="224">
        <v>19</v>
      </c>
      <c r="O8" s="221">
        <v>89</v>
      </c>
      <c r="P8" s="222">
        <v>108</v>
      </c>
      <c r="Q8" s="213">
        <v>0</v>
      </c>
      <c r="R8" s="221">
        <v>61</v>
      </c>
      <c r="S8" s="221">
        <v>153</v>
      </c>
      <c r="T8" s="221">
        <v>82</v>
      </c>
      <c r="U8" s="221">
        <v>76</v>
      </c>
      <c r="V8" s="221">
        <v>55</v>
      </c>
      <c r="W8" s="222">
        <v>427</v>
      </c>
      <c r="X8" s="223">
        <v>535</v>
      </c>
      <c r="Y8" s="220">
        <v>1171</v>
      </c>
      <c r="Z8" s="221">
        <v>2734</v>
      </c>
      <c r="AA8" s="222">
        <v>3905</v>
      </c>
      <c r="AB8" s="213">
        <v>0</v>
      </c>
      <c r="AC8" s="221">
        <v>4455</v>
      </c>
      <c r="AD8" s="221">
        <v>5294</v>
      </c>
      <c r="AE8" s="221">
        <v>3358</v>
      </c>
      <c r="AF8" s="221">
        <v>2403</v>
      </c>
      <c r="AG8" s="221">
        <v>1379</v>
      </c>
      <c r="AH8" s="222">
        <v>16889</v>
      </c>
      <c r="AI8" s="223">
        <v>20794</v>
      </c>
    </row>
    <row r="9" spans="2:35" ht="19.5" customHeight="1" x14ac:dyDescent="0.2">
      <c r="B9" s="49" t="s">
        <v>7</v>
      </c>
      <c r="C9" s="220">
        <v>511</v>
      </c>
      <c r="D9" s="221">
        <v>801</v>
      </c>
      <c r="E9" s="222">
        <v>1312</v>
      </c>
      <c r="F9" s="213">
        <v>0</v>
      </c>
      <c r="G9" s="221">
        <v>4932</v>
      </c>
      <c r="H9" s="221">
        <v>3450</v>
      </c>
      <c r="I9" s="221">
        <v>1952</v>
      </c>
      <c r="J9" s="221">
        <v>1510</v>
      </c>
      <c r="K9" s="221">
        <v>837</v>
      </c>
      <c r="L9" s="222">
        <v>12681</v>
      </c>
      <c r="M9" s="223">
        <v>13993</v>
      </c>
      <c r="N9" s="224">
        <v>7</v>
      </c>
      <c r="O9" s="221">
        <v>10</v>
      </c>
      <c r="P9" s="222">
        <v>17</v>
      </c>
      <c r="Q9" s="213">
        <v>0</v>
      </c>
      <c r="R9" s="221">
        <v>91</v>
      </c>
      <c r="S9" s="221">
        <v>102</v>
      </c>
      <c r="T9" s="221">
        <v>44</v>
      </c>
      <c r="U9" s="221">
        <v>36</v>
      </c>
      <c r="V9" s="221">
        <v>26</v>
      </c>
      <c r="W9" s="222">
        <v>299</v>
      </c>
      <c r="X9" s="223">
        <v>316</v>
      </c>
      <c r="Y9" s="220">
        <v>518</v>
      </c>
      <c r="Z9" s="221">
        <v>811</v>
      </c>
      <c r="AA9" s="222">
        <v>1329</v>
      </c>
      <c r="AB9" s="213">
        <v>0</v>
      </c>
      <c r="AC9" s="221">
        <v>5023</v>
      </c>
      <c r="AD9" s="221">
        <v>3552</v>
      </c>
      <c r="AE9" s="221">
        <v>1996</v>
      </c>
      <c r="AF9" s="221">
        <v>1546</v>
      </c>
      <c r="AG9" s="221">
        <v>863</v>
      </c>
      <c r="AH9" s="222">
        <v>12980</v>
      </c>
      <c r="AI9" s="223">
        <v>14309</v>
      </c>
    </row>
    <row r="10" spans="2:35" ht="19.5" customHeight="1" x14ac:dyDescent="0.2">
      <c r="B10" s="49" t="s">
        <v>8</v>
      </c>
      <c r="C10" s="220">
        <v>536</v>
      </c>
      <c r="D10" s="221">
        <v>636</v>
      </c>
      <c r="E10" s="222">
        <v>1172</v>
      </c>
      <c r="F10" s="213">
        <v>0</v>
      </c>
      <c r="G10" s="221">
        <v>1977</v>
      </c>
      <c r="H10" s="221">
        <v>2033</v>
      </c>
      <c r="I10" s="221">
        <v>1245</v>
      </c>
      <c r="J10" s="221">
        <v>833</v>
      </c>
      <c r="K10" s="221">
        <v>528</v>
      </c>
      <c r="L10" s="222">
        <v>6616</v>
      </c>
      <c r="M10" s="223">
        <v>7788</v>
      </c>
      <c r="N10" s="224">
        <v>6</v>
      </c>
      <c r="O10" s="221">
        <v>24</v>
      </c>
      <c r="P10" s="222">
        <v>30</v>
      </c>
      <c r="Q10" s="213">
        <v>0</v>
      </c>
      <c r="R10" s="221">
        <v>28</v>
      </c>
      <c r="S10" s="221">
        <v>62</v>
      </c>
      <c r="T10" s="221">
        <v>36</v>
      </c>
      <c r="U10" s="221">
        <v>22</v>
      </c>
      <c r="V10" s="221">
        <v>30</v>
      </c>
      <c r="W10" s="222">
        <v>178</v>
      </c>
      <c r="X10" s="223">
        <v>208</v>
      </c>
      <c r="Y10" s="220">
        <v>542</v>
      </c>
      <c r="Z10" s="221">
        <v>660</v>
      </c>
      <c r="AA10" s="222">
        <v>1202</v>
      </c>
      <c r="AB10" s="213">
        <v>0</v>
      </c>
      <c r="AC10" s="221">
        <v>2005</v>
      </c>
      <c r="AD10" s="221">
        <v>2095</v>
      </c>
      <c r="AE10" s="221">
        <v>1281</v>
      </c>
      <c r="AF10" s="221">
        <v>855</v>
      </c>
      <c r="AG10" s="221">
        <v>558</v>
      </c>
      <c r="AH10" s="222">
        <v>6794</v>
      </c>
      <c r="AI10" s="223">
        <v>7996</v>
      </c>
    </row>
    <row r="11" spans="2:35" ht="19.5" customHeight="1" x14ac:dyDescent="0.2">
      <c r="B11" s="49" t="s">
        <v>9</v>
      </c>
      <c r="C11" s="220">
        <v>475</v>
      </c>
      <c r="D11" s="221">
        <v>563</v>
      </c>
      <c r="E11" s="222">
        <v>1038</v>
      </c>
      <c r="F11" s="213">
        <v>0</v>
      </c>
      <c r="G11" s="221">
        <v>1934</v>
      </c>
      <c r="H11" s="221">
        <v>1493</v>
      </c>
      <c r="I11" s="221">
        <v>996</v>
      </c>
      <c r="J11" s="221">
        <v>849</v>
      </c>
      <c r="K11" s="221">
        <v>519</v>
      </c>
      <c r="L11" s="222">
        <v>5791</v>
      </c>
      <c r="M11" s="223">
        <v>6829</v>
      </c>
      <c r="N11" s="224">
        <v>3</v>
      </c>
      <c r="O11" s="221">
        <v>13</v>
      </c>
      <c r="P11" s="222">
        <v>16</v>
      </c>
      <c r="Q11" s="213">
        <v>0</v>
      </c>
      <c r="R11" s="221">
        <v>27</v>
      </c>
      <c r="S11" s="221">
        <v>35</v>
      </c>
      <c r="T11" s="221">
        <v>17</v>
      </c>
      <c r="U11" s="221">
        <v>14</v>
      </c>
      <c r="V11" s="221">
        <v>11</v>
      </c>
      <c r="W11" s="222">
        <v>104</v>
      </c>
      <c r="X11" s="223">
        <v>120</v>
      </c>
      <c r="Y11" s="220">
        <v>478</v>
      </c>
      <c r="Z11" s="221">
        <v>576</v>
      </c>
      <c r="AA11" s="222">
        <v>1054</v>
      </c>
      <c r="AB11" s="213">
        <v>0</v>
      </c>
      <c r="AC11" s="221">
        <v>1961</v>
      </c>
      <c r="AD11" s="221">
        <v>1528</v>
      </c>
      <c r="AE11" s="221">
        <v>1013</v>
      </c>
      <c r="AF11" s="221">
        <v>863</v>
      </c>
      <c r="AG11" s="221">
        <v>530</v>
      </c>
      <c r="AH11" s="222">
        <v>5895</v>
      </c>
      <c r="AI11" s="223">
        <v>6949</v>
      </c>
    </row>
    <row r="12" spans="2:35" ht="19.5" customHeight="1" x14ac:dyDescent="0.2">
      <c r="B12" s="49" t="s">
        <v>10</v>
      </c>
      <c r="C12" s="220">
        <v>1265</v>
      </c>
      <c r="D12" s="221">
        <v>1579</v>
      </c>
      <c r="E12" s="222">
        <v>2844</v>
      </c>
      <c r="F12" s="213">
        <v>0</v>
      </c>
      <c r="G12" s="221">
        <v>3897</v>
      </c>
      <c r="H12" s="221">
        <v>2336</v>
      </c>
      <c r="I12" s="221">
        <v>1561</v>
      </c>
      <c r="J12" s="221">
        <v>1213</v>
      </c>
      <c r="K12" s="221">
        <v>886</v>
      </c>
      <c r="L12" s="222">
        <v>9893</v>
      </c>
      <c r="M12" s="223">
        <v>12737</v>
      </c>
      <c r="N12" s="224">
        <v>21</v>
      </c>
      <c r="O12" s="221">
        <v>42</v>
      </c>
      <c r="P12" s="222">
        <v>63</v>
      </c>
      <c r="Q12" s="213">
        <v>0</v>
      </c>
      <c r="R12" s="221">
        <v>87</v>
      </c>
      <c r="S12" s="221">
        <v>63</v>
      </c>
      <c r="T12" s="221">
        <v>40</v>
      </c>
      <c r="U12" s="221">
        <v>26</v>
      </c>
      <c r="V12" s="221">
        <v>37</v>
      </c>
      <c r="W12" s="222">
        <v>253</v>
      </c>
      <c r="X12" s="223">
        <v>316</v>
      </c>
      <c r="Y12" s="220">
        <v>1286</v>
      </c>
      <c r="Z12" s="221">
        <v>1621</v>
      </c>
      <c r="AA12" s="222">
        <v>2907</v>
      </c>
      <c r="AB12" s="213">
        <v>0</v>
      </c>
      <c r="AC12" s="221">
        <v>3984</v>
      </c>
      <c r="AD12" s="221">
        <v>2399</v>
      </c>
      <c r="AE12" s="221">
        <v>1601</v>
      </c>
      <c r="AF12" s="221">
        <v>1239</v>
      </c>
      <c r="AG12" s="221">
        <v>923</v>
      </c>
      <c r="AH12" s="222">
        <v>10146</v>
      </c>
      <c r="AI12" s="223">
        <v>13053</v>
      </c>
    </row>
    <row r="13" spans="2:35" ht="19.5" customHeight="1" x14ac:dyDescent="0.2">
      <c r="B13" s="49" t="s">
        <v>11</v>
      </c>
      <c r="C13" s="220">
        <v>534</v>
      </c>
      <c r="D13" s="221">
        <v>570</v>
      </c>
      <c r="E13" s="222">
        <v>1104</v>
      </c>
      <c r="F13" s="213">
        <v>0</v>
      </c>
      <c r="G13" s="221">
        <v>2187</v>
      </c>
      <c r="H13" s="221">
        <v>1283</v>
      </c>
      <c r="I13" s="221">
        <v>918</v>
      </c>
      <c r="J13" s="221">
        <v>717</v>
      </c>
      <c r="K13" s="221">
        <v>398</v>
      </c>
      <c r="L13" s="222">
        <v>5503</v>
      </c>
      <c r="M13" s="223">
        <v>6607</v>
      </c>
      <c r="N13" s="224">
        <v>7</v>
      </c>
      <c r="O13" s="221">
        <v>11</v>
      </c>
      <c r="P13" s="222">
        <v>18</v>
      </c>
      <c r="Q13" s="213">
        <v>0</v>
      </c>
      <c r="R13" s="221">
        <v>38</v>
      </c>
      <c r="S13" s="221">
        <v>33</v>
      </c>
      <c r="T13" s="221">
        <v>18</v>
      </c>
      <c r="U13" s="221">
        <v>14</v>
      </c>
      <c r="V13" s="221">
        <v>17</v>
      </c>
      <c r="W13" s="222">
        <v>120</v>
      </c>
      <c r="X13" s="223">
        <v>138</v>
      </c>
      <c r="Y13" s="220">
        <v>541</v>
      </c>
      <c r="Z13" s="221">
        <v>581</v>
      </c>
      <c r="AA13" s="222">
        <v>1122</v>
      </c>
      <c r="AB13" s="213">
        <v>0</v>
      </c>
      <c r="AC13" s="221">
        <v>2225</v>
      </c>
      <c r="AD13" s="221">
        <v>1316</v>
      </c>
      <c r="AE13" s="221">
        <v>936</v>
      </c>
      <c r="AF13" s="221">
        <v>731</v>
      </c>
      <c r="AG13" s="221">
        <v>415</v>
      </c>
      <c r="AH13" s="222">
        <v>5623</v>
      </c>
      <c r="AI13" s="223">
        <v>6745</v>
      </c>
    </row>
    <row r="14" spans="2:35" ht="19.5" customHeight="1" x14ac:dyDescent="0.2">
      <c r="B14" s="49" t="s">
        <v>12</v>
      </c>
      <c r="C14" s="220">
        <v>739</v>
      </c>
      <c r="D14" s="221">
        <v>971</v>
      </c>
      <c r="E14" s="222">
        <v>1710</v>
      </c>
      <c r="F14" s="213">
        <v>0</v>
      </c>
      <c r="G14" s="221">
        <v>1601</v>
      </c>
      <c r="H14" s="221">
        <v>1345</v>
      </c>
      <c r="I14" s="221">
        <v>970</v>
      </c>
      <c r="J14" s="221">
        <v>836</v>
      </c>
      <c r="K14" s="221">
        <v>470</v>
      </c>
      <c r="L14" s="222">
        <v>5222</v>
      </c>
      <c r="M14" s="223">
        <v>6932</v>
      </c>
      <c r="N14" s="224">
        <v>11</v>
      </c>
      <c r="O14" s="221">
        <v>25</v>
      </c>
      <c r="P14" s="222">
        <v>36</v>
      </c>
      <c r="Q14" s="213">
        <v>0</v>
      </c>
      <c r="R14" s="221">
        <v>20</v>
      </c>
      <c r="S14" s="221">
        <v>29</v>
      </c>
      <c r="T14" s="221">
        <v>17</v>
      </c>
      <c r="U14" s="221">
        <v>22</v>
      </c>
      <c r="V14" s="221">
        <v>15</v>
      </c>
      <c r="W14" s="222">
        <v>103</v>
      </c>
      <c r="X14" s="223">
        <v>139</v>
      </c>
      <c r="Y14" s="220">
        <v>750</v>
      </c>
      <c r="Z14" s="221">
        <v>996</v>
      </c>
      <c r="AA14" s="222">
        <v>1746</v>
      </c>
      <c r="AB14" s="213">
        <v>0</v>
      </c>
      <c r="AC14" s="221">
        <v>1621</v>
      </c>
      <c r="AD14" s="221">
        <v>1374</v>
      </c>
      <c r="AE14" s="221">
        <v>987</v>
      </c>
      <c r="AF14" s="221">
        <v>858</v>
      </c>
      <c r="AG14" s="221">
        <v>485</v>
      </c>
      <c r="AH14" s="222">
        <v>5325</v>
      </c>
      <c r="AI14" s="223">
        <v>7071</v>
      </c>
    </row>
    <row r="15" spans="2:35" ht="19.5" customHeight="1" x14ac:dyDescent="0.2">
      <c r="B15" s="49" t="s">
        <v>13</v>
      </c>
      <c r="C15" s="220">
        <v>130</v>
      </c>
      <c r="D15" s="221">
        <v>225</v>
      </c>
      <c r="E15" s="222">
        <v>355</v>
      </c>
      <c r="F15" s="213">
        <v>0</v>
      </c>
      <c r="G15" s="221">
        <v>646</v>
      </c>
      <c r="H15" s="221">
        <v>597</v>
      </c>
      <c r="I15" s="221">
        <v>387</v>
      </c>
      <c r="J15" s="221">
        <v>319</v>
      </c>
      <c r="K15" s="221">
        <v>208</v>
      </c>
      <c r="L15" s="222">
        <v>2157</v>
      </c>
      <c r="M15" s="223">
        <v>2512</v>
      </c>
      <c r="N15" s="224">
        <v>0</v>
      </c>
      <c r="O15" s="221">
        <v>1</v>
      </c>
      <c r="P15" s="222">
        <v>1</v>
      </c>
      <c r="Q15" s="213">
        <v>0</v>
      </c>
      <c r="R15" s="221">
        <v>13</v>
      </c>
      <c r="S15" s="221">
        <v>15</v>
      </c>
      <c r="T15" s="221">
        <v>11</v>
      </c>
      <c r="U15" s="221">
        <v>5</v>
      </c>
      <c r="V15" s="221">
        <v>9</v>
      </c>
      <c r="W15" s="222">
        <v>53</v>
      </c>
      <c r="X15" s="223">
        <v>54</v>
      </c>
      <c r="Y15" s="220">
        <v>130</v>
      </c>
      <c r="Z15" s="221">
        <v>226</v>
      </c>
      <c r="AA15" s="222">
        <v>356</v>
      </c>
      <c r="AB15" s="213">
        <v>0</v>
      </c>
      <c r="AC15" s="221">
        <v>659</v>
      </c>
      <c r="AD15" s="221">
        <v>612</v>
      </c>
      <c r="AE15" s="221">
        <v>398</v>
      </c>
      <c r="AF15" s="221">
        <v>324</v>
      </c>
      <c r="AG15" s="221">
        <v>217</v>
      </c>
      <c r="AH15" s="222">
        <v>2210</v>
      </c>
      <c r="AI15" s="223">
        <v>2566</v>
      </c>
    </row>
    <row r="16" spans="2:35" ht="19.5" customHeight="1" x14ac:dyDescent="0.2">
      <c r="B16" s="49" t="s">
        <v>15</v>
      </c>
      <c r="C16" s="220">
        <v>80</v>
      </c>
      <c r="D16" s="221">
        <v>195</v>
      </c>
      <c r="E16" s="222">
        <v>275</v>
      </c>
      <c r="F16" s="213">
        <v>0</v>
      </c>
      <c r="G16" s="221">
        <v>483</v>
      </c>
      <c r="H16" s="221">
        <v>543</v>
      </c>
      <c r="I16" s="221">
        <v>294</v>
      </c>
      <c r="J16" s="221">
        <v>217</v>
      </c>
      <c r="K16" s="221">
        <v>117</v>
      </c>
      <c r="L16" s="222">
        <v>1654</v>
      </c>
      <c r="M16" s="223">
        <v>1929</v>
      </c>
      <c r="N16" s="224">
        <v>0</v>
      </c>
      <c r="O16" s="221">
        <v>6</v>
      </c>
      <c r="P16" s="222">
        <v>6</v>
      </c>
      <c r="Q16" s="213">
        <v>0</v>
      </c>
      <c r="R16" s="221">
        <v>4</v>
      </c>
      <c r="S16" s="221">
        <v>17</v>
      </c>
      <c r="T16" s="221">
        <v>3</v>
      </c>
      <c r="U16" s="221">
        <v>1</v>
      </c>
      <c r="V16" s="221">
        <v>7</v>
      </c>
      <c r="W16" s="222">
        <v>32</v>
      </c>
      <c r="X16" s="223">
        <v>38</v>
      </c>
      <c r="Y16" s="220">
        <v>80</v>
      </c>
      <c r="Z16" s="221">
        <v>201</v>
      </c>
      <c r="AA16" s="222">
        <v>281</v>
      </c>
      <c r="AB16" s="213">
        <v>0</v>
      </c>
      <c r="AC16" s="221">
        <v>487</v>
      </c>
      <c r="AD16" s="221">
        <v>560</v>
      </c>
      <c r="AE16" s="221">
        <v>297</v>
      </c>
      <c r="AF16" s="221">
        <v>218</v>
      </c>
      <c r="AG16" s="221">
        <v>124</v>
      </c>
      <c r="AH16" s="222">
        <v>1686</v>
      </c>
      <c r="AI16" s="223">
        <v>1967</v>
      </c>
    </row>
    <row r="17" spans="2:35" ht="19.5" customHeight="1" x14ac:dyDescent="0.2">
      <c r="B17" s="49" t="s">
        <v>16</v>
      </c>
      <c r="C17" s="220">
        <v>226</v>
      </c>
      <c r="D17" s="221">
        <v>374</v>
      </c>
      <c r="E17" s="222">
        <v>600</v>
      </c>
      <c r="F17" s="213">
        <v>0</v>
      </c>
      <c r="G17" s="221">
        <v>925</v>
      </c>
      <c r="H17" s="221">
        <v>1216</v>
      </c>
      <c r="I17" s="221">
        <v>715</v>
      </c>
      <c r="J17" s="221">
        <v>479</v>
      </c>
      <c r="K17" s="221">
        <v>316</v>
      </c>
      <c r="L17" s="222">
        <v>3651</v>
      </c>
      <c r="M17" s="223">
        <v>4251</v>
      </c>
      <c r="N17" s="224">
        <v>6</v>
      </c>
      <c r="O17" s="221">
        <v>7</v>
      </c>
      <c r="P17" s="222">
        <v>13</v>
      </c>
      <c r="Q17" s="213">
        <v>0</v>
      </c>
      <c r="R17" s="221">
        <v>15</v>
      </c>
      <c r="S17" s="221">
        <v>33</v>
      </c>
      <c r="T17" s="221">
        <v>21</v>
      </c>
      <c r="U17" s="221">
        <v>14</v>
      </c>
      <c r="V17" s="221">
        <v>10</v>
      </c>
      <c r="W17" s="222">
        <v>93</v>
      </c>
      <c r="X17" s="223">
        <v>106</v>
      </c>
      <c r="Y17" s="220">
        <v>232</v>
      </c>
      <c r="Z17" s="221">
        <v>381</v>
      </c>
      <c r="AA17" s="222">
        <v>613</v>
      </c>
      <c r="AB17" s="213">
        <v>0</v>
      </c>
      <c r="AC17" s="221">
        <v>940</v>
      </c>
      <c r="AD17" s="221">
        <v>1249</v>
      </c>
      <c r="AE17" s="221">
        <v>736</v>
      </c>
      <c r="AF17" s="221">
        <v>493</v>
      </c>
      <c r="AG17" s="221">
        <v>326</v>
      </c>
      <c r="AH17" s="222">
        <v>3744</v>
      </c>
      <c r="AI17" s="223">
        <v>4357</v>
      </c>
    </row>
    <row r="18" spans="2:35" ht="19.5" customHeight="1" x14ac:dyDescent="0.2">
      <c r="B18" s="49" t="s">
        <v>17</v>
      </c>
      <c r="C18" s="220">
        <v>269</v>
      </c>
      <c r="D18" s="221">
        <v>561</v>
      </c>
      <c r="E18" s="222">
        <v>830</v>
      </c>
      <c r="F18" s="213">
        <v>0</v>
      </c>
      <c r="G18" s="221">
        <v>1112</v>
      </c>
      <c r="H18" s="221">
        <v>1621</v>
      </c>
      <c r="I18" s="221">
        <v>908</v>
      </c>
      <c r="J18" s="221">
        <v>706</v>
      </c>
      <c r="K18" s="221">
        <v>457</v>
      </c>
      <c r="L18" s="222">
        <v>4804</v>
      </c>
      <c r="M18" s="223">
        <v>5634</v>
      </c>
      <c r="N18" s="224">
        <v>2</v>
      </c>
      <c r="O18" s="221">
        <v>27</v>
      </c>
      <c r="P18" s="222">
        <v>29</v>
      </c>
      <c r="Q18" s="213">
        <v>0</v>
      </c>
      <c r="R18" s="221">
        <v>14</v>
      </c>
      <c r="S18" s="221">
        <v>71</v>
      </c>
      <c r="T18" s="221">
        <v>32</v>
      </c>
      <c r="U18" s="221">
        <v>27</v>
      </c>
      <c r="V18" s="221">
        <v>15</v>
      </c>
      <c r="W18" s="222">
        <v>159</v>
      </c>
      <c r="X18" s="223">
        <v>188</v>
      </c>
      <c r="Y18" s="220">
        <v>271</v>
      </c>
      <c r="Z18" s="221">
        <v>588</v>
      </c>
      <c r="AA18" s="222">
        <v>859</v>
      </c>
      <c r="AB18" s="213">
        <v>0</v>
      </c>
      <c r="AC18" s="221">
        <v>1126</v>
      </c>
      <c r="AD18" s="221">
        <v>1692</v>
      </c>
      <c r="AE18" s="221">
        <v>940</v>
      </c>
      <c r="AF18" s="221">
        <v>733</v>
      </c>
      <c r="AG18" s="221">
        <v>472</v>
      </c>
      <c r="AH18" s="222">
        <v>4963</v>
      </c>
      <c r="AI18" s="223">
        <v>5822</v>
      </c>
    </row>
    <row r="19" spans="2:35" ht="19.5" customHeight="1" x14ac:dyDescent="0.2">
      <c r="B19" s="49" t="s">
        <v>18</v>
      </c>
      <c r="C19" s="220">
        <v>308</v>
      </c>
      <c r="D19" s="221">
        <v>558</v>
      </c>
      <c r="E19" s="222">
        <v>866</v>
      </c>
      <c r="F19" s="213">
        <v>0</v>
      </c>
      <c r="G19" s="221">
        <v>1750</v>
      </c>
      <c r="H19" s="221">
        <v>1636</v>
      </c>
      <c r="I19" s="221">
        <v>1028</v>
      </c>
      <c r="J19" s="221">
        <v>718</v>
      </c>
      <c r="K19" s="221">
        <v>427</v>
      </c>
      <c r="L19" s="222">
        <v>5559</v>
      </c>
      <c r="M19" s="223">
        <v>6425</v>
      </c>
      <c r="N19" s="224">
        <v>10</v>
      </c>
      <c r="O19" s="221">
        <v>20</v>
      </c>
      <c r="P19" s="222">
        <v>30</v>
      </c>
      <c r="Q19" s="213">
        <v>0</v>
      </c>
      <c r="R19" s="221">
        <v>42</v>
      </c>
      <c r="S19" s="221">
        <v>58</v>
      </c>
      <c r="T19" s="221">
        <v>36</v>
      </c>
      <c r="U19" s="221">
        <v>23</v>
      </c>
      <c r="V19" s="221">
        <v>29</v>
      </c>
      <c r="W19" s="222">
        <v>188</v>
      </c>
      <c r="X19" s="223">
        <v>218</v>
      </c>
      <c r="Y19" s="220">
        <v>318</v>
      </c>
      <c r="Z19" s="221">
        <v>578</v>
      </c>
      <c r="AA19" s="222">
        <v>896</v>
      </c>
      <c r="AB19" s="213">
        <v>0</v>
      </c>
      <c r="AC19" s="221">
        <v>1792</v>
      </c>
      <c r="AD19" s="221">
        <v>1694</v>
      </c>
      <c r="AE19" s="221">
        <v>1064</v>
      </c>
      <c r="AF19" s="221">
        <v>741</v>
      </c>
      <c r="AG19" s="221">
        <v>456</v>
      </c>
      <c r="AH19" s="222">
        <v>5747</v>
      </c>
      <c r="AI19" s="223">
        <v>6643</v>
      </c>
    </row>
    <row r="20" spans="2:35" ht="19.5" customHeight="1" x14ac:dyDescent="0.2">
      <c r="B20" s="49" t="s">
        <v>19</v>
      </c>
      <c r="C20" s="220">
        <v>171</v>
      </c>
      <c r="D20" s="221">
        <v>234</v>
      </c>
      <c r="E20" s="222">
        <v>405</v>
      </c>
      <c r="F20" s="213">
        <v>0</v>
      </c>
      <c r="G20" s="221">
        <v>834</v>
      </c>
      <c r="H20" s="221">
        <v>695</v>
      </c>
      <c r="I20" s="221">
        <v>407</v>
      </c>
      <c r="J20" s="221">
        <v>285</v>
      </c>
      <c r="K20" s="221">
        <v>181</v>
      </c>
      <c r="L20" s="222">
        <v>2402</v>
      </c>
      <c r="M20" s="223">
        <v>2807</v>
      </c>
      <c r="N20" s="224">
        <v>3</v>
      </c>
      <c r="O20" s="221">
        <v>7</v>
      </c>
      <c r="P20" s="222">
        <v>10</v>
      </c>
      <c r="Q20" s="213">
        <v>0</v>
      </c>
      <c r="R20" s="221">
        <v>17</v>
      </c>
      <c r="S20" s="221">
        <v>18</v>
      </c>
      <c r="T20" s="221">
        <v>13</v>
      </c>
      <c r="U20" s="221">
        <v>5</v>
      </c>
      <c r="V20" s="221">
        <v>7</v>
      </c>
      <c r="W20" s="222">
        <v>60</v>
      </c>
      <c r="X20" s="223">
        <v>70</v>
      </c>
      <c r="Y20" s="220">
        <v>174</v>
      </c>
      <c r="Z20" s="221">
        <v>241</v>
      </c>
      <c r="AA20" s="222">
        <v>415</v>
      </c>
      <c r="AB20" s="213">
        <v>0</v>
      </c>
      <c r="AC20" s="221">
        <v>851</v>
      </c>
      <c r="AD20" s="221">
        <v>713</v>
      </c>
      <c r="AE20" s="221">
        <v>420</v>
      </c>
      <c r="AF20" s="221">
        <v>290</v>
      </c>
      <c r="AG20" s="221">
        <v>188</v>
      </c>
      <c r="AH20" s="222">
        <v>2462</v>
      </c>
      <c r="AI20" s="223">
        <v>2877</v>
      </c>
    </row>
    <row r="21" spans="2:35" ht="19.5" customHeight="1" x14ac:dyDescent="0.2">
      <c r="B21" s="49" t="s">
        <v>20</v>
      </c>
      <c r="C21" s="220">
        <v>197</v>
      </c>
      <c r="D21" s="221">
        <v>425</v>
      </c>
      <c r="E21" s="222">
        <v>622</v>
      </c>
      <c r="F21" s="213">
        <v>0</v>
      </c>
      <c r="G21" s="221">
        <v>1065</v>
      </c>
      <c r="H21" s="221">
        <v>670</v>
      </c>
      <c r="I21" s="221">
        <v>474</v>
      </c>
      <c r="J21" s="221">
        <v>336</v>
      </c>
      <c r="K21" s="221">
        <v>158</v>
      </c>
      <c r="L21" s="222">
        <v>2703</v>
      </c>
      <c r="M21" s="223">
        <v>3325</v>
      </c>
      <c r="N21" s="224">
        <v>2</v>
      </c>
      <c r="O21" s="221">
        <v>21</v>
      </c>
      <c r="P21" s="222">
        <v>23</v>
      </c>
      <c r="Q21" s="213">
        <v>0</v>
      </c>
      <c r="R21" s="221">
        <v>32</v>
      </c>
      <c r="S21" s="221">
        <v>17</v>
      </c>
      <c r="T21" s="221">
        <v>16</v>
      </c>
      <c r="U21" s="221">
        <v>12</v>
      </c>
      <c r="V21" s="221">
        <v>5</v>
      </c>
      <c r="W21" s="222">
        <v>82</v>
      </c>
      <c r="X21" s="223">
        <v>105</v>
      </c>
      <c r="Y21" s="220">
        <v>199</v>
      </c>
      <c r="Z21" s="221">
        <v>446</v>
      </c>
      <c r="AA21" s="222">
        <v>645</v>
      </c>
      <c r="AB21" s="213">
        <v>0</v>
      </c>
      <c r="AC21" s="221">
        <v>1097</v>
      </c>
      <c r="AD21" s="221">
        <v>687</v>
      </c>
      <c r="AE21" s="221">
        <v>490</v>
      </c>
      <c r="AF21" s="221">
        <v>348</v>
      </c>
      <c r="AG21" s="221">
        <v>163</v>
      </c>
      <c r="AH21" s="222">
        <v>2785</v>
      </c>
      <c r="AI21" s="223">
        <v>3430</v>
      </c>
    </row>
    <row r="22" spans="2:35" ht="19.5" customHeight="1" x14ac:dyDescent="0.2">
      <c r="B22" s="49" t="s">
        <v>21</v>
      </c>
      <c r="C22" s="220">
        <v>274</v>
      </c>
      <c r="D22" s="221">
        <v>416</v>
      </c>
      <c r="E22" s="222">
        <v>690</v>
      </c>
      <c r="F22" s="213">
        <v>0</v>
      </c>
      <c r="G22" s="221">
        <v>951</v>
      </c>
      <c r="H22" s="221">
        <v>1097</v>
      </c>
      <c r="I22" s="221">
        <v>594</v>
      </c>
      <c r="J22" s="221">
        <v>411</v>
      </c>
      <c r="K22" s="221">
        <v>242</v>
      </c>
      <c r="L22" s="222">
        <v>3295</v>
      </c>
      <c r="M22" s="223">
        <v>3985</v>
      </c>
      <c r="N22" s="224">
        <v>6</v>
      </c>
      <c r="O22" s="221">
        <v>12</v>
      </c>
      <c r="P22" s="222">
        <v>18</v>
      </c>
      <c r="Q22" s="213">
        <v>0</v>
      </c>
      <c r="R22" s="221">
        <v>9</v>
      </c>
      <c r="S22" s="221">
        <v>42</v>
      </c>
      <c r="T22" s="221">
        <v>11</v>
      </c>
      <c r="U22" s="221">
        <v>8</v>
      </c>
      <c r="V22" s="221">
        <v>10</v>
      </c>
      <c r="W22" s="222">
        <v>80</v>
      </c>
      <c r="X22" s="223">
        <v>98</v>
      </c>
      <c r="Y22" s="220">
        <v>280</v>
      </c>
      <c r="Z22" s="221">
        <v>428</v>
      </c>
      <c r="AA22" s="222">
        <v>708</v>
      </c>
      <c r="AB22" s="213">
        <v>0</v>
      </c>
      <c r="AC22" s="221">
        <v>960</v>
      </c>
      <c r="AD22" s="221">
        <v>1139</v>
      </c>
      <c r="AE22" s="221">
        <v>605</v>
      </c>
      <c r="AF22" s="221">
        <v>419</v>
      </c>
      <c r="AG22" s="221">
        <v>252</v>
      </c>
      <c r="AH22" s="222">
        <v>3375</v>
      </c>
      <c r="AI22" s="223">
        <v>4083</v>
      </c>
    </row>
    <row r="23" spans="2:35" ht="19.5" customHeight="1" x14ac:dyDescent="0.2">
      <c r="B23" s="49" t="s">
        <v>22</v>
      </c>
      <c r="C23" s="220">
        <v>56</v>
      </c>
      <c r="D23" s="221">
        <v>159</v>
      </c>
      <c r="E23" s="222">
        <v>215</v>
      </c>
      <c r="F23" s="213">
        <v>0</v>
      </c>
      <c r="G23" s="221">
        <v>420</v>
      </c>
      <c r="H23" s="221">
        <v>387</v>
      </c>
      <c r="I23" s="221">
        <v>184</v>
      </c>
      <c r="J23" s="221">
        <v>145</v>
      </c>
      <c r="K23" s="221">
        <v>86</v>
      </c>
      <c r="L23" s="222">
        <v>1222</v>
      </c>
      <c r="M23" s="223">
        <v>1437</v>
      </c>
      <c r="N23" s="224">
        <v>0</v>
      </c>
      <c r="O23" s="221">
        <v>4</v>
      </c>
      <c r="P23" s="222">
        <v>4</v>
      </c>
      <c r="Q23" s="213">
        <v>0</v>
      </c>
      <c r="R23" s="221">
        <v>12</v>
      </c>
      <c r="S23" s="221">
        <v>5</v>
      </c>
      <c r="T23" s="221">
        <v>5</v>
      </c>
      <c r="U23" s="221">
        <v>4</v>
      </c>
      <c r="V23" s="221">
        <v>1</v>
      </c>
      <c r="W23" s="222">
        <v>27</v>
      </c>
      <c r="X23" s="223">
        <v>31</v>
      </c>
      <c r="Y23" s="220">
        <v>56</v>
      </c>
      <c r="Z23" s="221">
        <v>163</v>
      </c>
      <c r="AA23" s="222">
        <v>219</v>
      </c>
      <c r="AB23" s="213">
        <v>0</v>
      </c>
      <c r="AC23" s="221">
        <v>432</v>
      </c>
      <c r="AD23" s="221">
        <v>392</v>
      </c>
      <c r="AE23" s="221">
        <v>189</v>
      </c>
      <c r="AF23" s="221">
        <v>149</v>
      </c>
      <c r="AG23" s="221">
        <v>87</v>
      </c>
      <c r="AH23" s="222">
        <v>1249</v>
      </c>
      <c r="AI23" s="223">
        <v>1468</v>
      </c>
    </row>
    <row r="24" spans="2:35" ht="19.5" customHeight="1" x14ac:dyDescent="0.2">
      <c r="B24" s="49" t="s">
        <v>23</v>
      </c>
      <c r="C24" s="220">
        <v>123</v>
      </c>
      <c r="D24" s="221">
        <v>250</v>
      </c>
      <c r="E24" s="222">
        <v>373</v>
      </c>
      <c r="F24" s="213">
        <v>0</v>
      </c>
      <c r="G24" s="221">
        <v>605</v>
      </c>
      <c r="H24" s="221">
        <v>565</v>
      </c>
      <c r="I24" s="221">
        <v>304</v>
      </c>
      <c r="J24" s="221">
        <v>257</v>
      </c>
      <c r="K24" s="221">
        <v>123</v>
      </c>
      <c r="L24" s="222">
        <v>1854</v>
      </c>
      <c r="M24" s="223">
        <v>2227</v>
      </c>
      <c r="N24" s="224">
        <v>5</v>
      </c>
      <c r="O24" s="221">
        <v>9</v>
      </c>
      <c r="P24" s="222">
        <v>14</v>
      </c>
      <c r="Q24" s="213">
        <v>0</v>
      </c>
      <c r="R24" s="221">
        <v>7</v>
      </c>
      <c r="S24" s="221">
        <v>15</v>
      </c>
      <c r="T24" s="221">
        <v>7</v>
      </c>
      <c r="U24" s="221">
        <v>7</v>
      </c>
      <c r="V24" s="221">
        <v>5</v>
      </c>
      <c r="W24" s="222">
        <v>41</v>
      </c>
      <c r="X24" s="223">
        <v>55</v>
      </c>
      <c r="Y24" s="220">
        <v>128</v>
      </c>
      <c r="Z24" s="221">
        <v>259</v>
      </c>
      <c r="AA24" s="222">
        <v>387</v>
      </c>
      <c r="AB24" s="213">
        <v>0</v>
      </c>
      <c r="AC24" s="221">
        <v>612</v>
      </c>
      <c r="AD24" s="221">
        <v>580</v>
      </c>
      <c r="AE24" s="221">
        <v>311</v>
      </c>
      <c r="AF24" s="221">
        <v>264</v>
      </c>
      <c r="AG24" s="221">
        <v>128</v>
      </c>
      <c r="AH24" s="222">
        <v>1895</v>
      </c>
      <c r="AI24" s="223">
        <v>2282</v>
      </c>
    </row>
    <row r="25" spans="2:35" ht="19.5" customHeight="1" x14ac:dyDescent="0.2">
      <c r="B25" s="49" t="s">
        <v>24</v>
      </c>
      <c r="C25" s="220">
        <v>116</v>
      </c>
      <c r="D25" s="221">
        <v>102</v>
      </c>
      <c r="E25" s="222">
        <v>218</v>
      </c>
      <c r="F25" s="213">
        <v>0</v>
      </c>
      <c r="G25" s="221">
        <v>338</v>
      </c>
      <c r="H25" s="221">
        <v>221</v>
      </c>
      <c r="I25" s="221">
        <v>165</v>
      </c>
      <c r="J25" s="221">
        <v>121</v>
      </c>
      <c r="K25" s="221">
        <v>91</v>
      </c>
      <c r="L25" s="222">
        <v>936</v>
      </c>
      <c r="M25" s="223">
        <v>1154</v>
      </c>
      <c r="N25" s="224">
        <v>2</v>
      </c>
      <c r="O25" s="221">
        <v>2</v>
      </c>
      <c r="P25" s="222">
        <v>4</v>
      </c>
      <c r="Q25" s="213">
        <v>0</v>
      </c>
      <c r="R25" s="221">
        <v>5</v>
      </c>
      <c r="S25" s="221">
        <v>8</v>
      </c>
      <c r="T25" s="221">
        <v>1</v>
      </c>
      <c r="U25" s="221">
        <v>1</v>
      </c>
      <c r="V25" s="221">
        <v>1</v>
      </c>
      <c r="W25" s="222">
        <v>16</v>
      </c>
      <c r="X25" s="223">
        <v>20</v>
      </c>
      <c r="Y25" s="220">
        <v>118</v>
      </c>
      <c r="Z25" s="221">
        <v>104</v>
      </c>
      <c r="AA25" s="222">
        <v>222</v>
      </c>
      <c r="AB25" s="213">
        <v>0</v>
      </c>
      <c r="AC25" s="221">
        <v>343</v>
      </c>
      <c r="AD25" s="221">
        <v>229</v>
      </c>
      <c r="AE25" s="221">
        <v>166</v>
      </c>
      <c r="AF25" s="221">
        <v>122</v>
      </c>
      <c r="AG25" s="221">
        <v>92</v>
      </c>
      <c r="AH25" s="222">
        <v>952</v>
      </c>
      <c r="AI25" s="223">
        <v>1174</v>
      </c>
    </row>
    <row r="26" spans="2:35" ht="19.5" customHeight="1" x14ac:dyDescent="0.2">
      <c r="B26" s="49" t="s">
        <v>25</v>
      </c>
      <c r="C26" s="220">
        <v>87</v>
      </c>
      <c r="D26" s="221">
        <v>148</v>
      </c>
      <c r="E26" s="222">
        <v>235</v>
      </c>
      <c r="F26" s="213">
        <v>0</v>
      </c>
      <c r="G26" s="221">
        <v>397</v>
      </c>
      <c r="H26" s="221">
        <v>266</v>
      </c>
      <c r="I26" s="221">
        <v>132</v>
      </c>
      <c r="J26" s="221">
        <v>155</v>
      </c>
      <c r="K26" s="221">
        <v>71</v>
      </c>
      <c r="L26" s="222">
        <v>1021</v>
      </c>
      <c r="M26" s="223">
        <v>1256</v>
      </c>
      <c r="N26" s="224">
        <v>0</v>
      </c>
      <c r="O26" s="221">
        <v>5</v>
      </c>
      <c r="P26" s="222">
        <v>5</v>
      </c>
      <c r="Q26" s="213">
        <v>0</v>
      </c>
      <c r="R26" s="221">
        <v>6</v>
      </c>
      <c r="S26" s="221">
        <v>12</v>
      </c>
      <c r="T26" s="221">
        <v>3</v>
      </c>
      <c r="U26" s="221">
        <v>3</v>
      </c>
      <c r="V26" s="221">
        <v>4</v>
      </c>
      <c r="W26" s="222">
        <v>28</v>
      </c>
      <c r="X26" s="223">
        <v>33</v>
      </c>
      <c r="Y26" s="220">
        <v>87</v>
      </c>
      <c r="Z26" s="221">
        <v>153</v>
      </c>
      <c r="AA26" s="222">
        <v>240</v>
      </c>
      <c r="AB26" s="213">
        <v>0</v>
      </c>
      <c r="AC26" s="221">
        <v>403</v>
      </c>
      <c r="AD26" s="221">
        <v>278</v>
      </c>
      <c r="AE26" s="221">
        <v>135</v>
      </c>
      <c r="AF26" s="221">
        <v>158</v>
      </c>
      <c r="AG26" s="221">
        <v>75</v>
      </c>
      <c r="AH26" s="222">
        <v>1049</v>
      </c>
      <c r="AI26" s="223">
        <v>1289</v>
      </c>
    </row>
    <row r="27" spans="2:35" ht="19.5" customHeight="1" x14ac:dyDescent="0.2">
      <c r="B27" s="49" t="s">
        <v>26</v>
      </c>
      <c r="C27" s="220">
        <v>79</v>
      </c>
      <c r="D27" s="221">
        <v>106</v>
      </c>
      <c r="E27" s="222">
        <v>185</v>
      </c>
      <c r="F27" s="213">
        <v>0</v>
      </c>
      <c r="G27" s="221">
        <v>317</v>
      </c>
      <c r="H27" s="221">
        <v>243</v>
      </c>
      <c r="I27" s="221">
        <v>161</v>
      </c>
      <c r="J27" s="221">
        <v>119</v>
      </c>
      <c r="K27" s="221">
        <v>87</v>
      </c>
      <c r="L27" s="222">
        <v>927</v>
      </c>
      <c r="M27" s="223">
        <v>1112</v>
      </c>
      <c r="N27" s="224">
        <v>1</v>
      </c>
      <c r="O27" s="221">
        <v>1</v>
      </c>
      <c r="P27" s="222">
        <v>2</v>
      </c>
      <c r="Q27" s="213">
        <v>0</v>
      </c>
      <c r="R27" s="221">
        <v>7</v>
      </c>
      <c r="S27" s="221">
        <v>4</v>
      </c>
      <c r="T27" s="221">
        <v>1</v>
      </c>
      <c r="U27" s="221">
        <v>4</v>
      </c>
      <c r="V27" s="221">
        <v>3</v>
      </c>
      <c r="W27" s="222">
        <v>19</v>
      </c>
      <c r="X27" s="223">
        <v>21</v>
      </c>
      <c r="Y27" s="220">
        <v>80</v>
      </c>
      <c r="Z27" s="221">
        <v>107</v>
      </c>
      <c r="AA27" s="222">
        <v>187</v>
      </c>
      <c r="AB27" s="213">
        <v>0</v>
      </c>
      <c r="AC27" s="221">
        <v>324</v>
      </c>
      <c r="AD27" s="221">
        <v>247</v>
      </c>
      <c r="AE27" s="221">
        <v>162</v>
      </c>
      <c r="AF27" s="221">
        <v>123</v>
      </c>
      <c r="AG27" s="221">
        <v>90</v>
      </c>
      <c r="AH27" s="222">
        <v>946</v>
      </c>
      <c r="AI27" s="223">
        <v>1133</v>
      </c>
    </row>
    <row r="28" spans="2:35" ht="19.5" customHeight="1" x14ac:dyDescent="0.2">
      <c r="B28" s="49" t="s">
        <v>27</v>
      </c>
      <c r="C28" s="220">
        <v>123</v>
      </c>
      <c r="D28" s="221">
        <v>165</v>
      </c>
      <c r="E28" s="222">
        <v>288</v>
      </c>
      <c r="F28" s="213">
        <v>0</v>
      </c>
      <c r="G28" s="221">
        <v>235</v>
      </c>
      <c r="H28" s="221">
        <v>215</v>
      </c>
      <c r="I28" s="221">
        <v>154</v>
      </c>
      <c r="J28" s="221">
        <v>110</v>
      </c>
      <c r="K28" s="221">
        <v>62</v>
      </c>
      <c r="L28" s="222">
        <v>776</v>
      </c>
      <c r="M28" s="223">
        <v>1064</v>
      </c>
      <c r="N28" s="224">
        <v>1</v>
      </c>
      <c r="O28" s="221">
        <v>4</v>
      </c>
      <c r="P28" s="222">
        <v>5</v>
      </c>
      <c r="Q28" s="213">
        <v>0</v>
      </c>
      <c r="R28" s="221">
        <v>8</v>
      </c>
      <c r="S28" s="221">
        <v>4</v>
      </c>
      <c r="T28" s="221">
        <v>1</v>
      </c>
      <c r="U28" s="221">
        <v>2</v>
      </c>
      <c r="V28" s="221">
        <v>3</v>
      </c>
      <c r="W28" s="222">
        <v>18</v>
      </c>
      <c r="X28" s="223">
        <v>23</v>
      </c>
      <c r="Y28" s="220">
        <v>124</v>
      </c>
      <c r="Z28" s="221">
        <v>169</v>
      </c>
      <c r="AA28" s="222">
        <v>293</v>
      </c>
      <c r="AB28" s="213">
        <v>0</v>
      </c>
      <c r="AC28" s="221">
        <v>243</v>
      </c>
      <c r="AD28" s="221">
        <v>219</v>
      </c>
      <c r="AE28" s="221">
        <v>155</v>
      </c>
      <c r="AF28" s="221">
        <v>112</v>
      </c>
      <c r="AG28" s="221">
        <v>65</v>
      </c>
      <c r="AH28" s="222">
        <v>794</v>
      </c>
      <c r="AI28" s="223">
        <v>1087</v>
      </c>
    </row>
    <row r="29" spans="2:35" ht="19.5" customHeight="1" x14ac:dyDescent="0.2">
      <c r="B29" s="49" t="s">
        <v>28</v>
      </c>
      <c r="C29" s="220">
        <v>6</v>
      </c>
      <c r="D29" s="221">
        <v>19</v>
      </c>
      <c r="E29" s="222">
        <v>25</v>
      </c>
      <c r="F29" s="213">
        <v>0</v>
      </c>
      <c r="G29" s="221">
        <v>77</v>
      </c>
      <c r="H29" s="221">
        <v>94</v>
      </c>
      <c r="I29" s="221">
        <v>46</v>
      </c>
      <c r="J29" s="221">
        <v>33</v>
      </c>
      <c r="K29" s="221">
        <v>23</v>
      </c>
      <c r="L29" s="222">
        <v>273</v>
      </c>
      <c r="M29" s="223">
        <v>298</v>
      </c>
      <c r="N29" s="224">
        <v>0</v>
      </c>
      <c r="O29" s="221">
        <v>0</v>
      </c>
      <c r="P29" s="222">
        <v>0</v>
      </c>
      <c r="Q29" s="213">
        <v>0</v>
      </c>
      <c r="R29" s="221">
        <v>0</v>
      </c>
      <c r="S29" s="221">
        <v>1</v>
      </c>
      <c r="T29" s="221">
        <v>0</v>
      </c>
      <c r="U29" s="221">
        <v>1</v>
      </c>
      <c r="V29" s="221">
        <v>3</v>
      </c>
      <c r="W29" s="222">
        <v>5</v>
      </c>
      <c r="X29" s="223">
        <v>5</v>
      </c>
      <c r="Y29" s="220">
        <v>6</v>
      </c>
      <c r="Z29" s="221">
        <v>19</v>
      </c>
      <c r="AA29" s="222">
        <v>25</v>
      </c>
      <c r="AB29" s="213">
        <v>0</v>
      </c>
      <c r="AC29" s="221">
        <v>77</v>
      </c>
      <c r="AD29" s="221">
        <v>95</v>
      </c>
      <c r="AE29" s="221">
        <v>46</v>
      </c>
      <c r="AF29" s="221">
        <v>34</v>
      </c>
      <c r="AG29" s="221">
        <v>26</v>
      </c>
      <c r="AH29" s="222">
        <v>278</v>
      </c>
      <c r="AI29" s="223">
        <v>303</v>
      </c>
    </row>
    <row r="30" spans="2:35" ht="19.5" customHeight="1" x14ac:dyDescent="0.2">
      <c r="B30" s="49" t="s">
        <v>29</v>
      </c>
      <c r="C30" s="220">
        <v>26</v>
      </c>
      <c r="D30" s="221">
        <v>37</v>
      </c>
      <c r="E30" s="222">
        <v>63</v>
      </c>
      <c r="F30" s="213">
        <v>0</v>
      </c>
      <c r="G30" s="221">
        <v>87</v>
      </c>
      <c r="H30" s="221">
        <v>105</v>
      </c>
      <c r="I30" s="221">
        <v>50</v>
      </c>
      <c r="J30" s="221">
        <v>49</v>
      </c>
      <c r="K30" s="221">
        <v>30</v>
      </c>
      <c r="L30" s="222">
        <v>321</v>
      </c>
      <c r="M30" s="223">
        <v>384</v>
      </c>
      <c r="N30" s="224">
        <v>1</v>
      </c>
      <c r="O30" s="221">
        <v>2</v>
      </c>
      <c r="P30" s="222">
        <v>3</v>
      </c>
      <c r="Q30" s="213">
        <v>0</v>
      </c>
      <c r="R30" s="221">
        <v>2</v>
      </c>
      <c r="S30" s="221">
        <v>3</v>
      </c>
      <c r="T30" s="221">
        <v>2</v>
      </c>
      <c r="U30" s="221">
        <v>1</v>
      </c>
      <c r="V30" s="221">
        <v>0</v>
      </c>
      <c r="W30" s="222">
        <v>8</v>
      </c>
      <c r="X30" s="223">
        <v>11</v>
      </c>
      <c r="Y30" s="220">
        <v>27</v>
      </c>
      <c r="Z30" s="221">
        <v>39</v>
      </c>
      <c r="AA30" s="222">
        <v>66</v>
      </c>
      <c r="AB30" s="213">
        <v>0</v>
      </c>
      <c r="AC30" s="221">
        <v>89</v>
      </c>
      <c r="AD30" s="221">
        <v>108</v>
      </c>
      <c r="AE30" s="221">
        <v>52</v>
      </c>
      <c r="AF30" s="221">
        <v>50</v>
      </c>
      <c r="AG30" s="221">
        <v>30</v>
      </c>
      <c r="AH30" s="222">
        <v>329</v>
      </c>
      <c r="AI30" s="223">
        <v>395</v>
      </c>
    </row>
    <row r="31" spans="2:35" ht="19.5" customHeight="1" x14ac:dyDescent="0.2">
      <c r="B31" s="49" t="s">
        <v>30</v>
      </c>
      <c r="C31" s="220">
        <v>30</v>
      </c>
      <c r="D31" s="221">
        <v>31</v>
      </c>
      <c r="E31" s="222">
        <v>61</v>
      </c>
      <c r="F31" s="213">
        <v>0</v>
      </c>
      <c r="G31" s="221">
        <v>106</v>
      </c>
      <c r="H31" s="221">
        <v>87</v>
      </c>
      <c r="I31" s="221">
        <v>62</v>
      </c>
      <c r="J31" s="221">
        <v>51</v>
      </c>
      <c r="K31" s="221">
        <v>22</v>
      </c>
      <c r="L31" s="222">
        <v>328</v>
      </c>
      <c r="M31" s="223">
        <v>389</v>
      </c>
      <c r="N31" s="224">
        <v>0</v>
      </c>
      <c r="O31" s="221">
        <v>0</v>
      </c>
      <c r="P31" s="222">
        <v>0</v>
      </c>
      <c r="Q31" s="213">
        <v>0</v>
      </c>
      <c r="R31" s="221">
        <v>1</v>
      </c>
      <c r="S31" s="221">
        <v>0</v>
      </c>
      <c r="T31" s="221">
        <v>1</v>
      </c>
      <c r="U31" s="221">
        <v>2</v>
      </c>
      <c r="V31" s="221">
        <v>1</v>
      </c>
      <c r="W31" s="222">
        <v>5</v>
      </c>
      <c r="X31" s="223">
        <v>5</v>
      </c>
      <c r="Y31" s="220">
        <v>30</v>
      </c>
      <c r="Z31" s="221">
        <v>31</v>
      </c>
      <c r="AA31" s="222">
        <v>61</v>
      </c>
      <c r="AB31" s="213">
        <v>0</v>
      </c>
      <c r="AC31" s="221">
        <v>107</v>
      </c>
      <c r="AD31" s="221">
        <v>87</v>
      </c>
      <c r="AE31" s="221">
        <v>63</v>
      </c>
      <c r="AF31" s="221">
        <v>53</v>
      </c>
      <c r="AG31" s="221">
        <v>23</v>
      </c>
      <c r="AH31" s="222">
        <v>333</v>
      </c>
      <c r="AI31" s="223">
        <v>394</v>
      </c>
    </row>
    <row r="32" spans="2:35" ht="19.5" customHeight="1" x14ac:dyDescent="0.2">
      <c r="B32" s="49" t="s">
        <v>31</v>
      </c>
      <c r="C32" s="220">
        <v>24</v>
      </c>
      <c r="D32" s="221">
        <v>55</v>
      </c>
      <c r="E32" s="222">
        <v>79</v>
      </c>
      <c r="F32" s="213">
        <v>0</v>
      </c>
      <c r="G32" s="221">
        <v>109</v>
      </c>
      <c r="H32" s="221">
        <v>107</v>
      </c>
      <c r="I32" s="221">
        <v>64</v>
      </c>
      <c r="J32" s="221">
        <v>28</v>
      </c>
      <c r="K32" s="221">
        <v>15</v>
      </c>
      <c r="L32" s="222">
        <v>323</v>
      </c>
      <c r="M32" s="223">
        <v>402</v>
      </c>
      <c r="N32" s="224">
        <v>0</v>
      </c>
      <c r="O32" s="221">
        <v>0</v>
      </c>
      <c r="P32" s="222">
        <v>0</v>
      </c>
      <c r="Q32" s="213">
        <v>0</v>
      </c>
      <c r="R32" s="221">
        <v>3</v>
      </c>
      <c r="S32" s="221">
        <v>1</v>
      </c>
      <c r="T32" s="221">
        <v>1</v>
      </c>
      <c r="U32" s="221">
        <v>1</v>
      </c>
      <c r="V32" s="221">
        <v>2</v>
      </c>
      <c r="W32" s="222">
        <v>8</v>
      </c>
      <c r="X32" s="223">
        <v>8</v>
      </c>
      <c r="Y32" s="220">
        <v>24</v>
      </c>
      <c r="Z32" s="221">
        <v>55</v>
      </c>
      <c r="AA32" s="222">
        <v>79</v>
      </c>
      <c r="AB32" s="213">
        <v>0</v>
      </c>
      <c r="AC32" s="221">
        <v>112</v>
      </c>
      <c r="AD32" s="221">
        <v>108</v>
      </c>
      <c r="AE32" s="221">
        <v>65</v>
      </c>
      <c r="AF32" s="221">
        <v>29</v>
      </c>
      <c r="AG32" s="221">
        <v>17</v>
      </c>
      <c r="AH32" s="222">
        <v>331</v>
      </c>
      <c r="AI32" s="223">
        <v>410</v>
      </c>
    </row>
    <row r="33" spans="2:35" ht="19.5" customHeight="1" x14ac:dyDescent="0.2">
      <c r="B33" s="49" t="s">
        <v>32</v>
      </c>
      <c r="C33" s="220">
        <v>35</v>
      </c>
      <c r="D33" s="221">
        <v>45</v>
      </c>
      <c r="E33" s="222">
        <v>80</v>
      </c>
      <c r="F33" s="213">
        <v>0</v>
      </c>
      <c r="G33" s="221">
        <v>145</v>
      </c>
      <c r="H33" s="221">
        <v>114</v>
      </c>
      <c r="I33" s="221">
        <v>70</v>
      </c>
      <c r="J33" s="221">
        <v>52</v>
      </c>
      <c r="K33" s="221">
        <v>27</v>
      </c>
      <c r="L33" s="222">
        <v>408</v>
      </c>
      <c r="M33" s="223">
        <v>488</v>
      </c>
      <c r="N33" s="224">
        <v>0</v>
      </c>
      <c r="O33" s="221">
        <v>1</v>
      </c>
      <c r="P33" s="222">
        <v>1</v>
      </c>
      <c r="Q33" s="213">
        <v>0</v>
      </c>
      <c r="R33" s="221">
        <v>7</v>
      </c>
      <c r="S33" s="221">
        <v>7</v>
      </c>
      <c r="T33" s="221">
        <v>0</v>
      </c>
      <c r="U33" s="221">
        <v>4</v>
      </c>
      <c r="V33" s="221">
        <v>2</v>
      </c>
      <c r="W33" s="222">
        <v>20</v>
      </c>
      <c r="X33" s="223">
        <v>21</v>
      </c>
      <c r="Y33" s="220">
        <v>35</v>
      </c>
      <c r="Z33" s="221">
        <v>46</v>
      </c>
      <c r="AA33" s="222">
        <v>81</v>
      </c>
      <c r="AB33" s="213">
        <v>0</v>
      </c>
      <c r="AC33" s="221">
        <v>152</v>
      </c>
      <c r="AD33" s="221">
        <v>121</v>
      </c>
      <c r="AE33" s="221">
        <v>70</v>
      </c>
      <c r="AF33" s="221">
        <v>56</v>
      </c>
      <c r="AG33" s="221">
        <v>29</v>
      </c>
      <c r="AH33" s="222">
        <v>428</v>
      </c>
      <c r="AI33" s="223">
        <v>509</v>
      </c>
    </row>
    <row r="34" spans="2:35" ht="19.5" customHeight="1" x14ac:dyDescent="0.2">
      <c r="B34" s="49" t="s">
        <v>33</v>
      </c>
      <c r="C34" s="220">
        <v>47</v>
      </c>
      <c r="D34" s="221">
        <v>63</v>
      </c>
      <c r="E34" s="222">
        <v>110</v>
      </c>
      <c r="F34" s="213">
        <v>0</v>
      </c>
      <c r="G34" s="221">
        <v>125</v>
      </c>
      <c r="H34" s="221">
        <v>91</v>
      </c>
      <c r="I34" s="221">
        <v>46</v>
      </c>
      <c r="J34" s="221">
        <v>36</v>
      </c>
      <c r="K34" s="221">
        <v>23</v>
      </c>
      <c r="L34" s="222">
        <v>321</v>
      </c>
      <c r="M34" s="223">
        <v>431</v>
      </c>
      <c r="N34" s="224">
        <v>0</v>
      </c>
      <c r="O34" s="221">
        <v>0</v>
      </c>
      <c r="P34" s="222">
        <v>0</v>
      </c>
      <c r="Q34" s="213">
        <v>0</v>
      </c>
      <c r="R34" s="221">
        <v>3</v>
      </c>
      <c r="S34" s="221">
        <v>1</v>
      </c>
      <c r="T34" s="221">
        <v>0</v>
      </c>
      <c r="U34" s="221">
        <v>1</v>
      </c>
      <c r="V34" s="221">
        <v>1</v>
      </c>
      <c r="W34" s="222">
        <v>6</v>
      </c>
      <c r="X34" s="223">
        <v>6</v>
      </c>
      <c r="Y34" s="220">
        <v>47</v>
      </c>
      <c r="Z34" s="221">
        <v>63</v>
      </c>
      <c r="AA34" s="222">
        <v>110</v>
      </c>
      <c r="AB34" s="213">
        <v>0</v>
      </c>
      <c r="AC34" s="221">
        <v>128</v>
      </c>
      <c r="AD34" s="221">
        <v>92</v>
      </c>
      <c r="AE34" s="221">
        <v>46</v>
      </c>
      <c r="AF34" s="221">
        <v>37</v>
      </c>
      <c r="AG34" s="221">
        <v>24</v>
      </c>
      <c r="AH34" s="222">
        <v>327</v>
      </c>
      <c r="AI34" s="223">
        <v>437</v>
      </c>
    </row>
    <row r="35" spans="2:35" ht="19.5" customHeight="1" x14ac:dyDescent="0.2">
      <c r="B35" s="49" t="s">
        <v>34</v>
      </c>
      <c r="C35" s="220">
        <v>17</v>
      </c>
      <c r="D35" s="221">
        <v>28</v>
      </c>
      <c r="E35" s="222">
        <v>45</v>
      </c>
      <c r="F35" s="213">
        <v>0</v>
      </c>
      <c r="G35" s="221">
        <v>98</v>
      </c>
      <c r="H35" s="221">
        <v>68</v>
      </c>
      <c r="I35" s="221">
        <v>41</v>
      </c>
      <c r="J35" s="221">
        <v>32</v>
      </c>
      <c r="K35" s="221">
        <v>13</v>
      </c>
      <c r="L35" s="222">
        <v>252</v>
      </c>
      <c r="M35" s="223">
        <v>297</v>
      </c>
      <c r="N35" s="224">
        <v>0</v>
      </c>
      <c r="O35" s="221">
        <v>0</v>
      </c>
      <c r="P35" s="222">
        <v>0</v>
      </c>
      <c r="Q35" s="213">
        <v>0</v>
      </c>
      <c r="R35" s="221">
        <v>3</v>
      </c>
      <c r="S35" s="221">
        <v>1</v>
      </c>
      <c r="T35" s="221">
        <v>2</v>
      </c>
      <c r="U35" s="221">
        <v>1</v>
      </c>
      <c r="V35" s="221">
        <v>1</v>
      </c>
      <c r="W35" s="222">
        <v>8</v>
      </c>
      <c r="X35" s="223">
        <v>8</v>
      </c>
      <c r="Y35" s="220">
        <v>17</v>
      </c>
      <c r="Z35" s="221">
        <v>28</v>
      </c>
      <c r="AA35" s="222">
        <v>45</v>
      </c>
      <c r="AB35" s="213">
        <v>0</v>
      </c>
      <c r="AC35" s="221">
        <v>101</v>
      </c>
      <c r="AD35" s="221">
        <v>69</v>
      </c>
      <c r="AE35" s="221">
        <v>43</v>
      </c>
      <c r="AF35" s="221">
        <v>33</v>
      </c>
      <c r="AG35" s="221">
        <v>14</v>
      </c>
      <c r="AH35" s="222">
        <v>260</v>
      </c>
      <c r="AI35" s="223">
        <v>305</v>
      </c>
    </row>
    <row r="36" spans="2:35" ht="19.5" customHeight="1" x14ac:dyDescent="0.2">
      <c r="B36" s="49" t="s">
        <v>35</v>
      </c>
      <c r="C36" s="220">
        <v>69</v>
      </c>
      <c r="D36" s="221">
        <v>100</v>
      </c>
      <c r="E36" s="222">
        <v>169</v>
      </c>
      <c r="F36" s="213">
        <v>0</v>
      </c>
      <c r="G36" s="221">
        <v>348</v>
      </c>
      <c r="H36" s="221">
        <v>238</v>
      </c>
      <c r="I36" s="221">
        <v>142</v>
      </c>
      <c r="J36" s="221">
        <v>116</v>
      </c>
      <c r="K36" s="221">
        <v>48</v>
      </c>
      <c r="L36" s="222">
        <v>892</v>
      </c>
      <c r="M36" s="223">
        <v>1061</v>
      </c>
      <c r="N36" s="224">
        <v>1</v>
      </c>
      <c r="O36" s="221">
        <v>1</v>
      </c>
      <c r="P36" s="222">
        <v>2</v>
      </c>
      <c r="Q36" s="213">
        <v>0</v>
      </c>
      <c r="R36" s="221">
        <v>3</v>
      </c>
      <c r="S36" s="221">
        <v>7</v>
      </c>
      <c r="T36" s="221">
        <v>1</v>
      </c>
      <c r="U36" s="221">
        <v>0</v>
      </c>
      <c r="V36" s="221">
        <v>1</v>
      </c>
      <c r="W36" s="222">
        <v>12</v>
      </c>
      <c r="X36" s="223">
        <v>14</v>
      </c>
      <c r="Y36" s="220">
        <v>70</v>
      </c>
      <c r="Z36" s="221">
        <v>101</v>
      </c>
      <c r="AA36" s="222">
        <v>171</v>
      </c>
      <c r="AB36" s="213">
        <v>0</v>
      </c>
      <c r="AC36" s="221">
        <v>351</v>
      </c>
      <c r="AD36" s="221">
        <v>245</v>
      </c>
      <c r="AE36" s="221">
        <v>143</v>
      </c>
      <c r="AF36" s="221">
        <v>116</v>
      </c>
      <c r="AG36" s="221">
        <v>49</v>
      </c>
      <c r="AH36" s="222">
        <v>904</v>
      </c>
      <c r="AI36" s="223">
        <v>1075</v>
      </c>
    </row>
    <row r="37" spans="2:35" ht="19.5" customHeight="1" x14ac:dyDescent="0.2">
      <c r="B37" s="49" t="s">
        <v>36</v>
      </c>
      <c r="C37" s="220">
        <v>49</v>
      </c>
      <c r="D37" s="221">
        <v>125</v>
      </c>
      <c r="E37" s="222">
        <v>174</v>
      </c>
      <c r="F37" s="213">
        <v>0</v>
      </c>
      <c r="G37" s="221">
        <v>285</v>
      </c>
      <c r="H37" s="221">
        <v>243</v>
      </c>
      <c r="I37" s="221">
        <v>174</v>
      </c>
      <c r="J37" s="221">
        <v>103</v>
      </c>
      <c r="K37" s="221">
        <v>67</v>
      </c>
      <c r="L37" s="222">
        <v>872</v>
      </c>
      <c r="M37" s="223">
        <v>1046</v>
      </c>
      <c r="N37" s="224">
        <v>1</v>
      </c>
      <c r="O37" s="221">
        <v>4</v>
      </c>
      <c r="P37" s="222">
        <v>5</v>
      </c>
      <c r="Q37" s="213">
        <v>0</v>
      </c>
      <c r="R37" s="221">
        <v>4</v>
      </c>
      <c r="S37" s="221">
        <v>9</v>
      </c>
      <c r="T37" s="221">
        <v>5</v>
      </c>
      <c r="U37" s="221">
        <v>1</v>
      </c>
      <c r="V37" s="221">
        <v>1</v>
      </c>
      <c r="W37" s="222">
        <v>20</v>
      </c>
      <c r="X37" s="223">
        <v>25</v>
      </c>
      <c r="Y37" s="220">
        <v>50</v>
      </c>
      <c r="Z37" s="221">
        <v>129</v>
      </c>
      <c r="AA37" s="222">
        <v>179</v>
      </c>
      <c r="AB37" s="213">
        <v>0</v>
      </c>
      <c r="AC37" s="221">
        <v>289</v>
      </c>
      <c r="AD37" s="221">
        <v>252</v>
      </c>
      <c r="AE37" s="221">
        <v>179</v>
      </c>
      <c r="AF37" s="221">
        <v>104</v>
      </c>
      <c r="AG37" s="221">
        <v>68</v>
      </c>
      <c r="AH37" s="222">
        <v>892</v>
      </c>
      <c r="AI37" s="223">
        <v>1071</v>
      </c>
    </row>
    <row r="38" spans="2:35" ht="19.5" customHeight="1" thickBot="1" x14ac:dyDescent="0.25">
      <c r="B38" s="50" t="s">
        <v>37</v>
      </c>
      <c r="C38" s="225">
        <v>12</v>
      </c>
      <c r="D38" s="226">
        <v>5</v>
      </c>
      <c r="E38" s="227">
        <v>17</v>
      </c>
      <c r="F38" s="214">
        <v>0</v>
      </c>
      <c r="G38" s="226">
        <v>37</v>
      </c>
      <c r="H38" s="226">
        <v>18</v>
      </c>
      <c r="I38" s="226">
        <v>21</v>
      </c>
      <c r="J38" s="226">
        <v>7</v>
      </c>
      <c r="K38" s="226">
        <v>5</v>
      </c>
      <c r="L38" s="227">
        <v>88</v>
      </c>
      <c r="M38" s="228">
        <v>105</v>
      </c>
      <c r="N38" s="229">
        <v>0</v>
      </c>
      <c r="O38" s="226">
        <v>0</v>
      </c>
      <c r="P38" s="227">
        <v>0</v>
      </c>
      <c r="Q38" s="214">
        <v>0</v>
      </c>
      <c r="R38" s="226">
        <v>0</v>
      </c>
      <c r="S38" s="226">
        <v>1</v>
      </c>
      <c r="T38" s="226">
        <v>2</v>
      </c>
      <c r="U38" s="226">
        <v>1</v>
      </c>
      <c r="V38" s="226">
        <v>0</v>
      </c>
      <c r="W38" s="227">
        <v>4</v>
      </c>
      <c r="X38" s="228">
        <v>4</v>
      </c>
      <c r="Y38" s="225">
        <v>12</v>
      </c>
      <c r="Z38" s="226">
        <v>5</v>
      </c>
      <c r="AA38" s="227">
        <v>17</v>
      </c>
      <c r="AB38" s="214">
        <v>0</v>
      </c>
      <c r="AC38" s="226">
        <v>37</v>
      </c>
      <c r="AD38" s="226">
        <v>19</v>
      </c>
      <c r="AE38" s="226">
        <v>23</v>
      </c>
      <c r="AF38" s="226">
        <v>8</v>
      </c>
      <c r="AG38" s="226">
        <v>5</v>
      </c>
      <c r="AH38" s="227">
        <v>92</v>
      </c>
      <c r="AI38" s="228">
        <v>109</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10.21875" style="256" customWidth="1"/>
    <col min="8" max="8" width="10.4414062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21875" style="256" customWidth="1"/>
    <col min="51" max="60" width="9" style="256"/>
    <col min="61" max="61" width="7.2187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04" width="9" style="256"/>
    <col min="105" max="105" width="7.44140625" style="256" customWidth="1"/>
    <col min="106" max="115" width="9" style="256"/>
    <col min="116" max="116" width="7.44140625" style="256" customWidth="1"/>
    <col min="117" max="126" width="9" style="256"/>
    <col min="127" max="127" width="7.44140625" style="256" customWidth="1"/>
    <col min="128" max="137" width="9" style="256"/>
    <col min="138" max="138" width="7.33203125" style="256" customWidth="1"/>
    <col min="139" max="148" width="9" style="256"/>
    <col min="149" max="149" width="7.77734375" style="256" customWidth="1"/>
    <col min="150" max="16384" width="9" style="256"/>
  </cols>
  <sheetData>
    <row r="1" spans="2:156" ht="24" customHeight="1" x14ac:dyDescent="0.2">
      <c r="B1" s="291" t="s">
        <v>122</v>
      </c>
      <c r="I1" s="528">
        <f>第１表!F2</f>
        <v>4</v>
      </c>
      <c r="J1" s="528"/>
      <c r="K1" s="248">
        <f>第１表!G2</f>
        <v>7</v>
      </c>
      <c r="L1" s="529">
        <f>IF(K1&lt;3,K1+12-2,K1-2)</f>
        <v>5</v>
      </c>
      <c r="M1" s="529"/>
    </row>
    <row r="2" spans="2:156" ht="24" customHeight="1" thickBot="1" x14ac:dyDescent="0.25">
      <c r="B2" s="291" t="s">
        <v>138</v>
      </c>
      <c r="G2" s="247"/>
      <c r="H2" s="248"/>
      <c r="J2" s="255"/>
      <c r="K2" s="255"/>
    </row>
    <row r="3" spans="2:156" ht="23.25" customHeight="1" thickBot="1" x14ac:dyDescent="0.25">
      <c r="B3" s="542"/>
      <c r="C3" s="533" t="s">
        <v>70</v>
      </c>
      <c r="D3" s="534"/>
      <c r="E3" s="534"/>
      <c r="F3" s="534"/>
      <c r="G3" s="534"/>
      <c r="H3" s="534"/>
      <c r="I3" s="534"/>
      <c r="J3" s="534"/>
      <c r="K3" s="534"/>
      <c r="L3" s="534"/>
      <c r="M3" s="535"/>
      <c r="N3" s="533" t="s">
        <v>71</v>
      </c>
      <c r="O3" s="534"/>
      <c r="P3" s="534"/>
      <c r="Q3" s="534"/>
      <c r="R3" s="534"/>
      <c r="S3" s="534"/>
      <c r="T3" s="534"/>
      <c r="U3" s="534"/>
      <c r="V3" s="534"/>
      <c r="W3" s="534"/>
      <c r="X3" s="535"/>
      <c r="Y3" s="533" t="s">
        <v>72</v>
      </c>
      <c r="Z3" s="534"/>
      <c r="AA3" s="534"/>
      <c r="AB3" s="534"/>
      <c r="AC3" s="534"/>
      <c r="AD3" s="534"/>
      <c r="AE3" s="534"/>
      <c r="AF3" s="534"/>
      <c r="AG3" s="534"/>
      <c r="AH3" s="534"/>
      <c r="AI3" s="535"/>
      <c r="AJ3" s="533" t="s">
        <v>73</v>
      </c>
      <c r="AK3" s="534"/>
      <c r="AL3" s="534"/>
      <c r="AM3" s="534"/>
      <c r="AN3" s="534"/>
      <c r="AO3" s="534"/>
      <c r="AP3" s="534"/>
      <c r="AQ3" s="534"/>
      <c r="AR3" s="534"/>
      <c r="AS3" s="534"/>
      <c r="AT3" s="535"/>
      <c r="AU3" s="533" t="s">
        <v>74</v>
      </c>
      <c r="AV3" s="534"/>
      <c r="AW3" s="534"/>
      <c r="AX3" s="534"/>
      <c r="AY3" s="534"/>
      <c r="AZ3" s="534"/>
      <c r="BA3" s="534"/>
      <c r="BB3" s="534"/>
      <c r="BC3" s="534"/>
      <c r="BD3" s="534"/>
      <c r="BE3" s="535"/>
      <c r="BF3" s="533" t="s">
        <v>75</v>
      </c>
      <c r="BG3" s="534"/>
      <c r="BH3" s="534"/>
      <c r="BI3" s="534"/>
      <c r="BJ3" s="534"/>
      <c r="BK3" s="534"/>
      <c r="BL3" s="534"/>
      <c r="BM3" s="534"/>
      <c r="BN3" s="534"/>
      <c r="BO3" s="534"/>
      <c r="BP3" s="535"/>
      <c r="BQ3" s="533" t="s">
        <v>76</v>
      </c>
      <c r="BR3" s="534"/>
      <c r="BS3" s="534"/>
      <c r="BT3" s="534"/>
      <c r="BU3" s="534"/>
      <c r="BV3" s="534"/>
      <c r="BW3" s="534"/>
      <c r="BX3" s="534"/>
      <c r="BY3" s="534"/>
      <c r="BZ3" s="534"/>
      <c r="CA3" s="535"/>
      <c r="CB3" s="533" t="s">
        <v>77</v>
      </c>
      <c r="CC3" s="534"/>
      <c r="CD3" s="534"/>
      <c r="CE3" s="534"/>
      <c r="CF3" s="534"/>
      <c r="CG3" s="534"/>
      <c r="CH3" s="534"/>
      <c r="CI3" s="534"/>
      <c r="CJ3" s="534"/>
      <c r="CK3" s="534"/>
      <c r="CL3" s="535"/>
      <c r="CM3" s="533" t="s">
        <v>78</v>
      </c>
      <c r="CN3" s="534"/>
      <c r="CO3" s="534"/>
      <c r="CP3" s="534"/>
      <c r="CQ3" s="534"/>
      <c r="CR3" s="534"/>
      <c r="CS3" s="534"/>
      <c r="CT3" s="534"/>
      <c r="CU3" s="534"/>
      <c r="CV3" s="534"/>
      <c r="CW3" s="535"/>
      <c r="CX3" s="533" t="s">
        <v>79</v>
      </c>
      <c r="CY3" s="534"/>
      <c r="CZ3" s="534"/>
      <c r="DA3" s="534"/>
      <c r="DB3" s="534"/>
      <c r="DC3" s="534"/>
      <c r="DD3" s="534"/>
      <c r="DE3" s="534"/>
      <c r="DF3" s="534"/>
      <c r="DG3" s="534"/>
      <c r="DH3" s="535"/>
      <c r="DI3" s="533" t="s">
        <v>152</v>
      </c>
      <c r="DJ3" s="534"/>
      <c r="DK3" s="534"/>
      <c r="DL3" s="534"/>
      <c r="DM3" s="534"/>
      <c r="DN3" s="534"/>
      <c r="DO3" s="534"/>
      <c r="DP3" s="534"/>
      <c r="DQ3" s="534"/>
      <c r="DR3" s="534"/>
      <c r="DS3" s="535"/>
      <c r="DT3" s="533" t="s">
        <v>80</v>
      </c>
      <c r="DU3" s="534"/>
      <c r="DV3" s="534"/>
      <c r="DW3" s="534"/>
      <c r="DX3" s="534"/>
      <c r="DY3" s="534"/>
      <c r="DZ3" s="534"/>
      <c r="EA3" s="534"/>
      <c r="EB3" s="534"/>
      <c r="EC3" s="534"/>
      <c r="ED3" s="535"/>
      <c r="EE3" s="533" t="s">
        <v>68</v>
      </c>
      <c r="EF3" s="534"/>
      <c r="EG3" s="534"/>
      <c r="EH3" s="534"/>
      <c r="EI3" s="534"/>
      <c r="EJ3" s="534"/>
      <c r="EK3" s="534"/>
      <c r="EL3" s="534"/>
      <c r="EM3" s="534"/>
      <c r="EN3" s="534"/>
      <c r="EO3" s="535"/>
      <c r="EP3" s="530" t="s">
        <v>69</v>
      </c>
      <c r="EQ3" s="531"/>
      <c r="ER3" s="531"/>
      <c r="ES3" s="531"/>
      <c r="ET3" s="531"/>
      <c r="EU3" s="531"/>
      <c r="EV3" s="531"/>
      <c r="EW3" s="531"/>
      <c r="EX3" s="531"/>
      <c r="EY3" s="531"/>
      <c r="EZ3" s="532"/>
    </row>
    <row r="4" spans="2:156"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38"/>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c r="DI4" s="541" t="s">
        <v>61</v>
      </c>
      <c r="DJ4" s="537"/>
      <c r="DK4" s="538"/>
      <c r="DL4" s="536" t="s">
        <v>62</v>
      </c>
      <c r="DM4" s="537"/>
      <c r="DN4" s="537"/>
      <c r="DO4" s="537"/>
      <c r="DP4" s="537"/>
      <c r="DQ4" s="537"/>
      <c r="DR4" s="538"/>
      <c r="DS4" s="539" t="s">
        <v>52</v>
      </c>
      <c r="DT4" s="541" t="s">
        <v>61</v>
      </c>
      <c r="DU4" s="537"/>
      <c r="DV4" s="538"/>
      <c r="DW4" s="536" t="s">
        <v>62</v>
      </c>
      <c r="DX4" s="537"/>
      <c r="DY4" s="537"/>
      <c r="DZ4" s="537"/>
      <c r="EA4" s="537"/>
      <c r="EB4" s="537"/>
      <c r="EC4" s="538"/>
      <c r="ED4" s="539" t="s">
        <v>52</v>
      </c>
      <c r="EE4" s="541" t="s">
        <v>61</v>
      </c>
      <c r="EF4" s="537"/>
      <c r="EG4" s="538"/>
      <c r="EH4" s="536" t="s">
        <v>62</v>
      </c>
      <c r="EI4" s="537"/>
      <c r="EJ4" s="537"/>
      <c r="EK4" s="537"/>
      <c r="EL4" s="537"/>
      <c r="EM4" s="537"/>
      <c r="EN4" s="538"/>
      <c r="EO4" s="539" t="s">
        <v>52</v>
      </c>
      <c r="EP4" s="541" t="s">
        <v>61</v>
      </c>
      <c r="EQ4" s="537"/>
      <c r="ER4" s="538"/>
      <c r="ES4" s="536" t="s">
        <v>62</v>
      </c>
      <c r="ET4" s="537"/>
      <c r="EU4" s="537"/>
      <c r="EV4" s="537"/>
      <c r="EW4" s="537"/>
      <c r="EX4" s="537"/>
      <c r="EY4" s="538"/>
      <c r="EZ4" s="539" t="s">
        <v>52</v>
      </c>
    </row>
    <row r="5" spans="2:156" ht="34.5" customHeight="1" thickBot="1" x14ac:dyDescent="0.25">
      <c r="B5" s="544"/>
      <c r="C5" s="264" t="s">
        <v>43</v>
      </c>
      <c r="D5" s="260" t="s">
        <v>44</v>
      </c>
      <c r="E5" s="383" t="s">
        <v>45</v>
      </c>
      <c r="F5" s="268" t="s">
        <v>83</v>
      </c>
      <c r="G5" s="260" t="s">
        <v>47</v>
      </c>
      <c r="H5" s="260" t="s">
        <v>48</v>
      </c>
      <c r="I5" s="260" t="s">
        <v>49</v>
      </c>
      <c r="J5" s="260" t="s">
        <v>50</v>
      </c>
      <c r="K5" s="260" t="s">
        <v>51</v>
      </c>
      <c r="L5" s="269" t="s">
        <v>45</v>
      </c>
      <c r="M5" s="540"/>
      <c r="N5" s="264" t="s">
        <v>43</v>
      </c>
      <c r="O5" s="260" t="s">
        <v>44</v>
      </c>
      <c r="P5" s="266" t="s">
        <v>45</v>
      </c>
      <c r="Q5" s="268" t="s">
        <v>83</v>
      </c>
      <c r="R5" s="260" t="s">
        <v>47</v>
      </c>
      <c r="S5" s="260" t="s">
        <v>48</v>
      </c>
      <c r="T5" s="260" t="s">
        <v>49</v>
      </c>
      <c r="U5" s="260" t="s">
        <v>50</v>
      </c>
      <c r="V5" s="260" t="s">
        <v>51</v>
      </c>
      <c r="W5" s="266" t="s">
        <v>45</v>
      </c>
      <c r="X5" s="540"/>
      <c r="Y5" s="264" t="s">
        <v>43</v>
      </c>
      <c r="Z5" s="260" t="s">
        <v>44</v>
      </c>
      <c r="AA5" s="266" t="s">
        <v>45</v>
      </c>
      <c r="AB5" s="268" t="s">
        <v>83</v>
      </c>
      <c r="AC5" s="260" t="s">
        <v>47</v>
      </c>
      <c r="AD5" s="260" t="s">
        <v>48</v>
      </c>
      <c r="AE5" s="260" t="s">
        <v>49</v>
      </c>
      <c r="AF5" s="260" t="s">
        <v>50</v>
      </c>
      <c r="AG5" s="260" t="s">
        <v>51</v>
      </c>
      <c r="AH5" s="266" t="s">
        <v>45</v>
      </c>
      <c r="AI5" s="540"/>
      <c r="AJ5" s="264" t="s">
        <v>43</v>
      </c>
      <c r="AK5" s="260" t="s">
        <v>44</v>
      </c>
      <c r="AL5" s="266" t="s">
        <v>45</v>
      </c>
      <c r="AM5" s="268" t="s">
        <v>83</v>
      </c>
      <c r="AN5" s="260" t="s">
        <v>47</v>
      </c>
      <c r="AO5" s="260" t="s">
        <v>48</v>
      </c>
      <c r="AP5" s="260" t="s">
        <v>49</v>
      </c>
      <c r="AQ5" s="260" t="s">
        <v>50</v>
      </c>
      <c r="AR5" s="260" t="s">
        <v>51</v>
      </c>
      <c r="AS5" s="266" t="s">
        <v>45</v>
      </c>
      <c r="AT5" s="540"/>
      <c r="AU5" s="264" t="s">
        <v>43</v>
      </c>
      <c r="AV5" s="260" t="s">
        <v>44</v>
      </c>
      <c r="AW5" s="266" t="s">
        <v>45</v>
      </c>
      <c r="AX5" s="268" t="s">
        <v>83</v>
      </c>
      <c r="AY5" s="260" t="s">
        <v>47</v>
      </c>
      <c r="AZ5" s="260" t="s">
        <v>48</v>
      </c>
      <c r="BA5" s="260" t="s">
        <v>49</v>
      </c>
      <c r="BB5" s="260" t="s">
        <v>50</v>
      </c>
      <c r="BC5" s="260" t="s">
        <v>51</v>
      </c>
      <c r="BD5" s="269" t="s">
        <v>45</v>
      </c>
      <c r="BE5" s="540"/>
      <c r="BF5" s="264" t="s">
        <v>43</v>
      </c>
      <c r="BG5" s="260" t="s">
        <v>44</v>
      </c>
      <c r="BH5" s="266" t="s">
        <v>45</v>
      </c>
      <c r="BI5" s="268" t="s">
        <v>83</v>
      </c>
      <c r="BJ5" s="260" t="s">
        <v>47</v>
      </c>
      <c r="BK5" s="260" t="s">
        <v>48</v>
      </c>
      <c r="BL5" s="260" t="s">
        <v>49</v>
      </c>
      <c r="BM5" s="260" t="s">
        <v>50</v>
      </c>
      <c r="BN5" s="260" t="s">
        <v>51</v>
      </c>
      <c r="BO5" s="266" t="s">
        <v>45</v>
      </c>
      <c r="BP5" s="540"/>
      <c r="BQ5" s="264" t="s">
        <v>43</v>
      </c>
      <c r="BR5" s="260" t="s">
        <v>44</v>
      </c>
      <c r="BS5" s="266" t="s">
        <v>45</v>
      </c>
      <c r="BT5" s="268" t="s">
        <v>83</v>
      </c>
      <c r="BU5" s="260" t="s">
        <v>47</v>
      </c>
      <c r="BV5" s="260" t="s">
        <v>48</v>
      </c>
      <c r="BW5" s="260" t="s">
        <v>49</v>
      </c>
      <c r="BX5" s="260" t="s">
        <v>50</v>
      </c>
      <c r="BY5" s="260" t="s">
        <v>51</v>
      </c>
      <c r="BZ5" s="266" t="s">
        <v>45</v>
      </c>
      <c r="CA5" s="540"/>
      <c r="CB5" s="264" t="s">
        <v>43</v>
      </c>
      <c r="CC5" s="260" t="s">
        <v>44</v>
      </c>
      <c r="CD5" s="266" t="s">
        <v>45</v>
      </c>
      <c r="CE5" s="268" t="s">
        <v>83</v>
      </c>
      <c r="CF5" s="260" t="s">
        <v>47</v>
      </c>
      <c r="CG5" s="260" t="s">
        <v>48</v>
      </c>
      <c r="CH5" s="260" t="s">
        <v>49</v>
      </c>
      <c r="CI5" s="260" t="s">
        <v>50</v>
      </c>
      <c r="CJ5" s="260" t="s">
        <v>51</v>
      </c>
      <c r="CK5" s="266" t="s">
        <v>45</v>
      </c>
      <c r="CL5" s="540"/>
      <c r="CM5" s="264" t="s">
        <v>43</v>
      </c>
      <c r="CN5" s="260" t="s">
        <v>44</v>
      </c>
      <c r="CO5" s="266" t="s">
        <v>45</v>
      </c>
      <c r="CP5" s="268" t="s">
        <v>83</v>
      </c>
      <c r="CQ5" s="260" t="s">
        <v>47</v>
      </c>
      <c r="CR5" s="260" t="s">
        <v>48</v>
      </c>
      <c r="CS5" s="260" t="s">
        <v>49</v>
      </c>
      <c r="CT5" s="260" t="s">
        <v>50</v>
      </c>
      <c r="CU5" s="260" t="s">
        <v>51</v>
      </c>
      <c r="CV5" s="266" t="s">
        <v>45</v>
      </c>
      <c r="CW5" s="540"/>
      <c r="CX5" s="264" t="s">
        <v>43</v>
      </c>
      <c r="CY5" s="260" t="s">
        <v>44</v>
      </c>
      <c r="CZ5" s="266" t="s">
        <v>45</v>
      </c>
      <c r="DA5" s="268" t="s">
        <v>83</v>
      </c>
      <c r="DB5" s="260" t="s">
        <v>47</v>
      </c>
      <c r="DC5" s="260" t="s">
        <v>48</v>
      </c>
      <c r="DD5" s="260" t="s">
        <v>49</v>
      </c>
      <c r="DE5" s="260" t="s">
        <v>50</v>
      </c>
      <c r="DF5" s="260" t="s">
        <v>51</v>
      </c>
      <c r="DG5" s="266" t="s">
        <v>45</v>
      </c>
      <c r="DH5" s="540"/>
      <c r="DI5" s="345" t="s">
        <v>43</v>
      </c>
      <c r="DJ5" s="260" t="s">
        <v>44</v>
      </c>
      <c r="DK5" s="266" t="s">
        <v>45</v>
      </c>
      <c r="DL5" s="268" t="s">
        <v>83</v>
      </c>
      <c r="DM5" s="260" t="s">
        <v>47</v>
      </c>
      <c r="DN5" s="260" t="s">
        <v>48</v>
      </c>
      <c r="DO5" s="260" t="s">
        <v>49</v>
      </c>
      <c r="DP5" s="260" t="s">
        <v>50</v>
      </c>
      <c r="DQ5" s="260" t="s">
        <v>51</v>
      </c>
      <c r="DR5" s="266" t="s">
        <v>45</v>
      </c>
      <c r="DS5" s="540"/>
      <c r="DT5" s="264" t="s">
        <v>43</v>
      </c>
      <c r="DU5" s="260" t="s">
        <v>44</v>
      </c>
      <c r="DV5" s="266" t="s">
        <v>45</v>
      </c>
      <c r="DW5" s="268" t="s">
        <v>83</v>
      </c>
      <c r="DX5" s="260" t="s">
        <v>47</v>
      </c>
      <c r="DY5" s="260" t="s">
        <v>48</v>
      </c>
      <c r="DZ5" s="260" t="s">
        <v>49</v>
      </c>
      <c r="EA5" s="260" t="s">
        <v>50</v>
      </c>
      <c r="EB5" s="260" t="s">
        <v>51</v>
      </c>
      <c r="EC5" s="266" t="s">
        <v>45</v>
      </c>
      <c r="ED5" s="540"/>
      <c r="EE5" s="264" t="s">
        <v>43</v>
      </c>
      <c r="EF5" s="260" t="s">
        <v>44</v>
      </c>
      <c r="EG5" s="266" t="s">
        <v>45</v>
      </c>
      <c r="EH5" s="268" t="s">
        <v>83</v>
      </c>
      <c r="EI5" s="260" t="s">
        <v>47</v>
      </c>
      <c r="EJ5" s="260" t="s">
        <v>48</v>
      </c>
      <c r="EK5" s="260" t="s">
        <v>49</v>
      </c>
      <c r="EL5" s="260" t="s">
        <v>50</v>
      </c>
      <c r="EM5" s="260" t="s">
        <v>51</v>
      </c>
      <c r="EN5" s="266" t="s">
        <v>45</v>
      </c>
      <c r="EO5" s="540"/>
      <c r="EP5" s="264" t="s">
        <v>43</v>
      </c>
      <c r="EQ5" s="260" t="s">
        <v>44</v>
      </c>
      <c r="ER5" s="266" t="s">
        <v>45</v>
      </c>
      <c r="ES5" s="268" t="s">
        <v>83</v>
      </c>
      <c r="ET5" s="260" t="s">
        <v>47</v>
      </c>
      <c r="EU5" s="260" t="s">
        <v>48</v>
      </c>
      <c r="EV5" s="260" t="s">
        <v>49</v>
      </c>
      <c r="EW5" s="260" t="s">
        <v>50</v>
      </c>
      <c r="EX5" s="260" t="s">
        <v>51</v>
      </c>
      <c r="EY5" s="266" t="s">
        <v>45</v>
      </c>
      <c r="EZ5" s="540"/>
    </row>
    <row r="6" spans="2:156" ht="19.5" customHeight="1" x14ac:dyDescent="0.2">
      <c r="B6" s="261" t="s">
        <v>4</v>
      </c>
      <c r="C6" s="270">
        <v>1</v>
      </c>
      <c r="D6" s="274">
        <v>0</v>
      </c>
      <c r="E6" s="384">
        <v>1</v>
      </c>
      <c r="F6" s="273">
        <v>0</v>
      </c>
      <c r="G6" s="274">
        <v>19190</v>
      </c>
      <c r="H6" s="274">
        <v>22139</v>
      </c>
      <c r="I6" s="274">
        <v>12041</v>
      </c>
      <c r="J6" s="274">
        <v>9848</v>
      </c>
      <c r="K6" s="274">
        <v>7315</v>
      </c>
      <c r="L6" s="275">
        <v>70533</v>
      </c>
      <c r="M6" s="276">
        <v>70534</v>
      </c>
      <c r="N6" s="270">
        <v>2</v>
      </c>
      <c r="O6" s="274">
        <v>25</v>
      </c>
      <c r="P6" s="271">
        <v>27</v>
      </c>
      <c r="Q6" s="273">
        <v>0</v>
      </c>
      <c r="R6" s="274">
        <v>107</v>
      </c>
      <c r="S6" s="274">
        <v>478</v>
      </c>
      <c r="T6" s="274">
        <v>824</v>
      </c>
      <c r="U6" s="274">
        <v>1961</v>
      </c>
      <c r="V6" s="274">
        <v>3430</v>
      </c>
      <c r="W6" s="271">
        <v>6800</v>
      </c>
      <c r="X6" s="276">
        <v>6827</v>
      </c>
      <c r="Y6" s="270">
        <v>2058</v>
      </c>
      <c r="Z6" s="274">
        <v>4962</v>
      </c>
      <c r="AA6" s="271">
        <v>7020</v>
      </c>
      <c r="AB6" s="273">
        <v>0</v>
      </c>
      <c r="AC6" s="274">
        <v>10864</v>
      </c>
      <c r="AD6" s="274">
        <v>15220</v>
      </c>
      <c r="AE6" s="274">
        <v>9202</v>
      </c>
      <c r="AF6" s="274">
        <v>8372</v>
      </c>
      <c r="AG6" s="274">
        <v>6432</v>
      </c>
      <c r="AH6" s="271">
        <v>50090</v>
      </c>
      <c r="AI6" s="276">
        <v>57110</v>
      </c>
      <c r="AJ6" s="270">
        <v>240</v>
      </c>
      <c r="AK6" s="274">
        <v>695</v>
      </c>
      <c r="AL6" s="271">
        <v>935</v>
      </c>
      <c r="AM6" s="273">
        <v>0</v>
      </c>
      <c r="AN6" s="274">
        <v>1037</v>
      </c>
      <c r="AO6" s="274">
        <v>1672</v>
      </c>
      <c r="AP6" s="274">
        <v>1064</v>
      </c>
      <c r="AQ6" s="274">
        <v>961</v>
      </c>
      <c r="AR6" s="274">
        <v>589</v>
      </c>
      <c r="AS6" s="271">
        <v>5323</v>
      </c>
      <c r="AT6" s="276">
        <v>6258</v>
      </c>
      <c r="AU6" s="270">
        <v>2769</v>
      </c>
      <c r="AV6" s="274">
        <v>3663</v>
      </c>
      <c r="AW6" s="271">
        <v>6432</v>
      </c>
      <c r="AX6" s="273">
        <v>0</v>
      </c>
      <c r="AY6" s="274">
        <v>17518</v>
      </c>
      <c r="AZ6" s="274">
        <v>21354</v>
      </c>
      <c r="BA6" s="274">
        <v>18390</v>
      </c>
      <c r="BB6" s="274">
        <v>18096</v>
      </c>
      <c r="BC6" s="274">
        <v>13704</v>
      </c>
      <c r="BD6" s="275">
        <v>89062</v>
      </c>
      <c r="BE6" s="276">
        <v>95494</v>
      </c>
      <c r="BF6" s="270">
        <v>0</v>
      </c>
      <c r="BG6" s="274">
        <v>0</v>
      </c>
      <c r="BH6" s="271">
        <v>0</v>
      </c>
      <c r="BI6" s="273">
        <v>0</v>
      </c>
      <c r="BJ6" s="274">
        <v>21250</v>
      </c>
      <c r="BK6" s="274">
        <v>19818</v>
      </c>
      <c r="BL6" s="274">
        <v>10759</v>
      </c>
      <c r="BM6" s="274">
        <v>6563</v>
      </c>
      <c r="BN6" s="274">
        <v>3082</v>
      </c>
      <c r="BO6" s="271">
        <v>61472</v>
      </c>
      <c r="BP6" s="276">
        <v>61472</v>
      </c>
      <c r="BQ6" s="270">
        <v>1451</v>
      </c>
      <c r="BR6" s="274">
        <v>2402</v>
      </c>
      <c r="BS6" s="271">
        <v>3853</v>
      </c>
      <c r="BT6" s="273">
        <v>0</v>
      </c>
      <c r="BU6" s="274">
        <v>4227</v>
      </c>
      <c r="BV6" s="274">
        <v>6235</v>
      </c>
      <c r="BW6" s="274">
        <v>3615</v>
      </c>
      <c r="BX6" s="274">
        <v>2349</v>
      </c>
      <c r="BY6" s="274">
        <v>849</v>
      </c>
      <c r="BZ6" s="271">
        <v>17275</v>
      </c>
      <c r="CA6" s="276">
        <v>21128</v>
      </c>
      <c r="CB6" s="270">
        <v>79</v>
      </c>
      <c r="CC6" s="274">
        <v>229</v>
      </c>
      <c r="CD6" s="271">
        <v>308</v>
      </c>
      <c r="CE6" s="273">
        <v>0</v>
      </c>
      <c r="CF6" s="274">
        <v>2171</v>
      </c>
      <c r="CG6" s="274">
        <v>3468</v>
      </c>
      <c r="CH6" s="274">
        <v>4319</v>
      </c>
      <c r="CI6" s="274">
        <v>3188</v>
      </c>
      <c r="CJ6" s="274">
        <v>1712</v>
      </c>
      <c r="CK6" s="271">
        <v>14858</v>
      </c>
      <c r="CL6" s="276">
        <v>15166</v>
      </c>
      <c r="CM6" s="270">
        <v>1</v>
      </c>
      <c r="CN6" s="274">
        <v>18</v>
      </c>
      <c r="CO6" s="271">
        <v>19</v>
      </c>
      <c r="CP6" s="273">
        <v>0</v>
      </c>
      <c r="CQ6" s="274">
        <v>191</v>
      </c>
      <c r="CR6" s="274">
        <v>423</v>
      </c>
      <c r="CS6" s="274">
        <v>551</v>
      </c>
      <c r="CT6" s="274">
        <v>488</v>
      </c>
      <c r="CU6" s="274">
        <v>311</v>
      </c>
      <c r="CV6" s="271">
        <v>1964</v>
      </c>
      <c r="CW6" s="276">
        <v>1983</v>
      </c>
      <c r="CX6" s="270">
        <v>0</v>
      </c>
      <c r="CY6" s="274">
        <v>0</v>
      </c>
      <c r="CZ6" s="271">
        <v>0</v>
      </c>
      <c r="DA6" s="273">
        <v>0</v>
      </c>
      <c r="DB6" s="274">
        <v>0</v>
      </c>
      <c r="DC6" s="274">
        <v>0</v>
      </c>
      <c r="DD6" s="274">
        <v>0</v>
      </c>
      <c r="DE6" s="274">
        <v>0</v>
      </c>
      <c r="DF6" s="274">
        <v>0</v>
      </c>
      <c r="DG6" s="271">
        <v>0</v>
      </c>
      <c r="DH6" s="276">
        <v>0</v>
      </c>
      <c r="DI6" s="270">
        <v>0</v>
      </c>
      <c r="DJ6" s="274">
        <v>0</v>
      </c>
      <c r="DK6" s="271">
        <v>0</v>
      </c>
      <c r="DL6" s="273">
        <v>0</v>
      </c>
      <c r="DM6" s="274">
        <v>0</v>
      </c>
      <c r="DN6" s="274">
        <v>0</v>
      </c>
      <c r="DO6" s="274">
        <v>1</v>
      </c>
      <c r="DP6" s="274">
        <v>0</v>
      </c>
      <c r="DQ6" s="274">
        <v>0</v>
      </c>
      <c r="DR6" s="271">
        <v>1</v>
      </c>
      <c r="DS6" s="276">
        <v>1</v>
      </c>
      <c r="DT6" s="270">
        <v>10360</v>
      </c>
      <c r="DU6" s="274">
        <v>21918</v>
      </c>
      <c r="DV6" s="271">
        <v>32278</v>
      </c>
      <c r="DW6" s="273">
        <v>0</v>
      </c>
      <c r="DX6" s="274">
        <v>26137</v>
      </c>
      <c r="DY6" s="274">
        <v>43733</v>
      </c>
      <c r="DZ6" s="274">
        <v>25796</v>
      </c>
      <c r="EA6" s="274">
        <v>20411</v>
      </c>
      <c r="EB6" s="274">
        <v>12717</v>
      </c>
      <c r="EC6" s="271">
        <v>128794</v>
      </c>
      <c r="ED6" s="276">
        <v>161072</v>
      </c>
      <c r="EE6" s="270">
        <v>1679</v>
      </c>
      <c r="EF6" s="274">
        <v>1302</v>
      </c>
      <c r="EG6" s="271">
        <v>2981</v>
      </c>
      <c r="EH6" s="273">
        <v>0</v>
      </c>
      <c r="EI6" s="274">
        <v>5952</v>
      </c>
      <c r="EJ6" s="274">
        <v>5367</v>
      </c>
      <c r="EK6" s="274">
        <v>4579</v>
      </c>
      <c r="EL6" s="274">
        <v>5166</v>
      </c>
      <c r="EM6" s="274">
        <v>3007</v>
      </c>
      <c r="EN6" s="271">
        <v>24071</v>
      </c>
      <c r="EO6" s="276">
        <v>27052</v>
      </c>
      <c r="EP6" s="270">
        <v>13204</v>
      </c>
      <c r="EQ6" s="274">
        <v>25901</v>
      </c>
      <c r="ER6" s="271">
        <v>39105</v>
      </c>
      <c r="ES6" s="273">
        <v>0</v>
      </c>
      <c r="ET6" s="274">
        <v>55722</v>
      </c>
      <c r="EU6" s="274">
        <v>58414</v>
      </c>
      <c r="EV6" s="274">
        <v>30875</v>
      </c>
      <c r="EW6" s="274">
        <v>21869</v>
      </c>
      <c r="EX6" s="274">
        <v>13178</v>
      </c>
      <c r="EY6" s="271">
        <v>180058</v>
      </c>
      <c r="EZ6" s="276">
        <v>219163</v>
      </c>
    </row>
    <row r="7" spans="2:156" ht="19.5" customHeight="1" x14ac:dyDescent="0.2">
      <c r="B7" s="262" t="s">
        <v>5</v>
      </c>
      <c r="C7" s="277">
        <v>0</v>
      </c>
      <c r="D7" s="281">
        <v>0</v>
      </c>
      <c r="E7" s="385">
        <v>0</v>
      </c>
      <c r="F7" s="280">
        <v>0</v>
      </c>
      <c r="G7" s="281">
        <v>6762</v>
      </c>
      <c r="H7" s="281">
        <v>10966</v>
      </c>
      <c r="I7" s="281">
        <v>5323</v>
      </c>
      <c r="J7" s="281">
        <v>4019</v>
      </c>
      <c r="K7" s="281">
        <v>2995</v>
      </c>
      <c r="L7" s="282">
        <v>30065</v>
      </c>
      <c r="M7" s="283">
        <v>30065</v>
      </c>
      <c r="N7" s="277">
        <v>0</v>
      </c>
      <c r="O7" s="281">
        <v>11</v>
      </c>
      <c r="P7" s="278">
        <v>11</v>
      </c>
      <c r="Q7" s="280">
        <v>0</v>
      </c>
      <c r="R7" s="281">
        <v>27</v>
      </c>
      <c r="S7" s="281">
        <v>177</v>
      </c>
      <c r="T7" s="281">
        <v>306</v>
      </c>
      <c r="U7" s="281">
        <v>764</v>
      </c>
      <c r="V7" s="281">
        <v>1458</v>
      </c>
      <c r="W7" s="278">
        <v>2732</v>
      </c>
      <c r="X7" s="283">
        <v>2743</v>
      </c>
      <c r="Y7" s="277">
        <v>904</v>
      </c>
      <c r="Z7" s="281">
        <v>2524</v>
      </c>
      <c r="AA7" s="278">
        <v>3428</v>
      </c>
      <c r="AB7" s="280">
        <v>0</v>
      </c>
      <c r="AC7" s="281">
        <v>3964</v>
      </c>
      <c r="AD7" s="281">
        <v>7816</v>
      </c>
      <c r="AE7" s="281">
        <v>4285</v>
      </c>
      <c r="AF7" s="281">
        <v>3721</v>
      </c>
      <c r="AG7" s="281">
        <v>2778</v>
      </c>
      <c r="AH7" s="278">
        <v>22564</v>
      </c>
      <c r="AI7" s="283">
        <v>25992</v>
      </c>
      <c r="AJ7" s="277">
        <v>105</v>
      </c>
      <c r="AK7" s="281">
        <v>353</v>
      </c>
      <c r="AL7" s="278">
        <v>458</v>
      </c>
      <c r="AM7" s="280">
        <v>0</v>
      </c>
      <c r="AN7" s="281">
        <v>259</v>
      </c>
      <c r="AO7" s="281">
        <v>717</v>
      </c>
      <c r="AP7" s="281">
        <v>428</v>
      </c>
      <c r="AQ7" s="281">
        <v>388</v>
      </c>
      <c r="AR7" s="281">
        <v>222</v>
      </c>
      <c r="AS7" s="278">
        <v>2014</v>
      </c>
      <c r="AT7" s="283">
        <v>2472</v>
      </c>
      <c r="AU7" s="277">
        <v>1112</v>
      </c>
      <c r="AV7" s="281">
        <v>1705</v>
      </c>
      <c r="AW7" s="278">
        <v>2817</v>
      </c>
      <c r="AX7" s="280">
        <v>0</v>
      </c>
      <c r="AY7" s="281">
        <v>6365</v>
      </c>
      <c r="AZ7" s="281">
        <v>9421</v>
      </c>
      <c r="BA7" s="281">
        <v>7530</v>
      </c>
      <c r="BB7" s="281">
        <v>7218</v>
      </c>
      <c r="BC7" s="281">
        <v>5551</v>
      </c>
      <c r="BD7" s="282">
        <v>36085</v>
      </c>
      <c r="BE7" s="283">
        <v>38902</v>
      </c>
      <c r="BF7" s="277">
        <v>0</v>
      </c>
      <c r="BG7" s="281">
        <v>0</v>
      </c>
      <c r="BH7" s="278">
        <v>0</v>
      </c>
      <c r="BI7" s="280">
        <v>0</v>
      </c>
      <c r="BJ7" s="281">
        <v>6738</v>
      </c>
      <c r="BK7" s="281">
        <v>8306</v>
      </c>
      <c r="BL7" s="281">
        <v>4077</v>
      </c>
      <c r="BM7" s="281">
        <v>2361</v>
      </c>
      <c r="BN7" s="281">
        <v>1159</v>
      </c>
      <c r="BO7" s="278">
        <v>22641</v>
      </c>
      <c r="BP7" s="283">
        <v>22641</v>
      </c>
      <c r="BQ7" s="277">
        <v>658</v>
      </c>
      <c r="BR7" s="281">
        <v>1105</v>
      </c>
      <c r="BS7" s="278">
        <v>1763</v>
      </c>
      <c r="BT7" s="280">
        <v>0</v>
      </c>
      <c r="BU7" s="281">
        <v>1300</v>
      </c>
      <c r="BV7" s="281">
        <v>2912</v>
      </c>
      <c r="BW7" s="281">
        <v>1626</v>
      </c>
      <c r="BX7" s="281">
        <v>1016</v>
      </c>
      <c r="BY7" s="281">
        <v>380</v>
      </c>
      <c r="BZ7" s="278">
        <v>7234</v>
      </c>
      <c r="CA7" s="283">
        <v>8997</v>
      </c>
      <c r="CB7" s="277">
        <v>25</v>
      </c>
      <c r="CC7" s="281">
        <v>97</v>
      </c>
      <c r="CD7" s="278">
        <v>122</v>
      </c>
      <c r="CE7" s="280">
        <v>0</v>
      </c>
      <c r="CF7" s="281">
        <v>598</v>
      </c>
      <c r="CG7" s="281">
        <v>1220</v>
      </c>
      <c r="CH7" s="281">
        <v>1512</v>
      </c>
      <c r="CI7" s="281">
        <v>1160</v>
      </c>
      <c r="CJ7" s="281">
        <v>625</v>
      </c>
      <c r="CK7" s="278">
        <v>5115</v>
      </c>
      <c r="CL7" s="283">
        <v>5237</v>
      </c>
      <c r="CM7" s="277">
        <v>0</v>
      </c>
      <c r="CN7" s="281">
        <v>14</v>
      </c>
      <c r="CO7" s="278">
        <v>14</v>
      </c>
      <c r="CP7" s="280">
        <v>0</v>
      </c>
      <c r="CQ7" s="281">
        <v>86</v>
      </c>
      <c r="CR7" s="281">
        <v>239</v>
      </c>
      <c r="CS7" s="281">
        <v>299</v>
      </c>
      <c r="CT7" s="281">
        <v>269</v>
      </c>
      <c r="CU7" s="281">
        <v>179</v>
      </c>
      <c r="CV7" s="278">
        <v>1072</v>
      </c>
      <c r="CW7" s="283">
        <v>1086</v>
      </c>
      <c r="CX7" s="277">
        <v>0</v>
      </c>
      <c r="CY7" s="281">
        <v>0</v>
      </c>
      <c r="CZ7" s="278">
        <v>0</v>
      </c>
      <c r="DA7" s="280">
        <v>0</v>
      </c>
      <c r="DB7" s="281">
        <v>0</v>
      </c>
      <c r="DC7" s="281">
        <v>0</v>
      </c>
      <c r="DD7" s="281">
        <v>0</v>
      </c>
      <c r="DE7" s="281">
        <v>0</v>
      </c>
      <c r="DF7" s="281">
        <v>0</v>
      </c>
      <c r="DG7" s="278">
        <v>0</v>
      </c>
      <c r="DH7" s="283">
        <v>0</v>
      </c>
      <c r="DI7" s="277">
        <v>0</v>
      </c>
      <c r="DJ7" s="281">
        <v>0</v>
      </c>
      <c r="DK7" s="278">
        <v>0</v>
      </c>
      <c r="DL7" s="280">
        <v>0</v>
      </c>
      <c r="DM7" s="281">
        <v>0</v>
      </c>
      <c r="DN7" s="281">
        <v>0</v>
      </c>
      <c r="DO7" s="281">
        <v>0</v>
      </c>
      <c r="DP7" s="281">
        <v>0</v>
      </c>
      <c r="DQ7" s="281">
        <v>0</v>
      </c>
      <c r="DR7" s="278">
        <v>0</v>
      </c>
      <c r="DS7" s="283">
        <v>0</v>
      </c>
      <c r="DT7" s="277">
        <v>3502</v>
      </c>
      <c r="DU7" s="281">
        <v>9359</v>
      </c>
      <c r="DV7" s="278">
        <v>12861</v>
      </c>
      <c r="DW7" s="280">
        <v>0</v>
      </c>
      <c r="DX7" s="281">
        <v>7328</v>
      </c>
      <c r="DY7" s="281">
        <v>19461</v>
      </c>
      <c r="DZ7" s="281">
        <v>10538</v>
      </c>
      <c r="EA7" s="281">
        <v>8031</v>
      </c>
      <c r="EB7" s="281">
        <v>5158</v>
      </c>
      <c r="EC7" s="278">
        <v>50516</v>
      </c>
      <c r="ED7" s="283">
        <v>63377</v>
      </c>
      <c r="EE7" s="277">
        <v>700</v>
      </c>
      <c r="EF7" s="281">
        <v>531</v>
      </c>
      <c r="EG7" s="278">
        <v>1231</v>
      </c>
      <c r="EH7" s="280">
        <v>0</v>
      </c>
      <c r="EI7" s="281">
        <v>2376</v>
      </c>
      <c r="EJ7" s="281">
        <v>2547</v>
      </c>
      <c r="EK7" s="281">
        <v>2015</v>
      </c>
      <c r="EL7" s="281">
        <v>2289</v>
      </c>
      <c r="EM7" s="281">
        <v>1253</v>
      </c>
      <c r="EN7" s="278">
        <v>10480</v>
      </c>
      <c r="EO7" s="283">
        <v>11711</v>
      </c>
      <c r="EP7" s="277">
        <v>4805</v>
      </c>
      <c r="EQ7" s="281">
        <v>11370</v>
      </c>
      <c r="ER7" s="278">
        <v>16175</v>
      </c>
      <c r="ES7" s="280">
        <v>0</v>
      </c>
      <c r="ET7" s="281">
        <v>18140</v>
      </c>
      <c r="EU7" s="281">
        <v>26520</v>
      </c>
      <c r="EV7" s="281">
        <v>12815</v>
      </c>
      <c r="EW7" s="281">
        <v>8762</v>
      </c>
      <c r="EX7" s="281">
        <v>5381</v>
      </c>
      <c r="EY7" s="278">
        <v>71618</v>
      </c>
      <c r="EZ7" s="283">
        <v>87793</v>
      </c>
    </row>
    <row r="8" spans="2:156" ht="19.5" customHeight="1" x14ac:dyDescent="0.2">
      <c r="B8" s="262" t="s">
        <v>6</v>
      </c>
      <c r="C8" s="277">
        <v>0</v>
      </c>
      <c r="D8" s="281">
        <v>0</v>
      </c>
      <c r="E8" s="385">
        <v>0</v>
      </c>
      <c r="F8" s="280">
        <v>0</v>
      </c>
      <c r="G8" s="281">
        <v>3400</v>
      </c>
      <c r="H8" s="281">
        <v>2895</v>
      </c>
      <c r="I8" s="281">
        <v>1823</v>
      </c>
      <c r="J8" s="281">
        <v>1587</v>
      </c>
      <c r="K8" s="281">
        <v>1155</v>
      </c>
      <c r="L8" s="282">
        <v>10860</v>
      </c>
      <c r="M8" s="283">
        <v>10860</v>
      </c>
      <c r="N8" s="277">
        <v>0</v>
      </c>
      <c r="O8" s="281">
        <v>5</v>
      </c>
      <c r="P8" s="278">
        <v>5</v>
      </c>
      <c r="Q8" s="280">
        <v>0</v>
      </c>
      <c r="R8" s="281">
        <v>18</v>
      </c>
      <c r="S8" s="281">
        <v>58</v>
      </c>
      <c r="T8" s="281">
        <v>107</v>
      </c>
      <c r="U8" s="281">
        <v>289</v>
      </c>
      <c r="V8" s="281">
        <v>513</v>
      </c>
      <c r="W8" s="278">
        <v>985</v>
      </c>
      <c r="X8" s="283">
        <v>990</v>
      </c>
      <c r="Y8" s="277">
        <v>317</v>
      </c>
      <c r="Z8" s="281">
        <v>663</v>
      </c>
      <c r="AA8" s="278">
        <v>980</v>
      </c>
      <c r="AB8" s="280">
        <v>0</v>
      </c>
      <c r="AC8" s="281">
        <v>1967</v>
      </c>
      <c r="AD8" s="281">
        <v>1914</v>
      </c>
      <c r="AE8" s="281">
        <v>1265</v>
      </c>
      <c r="AF8" s="281">
        <v>1288</v>
      </c>
      <c r="AG8" s="281">
        <v>956</v>
      </c>
      <c r="AH8" s="278">
        <v>7390</v>
      </c>
      <c r="AI8" s="283">
        <v>8370</v>
      </c>
      <c r="AJ8" s="277">
        <v>20</v>
      </c>
      <c r="AK8" s="281">
        <v>58</v>
      </c>
      <c r="AL8" s="278">
        <v>78</v>
      </c>
      <c r="AM8" s="280">
        <v>0</v>
      </c>
      <c r="AN8" s="281">
        <v>159</v>
      </c>
      <c r="AO8" s="281">
        <v>209</v>
      </c>
      <c r="AP8" s="281">
        <v>128</v>
      </c>
      <c r="AQ8" s="281">
        <v>127</v>
      </c>
      <c r="AR8" s="281">
        <v>68</v>
      </c>
      <c r="AS8" s="278">
        <v>691</v>
      </c>
      <c r="AT8" s="283">
        <v>769</v>
      </c>
      <c r="AU8" s="277">
        <v>469</v>
      </c>
      <c r="AV8" s="281">
        <v>547</v>
      </c>
      <c r="AW8" s="278">
        <v>1016</v>
      </c>
      <c r="AX8" s="280">
        <v>0</v>
      </c>
      <c r="AY8" s="281">
        <v>3233</v>
      </c>
      <c r="AZ8" s="281">
        <v>3398</v>
      </c>
      <c r="BA8" s="281">
        <v>3057</v>
      </c>
      <c r="BB8" s="281">
        <v>3177</v>
      </c>
      <c r="BC8" s="281">
        <v>2390</v>
      </c>
      <c r="BD8" s="282">
        <v>15255</v>
      </c>
      <c r="BE8" s="283">
        <v>16271</v>
      </c>
      <c r="BF8" s="277">
        <v>0</v>
      </c>
      <c r="BG8" s="281">
        <v>0</v>
      </c>
      <c r="BH8" s="278">
        <v>0</v>
      </c>
      <c r="BI8" s="280">
        <v>0</v>
      </c>
      <c r="BJ8" s="281">
        <v>3599</v>
      </c>
      <c r="BK8" s="281">
        <v>2575</v>
      </c>
      <c r="BL8" s="281">
        <v>1487</v>
      </c>
      <c r="BM8" s="281">
        <v>1046</v>
      </c>
      <c r="BN8" s="281">
        <v>473</v>
      </c>
      <c r="BO8" s="278">
        <v>9180</v>
      </c>
      <c r="BP8" s="283">
        <v>9180</v>
      </c>
      <c r="BQ8" s="277">
        <v>101</v>
      </c>
      <c r="BR8" s="281">
        <v>186</v>
      </c>
      <c r="BS8" s="278">
        <v>287</v>
      </c>
      <c r="BT8" s="280">
        <v>0</v>
      </c>
      <c r="BU8" s="281">
        <v>570</v>
      </c>
      <c r="BV8" s="281">
        <v>693</v>
      </c>
      <c r="BW8" s="281">
        <v>486</v>
      </c>
      <c r="BX8" s="281">
        <v>359</v>
      </c>
      <c r="BY8" s="281">
        <v>121</v>
      </c>
      <c r="BZ8" s="278">
        <v>2229</v>
      </c>
      <c r="CA8" s="283">
        <v>2516</v>
      </c>
      <c r="CB8" s="277">
        <v>8</v>
      </c>
      <c r="CC8" s="281">
        <v>25</v>
      </c>
      <c r="CD8" s="278">
        <v>33</v>
      </c>
      <c r="CE8" s="280">
        <v>0</v>
      </c>
      <c r="CF8" s="281">
        <v>288</v>
      </c>
      <c r="CG8" s="281">
        <v>400</v>
      </c>
      <c r="CH8" s="281">
        <v>503</v>
      </c>
      <c r="CI8" s="281">
        <v>402</v>
      </c>
      <c r="CJ8" s="281">
        <v>232</v>
      </c>
      <c r="CK8" s="278">
        <v>1825</v>
      </c>
      <c r="CL8" s="283">
        <v>1858</v>
      </c>
      <c r="CM8" s="277">
        <v>0</v>
      </c>
      <c r="CN8" s="281">
        <v>1</v>
      </c>
      <c r="CO8" s="278">
        <v>1</v>
      </c>
      <c r="CP8" s="280">
        <v>0</v>
      </c>
      <c r="CQ8" s="281">
        <v>19</v>
      </c>
      <c r="CR8" s="281">
        <v>46</v>
      </c>
      <c r="CS8" s="281">
        <v>73</v>
      </c>
      <c r="CT8" s="281">
        <v>77</v>
      </c>
      <c r="CU8" s="281">
        <v>39</v>
      </c>
      <c r="CV8" s="278">
        <v>254</v>
      </c>
      <c r="CW8" s="283">
        <v>255</v>
      </c>
      <c r="CX8" s="277">
        <v>0</v>
      </c>
      <c r="CY8" s="281">
        <v>0</v>
      </c>
      <c r="CZ8" s="278">
        <v>0</v>
      </c>
      <c r="DA8" s="280">
        <v>0</v>
      </c>
      <c r="DB8" s="281">
        <v>0</v>
      </c>
      <c r="DC8" s="281">
        <v>0</v>
      </c>
      <c r="DD8" s="281">
        <v>0</v>
      </c>
      <c r="DE8" s="281">
        <v>0</v>
      </c>
      <c r="DF8" s="281">
        <v>0</v>
      </c>
      <c r="DG8" s="278">
        <v>0</v>
      </c>
      <c r="DH8" s="283">
        <v>0</v>
      </c>
      <c r="DI8" s="277">
        <v>0</v>
      </c>
      <c r="DJ8" s="281">
        <v>0</v>
      </c>
      <c r="DK8" s="278">
        <v>0</v>
      </c>
      <c r="DL8" s="280">
        <v>0</v>
      </c>
      <c r="DM8" s="281">
        <v>0</v>
      </c>
      <c r="DN8" s="281">
        <v>0</v>
      </c>
      <c r="DO8" s="281">
        <v>0</v>
      </c>
      <c r="DP8" s="281">
        <v>0</v>
      </c>
      <c r="DQ8" s="281">
        <v>0</v>
      </c>
      <c r="DR8" s="278">
        <v>0</v>
      </c>
      <c r="DS8" s="283">
        <v>0</v>
      </c>
      <c r="DT8" s="277">
        <v>1533</v>
      </c>
      <c r="DU8" s="281">
        <v>2762</v>
      </c>
      <c r="DV8" s="278">
        <v>4295</v>
      </c>
      <c r="DW8" s="280">
        <v>0</v>
      </c>
      <c r="DX8" s="281">
        <v>4844</v>
      </c>
      <c r="DY8" s="281">
        <v>5573</v>
      </c>
      <c r="DZ8" s="281">
        <v>3790</v>
      </c>
      <c r="EA8" s="281">
        <v>3335</v>
      </c>
      <c r="EB8" s="281">
        <v>2009</v>
      </c>
      <c r="EC8" s="278">
        <v>19551</v>
      </c>
      <c r="ED8" s="283">
        <v>23846</v>
      </c>
      <c r="EE8" s="277">
        <v>239</v>
      </c>
      <c r="EF8" s="281">
        <v>173</v>
      </c>
      <c r="EG8" s="278">
        <v>412</v>
      </c>
      <c r="EH8" s="280">
        <v>0</v>
      </c>
      <c r="EI8" s="281">
        <v>843</v>
      </c>
      <c r="EJ8" s="281">
        <v>675</v>
      </c>
      <c r="EK8" s="281">
        <v>647</v>
      </c>
      <c r="EL8" s="281">
        <v>761</v>
      </c>
      <c r="EM8" s="281">
        <v>486</v>
      </c>
      <c r="EN8" s="278">
        <v>3412</v>
      </c>
      <c r="EO8" s="283">
        <v>3824</v>
      </c>
      <c r="EP8" s="277">
        <v>1859</v>
      </c>
      <c r="EQ8" s="281">
        <v>3224</v>
      </c>
      <c r="ER8" s="278">
        <v>5083</v>
      </c>
      <c r="ES8" s="280">
        <v>0</v>
      </c>
      <c r="ET8" s="281">
        <v>9391</v>
      </c>
      <c r="EU8" s="281">
        <v>7280</v>
      </c>
      <c r="EV8" s="281">
        <v>4338</v>
      </c>
      <c r="EW8" s="281">
        <v>3478</v>
      </c>
      <c r="EX8" s="281">
        <v>2083</v>
      </c>
      <c r="EY8" s="278">
        <v>26570</v>
      </c>
      <c r="EZ8" s="283">
        <v>31653</v>
      </c>
    </row>
    <row r="9" spans="2:156" ht="19.5" customHeight="1" x14ac:dyDescent="0.2">
      <c r="B9" s="262" t="s">
        <v>14</v>
      </c>
      <c r="C9" s="277">
        <v>0</v>
      </c>
      <c r="D9" s="281">
        <v>0</v>
      </c>
      <c r="E9" s="385">
        <v>0</v>
      </c>
      <c r="F9" s="280">
        <v>0</v>
      </c>
      <c r="G9" s="281">
        <v>1195</v>
      </c>
      <c r="H9" s="281">
        <v>1552</v>
      </c>
      <c r="I9" s="281">
        <v>914</v>
      </c>
      <c r="J9" s="281">
        <v>699</v>
      </c>
      <c r="K9" s="281">
        <v>508</v>
      </c>
      <c r="L9" s="282">
        <v>4868</v>
      </c>
      <c r="M9" s="283">
        <v>4868</v>
      </c>
      <c r="N9" s="277">
        <v>1</v>
      </c>
      <c r="O9" s="281">
        <v>3</v>
      </c>
      <c r="P9" s="278">
        <v>4</v>
      </c>
      <c r="Q9" s="280">
        <v>0</v>
      </c>
      <c r="R9" s="281">
        <v>3</v>
      </c>
      <c r="S9" s="281">
        <v>29</v>
      </c>
      <c r="T9" s="281">
        <v>67</v>
      </c>
      <c r="U9" s="281">
        <v>133</v>
      </c>
      <c r="V9" s="281">
        <v>232</v>
      </c>
      <c r="W9" s="278">
        <v>464</v>
      </c>
      <c r="X9" s="283">
        <v>468</v>
      </c>
      <c r="Y9" s="277">
        <v>122</v>
      </c>
      <c r="Z9" s="281">
        <v>382</v>
      </c>
      <c r="AA9" s="278">
        <v>504</v>
      </c>
      <c r="AB9" s="280">
        <v>0</v>
      </c>
      <c r="AC9" s="281">
        <v>637</v>
      </c>
      <c r="AD9" s="281">
        <v>984</v>
      </c>
      <c r="AE9" s="281">
        <v>686</v>
      </c>
      <c r="AF9" s="281">
        <v>611</v>
      </c>
      <c r="AG9" s="281">
        <v>480</v>
      </c>
      <c r="AH9" s="278">
        <v>3398</v>
      </c>
      <c r="AI9" s="283">
        <v>3902</v>
      </c>
      <c r="AJ9" s="277">
        <v>10</v>
      </c>
      <c r="AK9" s="281">
        <v>38</v>
      </c>
      <c r="AL9" s="278">
        <v>48</v>
      </c>
      <c r="AM9" s="280">
        <v>0</v>
      </c>
      <c r="AN9" s="281">
        <v>21</v>
      </c>
      <c r="AO9" s="281">
        <v>65</v>
      </c>
      <c r="AP9" s="281">
        <v>57</v>
      </c>
      <c r="AQ9" s="281">
        <v>41</v>
      </c>
      <c r="AR9" s="281">
        <v>24</v>
      </c>
      <c r="AS9" s="278">
        <v>208</v>
      </c>
      <c r="AT9" s="283">
        <v>256</v>
      </c>
      <c r="AU9" s="277">
        <v>198</v>
      </c>
      <c r="AV9" s="281">
        <v>334</v>
      </c>
      <c r="AW9" s="278">
        <v>532</v>
      </c>
      <c r="AX9" s="280">
        <v>0</v>
      </c>
      <c r="AY9" s="281">
        <v>1287</v>
      </c>
      <c r="AZ9" s="281">
        <v>1596</v>
      </c>
      <c r="BA9" s="281">
        <v>1525</v>
      </c>
      <c r="BB9" s="281">
        <v>1332</v>
      </c>
      <c r="BC9" s="281">
        <v>1003</v>
      </c>
      <c r="BD9" s="282">
        <v>6743</v>
      </c>
      <c r="BE9" s="283">
        <v>7275</v>
      </c>
      <c r="BF9" s="277">
        <v>0</v>
      </c>
      <c r="BG9" s="281">
        <v>0</v>
      </c>
      <c r="BH9" s="278">
        <v>0</v>
      </c>
      <c r="BI9" s="280">
        <v>0</v>
      </c>
      <c r="BJ9" s="281">
        <v>1487</v>
      </c>
      <c r="BK9" s="281">
        <v>1600</v>
      </c>
      <c r="BL9" s="281">
        <v>1056</v>
      </c>
      <c r="BM9" s="281">
        <v>654</v>
      </c>
      <c r="BN9" s="281">
        <v>290</v>
      </c>
      <c r="BO9" s="278">
        <v>5087</v>
      </c>
      <c r="BP9" s="283">
        <v>5087</v>
      </c>
      <c r="BQ9" s="277">
        <v>69</v>
      </c>
      <c r="BR9" s="281">
        <v>165</v>
      </c>
      <c r="BS9" s="278">
        <v>234</v>
      </c>
      <c r="BT9" s="280">
        <v>0</v>
      </c>
      <c r="BU9" s="281">
        <v>148</v>
      </c>
      <c r="BV9" s="281">
        <v>361</v>
      </c>
      <c r="BW9" s="281">
        <v>230</v>
      </c>
      <c r="BX9" s="281">
        <v>163</v>
      </c>
      <c r="BY9" s="281">
        <v>47</v>
      </c>
      <c r="BZ9" s="278">
        <v>949</v>
      </c>
      <c r="CA9" s="283">
        <v>1183</v>
      </c>
      <c r="CB9" s="277">
        <v>6</v>
      </c>
      <c r="CC9" s="281">
        <v>16</v>
      </c>
      <c r="CD9" s="278">
        <v>22</v>
      </c>
      <c r="CE9" s="280">
        <v>0</v>
      </c>
      <c r="CF9" s="281">
        <v>151</v>
      </c>
      <c r="CG9" s="281">
        <v>270</v>
      </c>
      <c r="CH9" s="281">
        <v>375</v>
      </c>
      <c r="CI9" s="281">
        <v>279</v>
      </c>
      <c r="CJ9" s="281">
        <v>146</v>
      </c>
      <c r="CK9" s="278">
        <v>1221</v>
      </c>
      <c r="CL9" s="283">
        <v>1243</v>
      </c>
      <c r="CM9" s="277">
        <v>0</v>
      </c>
      <c r="CN9" s="281">
        <v>0</v>
      </c>
      <c r="CO9" s="278">
        <v>0</v>
      </c>
      <c r="CP9" s="280">
        <v>0</v>
      </c>
      <c r="CQ9" s="281">
        <v>5</v>
      </c>
      <c r="CR9" s="281">
        <v>6</v>
      </c>
      <c r="CS9" s="281">
        <v>9</v>
      </c>
      <c r="CT9" s="281">
        <v>10</v>
      </c>
      <c r="CU9" s="281">
        <v>6</v>
      </c>
      <c r="CV9" s="278">
        <v>36</v>
      </c>
      <c r="CW9" s="283">
        <v>36</v>
      </c>
      <c r="CX9" s="277">
        <v>0</v>
      </c>
      <c r="CY9" s="281">
        <v>0</v>
      </c>
      <c r="CZ9" s="278">
        <v>0</v>
      </c>
      <c r="DA9" s="280">
        <v>0</v>
      </c>
      <c r="DB9" s="281">
        <v>0</v>
      </c>
      <c r="DC9" s="281">
        <v>0</v>
      </c>
      <c r="DD9" s="281">
        <v>0</v>
      </c>
      <c r="DE9" s="281">
        <v>0</v>
      </c>
      <c r="DF9" s="281">
        <v>0</v>
      </c>
      <c r="DG9" s="278">
        <v>0</v>
      </c>
      <c r="DH9" s="283">
        <v>0</v>
      </c>
      <c r="DI9" s="277">
        <v>0</v>
      </c>
      <c r="DJ9" s="281">
        <v>0</v>
      </c>
      <c r="DK9" s="278">
        <v>0</v>
      </c>
      <c r="DL9" s="280">
        <v>0</v>
      </c>
      <c r="DM9" s="281">
        <v>0</v>
      </c>
      <c r="DN9" s="281">
        <v>0</v>
      </c>
      <c r="DO9" s="281">
        <v>0</v>
      </c>
      <c r="DP9" s="281">
        <v>0</v>
      </c>
      <c r="DQ9" s="281">
        <v>0</v>
      </c>
      <c r="DR9" s="278">
        <v>0</v>
      </c>
      <c r="DS9" s="283">
        <v>0</v>
      </c>
      <c r="DT9" s="277">
        <v>835</v>
      </c>
      <c r="DU9" s="281">
        <v>2257</v>
      </c>
      <c r="DV9" s="278">
        <v>3092</v>
      </c>
      <c r="DW9" s="280">
        <v>0</v>
      </c>
      <c r="DX9" s="281">
        <v>1680</v>
      </c>
      <c r="DY9" s="281">
        <v>3464</v>
      </c>
      <c r="DZ9" s="281">
        <v>2165</v>
      </c>
      <c r="EA9" s="281">
        <v>1646</v>
      </c>
      <c r="EB9" s="281">
        <v>961</v>
      </c>
      <c r="EC9" s="278">
        <v>9916</v>
      </c>
      <c r="ED9" s="283">
        <v>13008</v>
      </c>
      <c r="EE9" s="277">
        <v>134</v>
      </c>
      <c r="EF9" s="281">
        <v>118</v>
      </c>
      <c r="EG9" s="278">
        <v>252</v>
      </c>
      <c r="EH9" s="280">
        <v>0</v>
      </c>
      <c r="EI9" s="281">
        <v>350</v>
      </c>
      <c r="EJ9" s="281">
        <v>286</v>
      </c>
      <c r="EK9" s="281">
        <v>267</v>
      </c>
      <c r="EL9" s="281">
        <v>271</v>
      </c>
      <c r="EM9" s="281">
        <v>158</v>
      </c>
      <c r="EN9" s="278">
        <v>1332</v>
      </c>
      <c r="EO9" s="283">
        <v>1584</v>
      </c>
      <c r="EP9" s="277">
        <v>977</v>
      </c>
      <c r="EQ9" s="281">
        <v>2498</v>
      </c>
      <c r="ER9" s="278">
        <v>3475</v>
      </c>
      <c r="ES9" s="280">
        <v>0</v>
      </c>
      <c r="ET9" s="281">
        <v>3714</v>
      </c>
      <c r="EU9" s="281">
        <v>4531</v>
      </c>
      <c r="EV9" s="281">
        <v>2608</v>
      </c>
      <c r="EW9" s="281">
        <v>1787</v>
      </c>
      <c r="EX9" s="281">
        <v>1007</v>
      </c>
      <c r="EY9" s="278">
        <v>13647</v>
      </c>
      <c r="EZ9" s="283">
        <v>17122</v>
      </c>
    </row>
    <row r="10" spans="2:156" ht="19.5" customHeight="1" x14ac:dyDescent="0.2">
      <c r="B10" s="262" t="s">
        <v>7</v>
      </c>
      <c r="C10" s="277">
        <v>0</v>
      </c>
      <c r="D10" s="281">
        <v>0</v>
      </c>
      <c r="E10" s="385">
        <v>0</v>
      </c>
      <c r="F10" s="280">
        <v>0</v>
      </c>
      <c r="G10" s="281">
        <v>1542</v>
      </c>
      <c r="H10" s="281">
        <v>1152</v>
      </c>
      <c r="I10" s="281">
        <v>610</v>
      </c>
      <c r="J10" s="281">
        <v>578</v>
      </c>
      <c r="K10" s="281">
        <v>376</v>
      </c>
      <c r="L10" s="282">
        <v>4258</v>
      </c>
      <c r="M10" s="283">
        <v>4258</v>
      </c>
      <c r="N10" s="277">
        <v>0</v>
      </c>
      <c r="O10" s="281">
        <v>0</v>
      </c>
      <c r="P10" s="278">
        <v>0</v>
      </c>
      <c r="Q10" s="280">
        <v>0</v>
      </c>
      <c r="R10" s="281">
        <v>12</v>
      </c>
      <c r="S10" s="281">
        <v>39</v>
      </c>
      <c r="T10" s="281">
        <v>48</v>
      </c>
      <c r="U10" s="281">
        <v>143</v>
      </c>
      <c r="V10" s="281">
        <v>185</v>
      </c>
      <c r="W10" s="278">
        <v>427</v>
      </c>
      <c r="X10" s="283">
        <v>427</v>
      </c>
      <c r="Y10" s="277">
        <v>15</v>
      </c>
      <c r="Z10" s="281">
        <v>26</v>
      </c>
      <c r="AA10" s="278">
        <v>41</v>
      </c>
      <c r="AB10" s="280">
        <v>0</v>
      </c>
      <c r="AC10" s="281">
        <v>462</v>
      </c>
      <c r="AD10" s="281">
        <v>500</v>
      </c>
      <c r="AE10" s="281">
        <v>322</v>
      </c>
      <c r="AF10" s="281">
        <v>347</v>
      </c>
      <c r="AG10" s="281">
        <v>264</v>
      </c>
      <c r="AH10" s="278">
        <v>1895</v>
      </c>
      <c r="AI10" s="283">
        <v>1936</v>
      </c>
      <c r="AJ10" s="277">
        <v>5</v>
      </c>
      <c r="AK10" s="281">
        <v>6</v>
      </c>
      <c r="AL10" s="278">
        <v>11</v>
      </c>
      <c r="AM10" s="280">
        <v>0</v>
      </c>
      <c r="AN10" s="281">
        <v>47</v>
      </c>
      <c r="AO10" s="281">
        <v>70</v>
      </c>
      <c r="AP10" s="281">
        <v>43</v>
      </c>
      <c r="AQ10" s="281">
        <v>49</v>
      </c>
      <c r="AR10" s="281">
        <v>31</v>
      </c>
      <c r="AS10" s="278">
        <v>240</v>
      </c>
      <c r="AT10" s="283">
        <v>251</v>
      </c>
      <c r="AU10" s="277">
        <v>121</v>
      </c>
      <c r="AV10" s="281">
        <v>105</v>
      </c>
      <c r="AW10" s="278">
        <v>226</v>
      </c>
      <c r="AX10" s="280">
        <v>0</v>
      </c>
      <c r="AY10" s="281">
        <v>1115</v>
      </c>
      <c r="AZ10" s="281">
        <v>1074</v>
      </c>
      <c r="BA10" s="281">
        <v>906</v>
      </c>
      <c r="BB10" s="281">
        <v>963</v>
      </c>
      <c r="BC10" s="281">
        <v>608</v>
      </c>
      <c r="BD10" s="282">
        <v>4666</v>
      </c>
      <c r="BE10" s="283">
        <v>4892</v>
      </c>
      <c r="BF10" s="277">
        <v>0</v>
      </c>
      <c r="BG10" s="281">
        <v>0</v>
      </c>
      <c r="BH10" s="278">
        <v>0</v>
      </c>
      <c r="BI10" s="280">
        <v>0</v>
      </c>
      <c r="BJ10" s="281">
        <v>1704</v>
      </c>
      <c r="BK10" s="281">
        <v>1105</v>
      </c>
      <c r="BL10" s="281">
        <v>534</v>
      </c>
      <c r="BM10" s="281">
        <v>338</v>
      </c>
      <c r="BN10" s="281">
        <v>139</v>
      </c>
      <c r="BO10" s="278">
        <v>3820</v>
      </c>
      <c r="BP10" s="283">
        <v>3820</v>
      </c>
      <c r="BQ10" s="277">
        <v>37</v>
      </c>
      <c r="BR10" s="281">
        <v>49</v>
      </c>
      <c r="BS10" s="278">
        <v>86</v>
      </c>
      <c r="BT10" s="280">
        <v>0</v>
      </c>
      <c r="BU10" s="281">
        <v>264</v>
      </c>
      <c r="BV10" s="281">
        <v>234</v>
      </c>
      <c r="BW10" s="281">
        <v>126</v>
      </c>
      <c r="BX10" s="281">
        <v>67</v>
      </c>
      <c r="BY10" s="281">
        <v>18</v>
      </c>
      <c r="BZ10" s="278">
        <v>709</v>
      </c>
      <c r="CA10" s="283">
        <v>795</v>
      </c>
      <c r="CB10" s="277">
        <v>4</v>
      </c>
      <c r="CC10" s="281">
        <v>2</v>
      </c>
      <c r="CD10" s="278">
        <v>6</v>
      </c>
      <c r="CE10" s="280">
        <v>0</v>
      </c>
      <c r="CF10" s="281">
        <v>229</v>
      </c>
      <c r="CG10" s="281">
        <v>285</v>
      </c>
      <c r="CH10" s="281">
        <v>282</v>
      </c>
      <c r="CI10" s="281">
        <v>191</v>
      </c>
      <c r="CJ10" s="281">
        <v>97</v>
      </c>
      <c r="CK10" s="278">
        <v>1084</v>
      </c>
      <c r="CL10" s="283">
        <v>1090</v>
      </c>
      <c r="CM10" s="277">
        <v>0</v>
      </c>
      <c r="CN10" s="281">
        <v>0</v>
      </c>
      <c r="CO10" s="278">
        <v>0</v>
      </c>
      <c r="CP10" s="280">
        <v>0</v>
      </c>
      <c r="CQ10" s="281">
        <v>8</v>
      </c>
      <c r="CR10" s="281">
        <v>14</v>
      </c>
      <c r="CS10" s="281">
        <v>18</v>
      </c>
      <c r="CT10" s="281">
        <v>6</v>
      </c>
      <c r="CU10" s="281">
        <v>7</v>
      </c>
      <c r="CV10" s="278">
        <v>53</v>
      </c>
      <c r="CW10" s="283">
        <v>53</v>
      </c>
      <c r="CX10" s="277">
        <v>0</v>
      </c>
      <c r="CY10" s="281">
        <v>0</v>
      </c>
      <c r="CZ10" s="278">
        <v>0</v>
      </c>
      <c r="DA10" s="280">
        <v>0</v>
      </c>
      <c r="DB10" s="281">
        <v>0</v>
      </c>
      <c r="DC10" s="281">
        <v>0</v>
      </c>
      <c r="DD10" s="281">
        <v>0</v>
      </c>
      <c r="DE10" s="281">
        <v>0</v>
      </c>
      <c r="DF10" s="281">
        <v>0</v>
      </c>
      <c r="DG10" s="278">
        <v>0</v>
      </c>
      <c r="DH10" s="283">
        <v>0</v>
      </c>
      <c r="DI10" s="277">
        <v>0</v>
      </c>
      <c r="DJ10" s="281">
        <v>0</v>
      </c>
      <c r="DK10" s="278">
        <v>0</v>
      </c>
      <c r="DL10" s="280">
        <v>0</v>
      </c>
      <c r="DM10" s="281">
        <v>0</v>
      </c>
      <c r="DN10" s="281">
        <v>0</v>
      </c>
      <c r="DO10" s="281">
        <v>0</v>
      </c>
      <c r="DP10" s="281">
        <v>0</v>
      </c>
      <c r="DQ10" s="281">
        <v>0</v>
      </c>
      <c r="DR10" s="278">
        <v>0</v>
      </c>
      <c r="DS10" s="283">
        <v>0</v>
      </c>
      <c r="DT10" s="277">
        <v>311</v>
      </c>
      <c r="DU10" s="281">
        <v>639</v>
      </c>
      <c r="DV10" s="278">
        <v>950</v>
      </c>
      <c r="DW10" s="280">
        <v>0</v>
      </c>
      <c r="DX10" s="281">
        <v>1968</v>
      </c>
      <c r="DY10" s="281">
        <v>2248</v>
      </c>
      <c r="DZ10" s="281">
        <v>1220</v>
      </c>
      <c r="EA10" s="281">
        <v>998</v>
      </c>
      <c r="EB10" s="281">
        <v>583</v>
      </c>
      <c r="EC10" s="278">
        <v>7017</v>
      </c>
      <c r="ED10" s="283">
        <v>7967</v>
      </c>
      <c r="EE10" s="277">
        <v>95</v>
      </c>
      <c r="EF10" s="281">
        <v>56</v>
      </c>
      <c r="EG10" s="278">
        <v>151</v>
      </c>
      <c r="EH10" s="280">
        <v>0</v>
      </c>
      <c r="EI10" s="281">
        <v>495</v>
      </c>
      <c r="EJ10" s="281">
        <v>276</v>
      </c>
      <c r="EK10" s="281">
        <v>241</v>
      </c>
      <c r="EL10" s="281">
        <v>271</v>
      </c>
      <c r="EM10" s="281">
        <v>134</v>
      </c>
      <c r="EN10" s="278">
        <v>1417</v>
      </c>
      <c r="EO10" s="283">
        <v>1568</v>
      </c>
      <c r="EP10" s="277">
        <v>361</v>
      </c>
      <c r="EQ10" s="281">
        <v>692</v>
      </c>
      <c r="ER10" s="278">
        <v>1053</v>
      </c>
      <c r="ES10" s="280">
        <v>0</v>
      </c>
      <c r="ET10" s="281">
        <v>4308</v>
      </c>
      <c r="EU10" s="281">
        <v>3059</v>
      </c>
      <c r="EV10" s="281">
        <v>1527</v>
      </c>
      <c r="EW10" s="281">
        <v>1104</v>
      </c>
      <c r="EX10" s="281">
        <v>622</v>
      </c>
      <c r="EY10" s="278">
        <v>10620</v>
      </c>
      <c r="EZ10" s="283">
        <v>11673</v>
      </c>
    </row>
    <row r="11" spans="2:156" ht="19.5" customHeight="1" x14ac:dyDescent="0.2">
      <c r="B11" s="262" t="s">
        <v>8</v>
      </c>
      <c r="C11" s="277">
        <v>0</v>
      </c>
      <c r="D11" s="281">
        <v>0</v>
      </c>
      <c r="E11" s="385">
        <v>0</v>
      </c>
      <c r="F11" s="280">
        <v>0</v>
      </c>
      <c r="G11" s="281">
        <v>483</v>
      </c>
      <c r="H11" s="281">
        <v>616</v>
      </c>
      <c r="I11" s="281">
        <v>343</v>
      </c>
      <c r="J11" s="281">
        <v>282</v>
      </c>
      <c r="K11" s="281">
        <v>260</v>
      </c>
      <c r="L11" s="282">
        <v>1984</v>
      </c>
      <c r="M11" s="283">
        <v>1984</v>
      </c>
      <c r="N11" s="277">
        <v>0</v>
      </c>
      <c r="O11" s="281">
        <v>0</v>
      </c>
      <c r="P11" s="278">
        <v>0</v>
      </c>
      <c r="Q11" s="280">
        <v>0</v>
      </c>
      <c r="R11" s="281">
        <v>4</v>
      </c>
      <c r="S11" s="281">
        <v>18</v>
      </c>
      <c r="T11" s="281">
        <v>37</v>
      </c>
      <c r="U11" s="281">
        <v>56</v>
      </c>
      <c r="V11" s="281">
        <v>106</v>
      </c>
      <c r="W11" s="278">
        <v>221</v>
      </c>
      <c r="X11" s="283">
        <v>221</v>
      </c>
      <c r="Y11" s="277">
        <v>50</v>
      </c>
      <c r="Z11" s="281">
        <v>70</v>
      </c>
      <c r="AA11" s="278">
        <v>120</v>
      </c>
      <c r="AB11" s="280">
        <v>0</v>
      </c>
      <c r="AC11" s="281">
        <v>264</v>
      </c>
      <c r="AD11" s="281">
        <v>386</v>
      </c>
      <c r="AE11" s="281">
        <v>257</v>
      </c>
      <c r="AF11" s="281">
        <v>205</v>
      </c>
      <c r="AG11" s="281">
        <v>196</v>
      </c>
      <c r="AH11" s="278">
        <v>1308</v>
      </c>
      <c r="AI11" s="283">
        <v>1428</v>
      </c>
      <c r="AJ11" s="277">
        <v>5</v>
      </c>
      <c r="AK11" s="281">
        <v>14</v>
      </c>
      <c r="AL11" s="278">
        <v>19</v>
      </c>
      <c r="AM11" s="280">
        <v>0</v>
      </c>
      <c r="AN11" s="281">
        <v>47</v>
      </c>
      <c r="AO11" s="281">
        <v>71</v>
      </c>
      <c r="AP11" s="281">
        <v>59</v>
      </c>
      <c r="AQ11" s="281">
        <v>35</v>
      </c>
      <c r="AR11" s="281">
        <v>27</v>
      </c>
      <c r="AS11" s="278">
        <v>239</v>
      </c>
      <c r="AT11" s="283">
        <v>258</v>
      </c>
      <c r="AU11" s="277">
        <v>75</v>
      </c>
      <c r="AV11" s="281">
        <v>47</v>
      </c>
      <c r="AW11" s="278">
        <v>122</v>
      </c>
      <c r="AX11" s="280">
        <v>0</v>
      </c>
      <c r="AY11" s="281">
        <v>442</v>
      </c>
      <c r="AZ11" s="281">
        <v>549</v>
      </c>
      <c r="BA11" s="281">
        <v>503</v>
      </c>
      <c r="BB11" s="281">
        <v>494</v>
      </c>
      <c r="BC11" s="281">
        <v>397</v>
      </c>
      <c r="BD11" s="282">
        <v>2385</v>
      </c>
      <c r="BE11" s="283">
        <v>2507</v>
      </c>
      <c r="BF11" s="277">
        <v>0</v>
      </c>
      <c r="BG11" s="281">
        <v>0</v>
      </c>
      <c r="BH11" s="278">
        <v>0</v>
      </c>
      <c r="BI11" s="280">
        <v>0</v>
      </c>
      <c r="BJ11" s="281">
        <v>578</v>
      </c>
      <c r="BK11" s="281">
        <v>635</v>
      </c>
      <c r="BL11" s="281">
        <v>373</v>
      </c>
      <c r="BM11" s="281">
        <v>181</v>
      </c>
      <c r="BN11" s="281">
        <v>115</v>
      </c>
      <c r="BO11" s="278">
        <v>1882</v>
      </c>
      <c r="BP11" s="283">
        <v>1882</v>
      </c>
      <c r="BQ11" s="277">
        <v>55</v>
      </c>
      <c r="BR11" s="281">
        <v>63</v>
      </c>
      <c r="BS11" s="278">
        <v>118</v>
      </c>
      <c r="BT11" s="280">
        <v>0</v>
      </c>
      <c r="BU11" s="281">
        <v>118</v>
      </c>
      <c r="BV11" s="281">
        <v>158</v>
      </c>
      <c r="BW11" s="281">
        <v>93</v>
      </c>
      <c r="BX11" s="281">
        <v>51</v>
      </c>
      <c r="BY11" s="281">
        <v>16</v>
      </c>
      <c r="BZ11" s="278">
        <v>436</v>
      </c>
      <c r="CA11" s="283">
        <v>554</v>
      </c>
      <c r="CB11" s="277">
        <v>2</v>
      </c>
      <c r="CC11" s="281">
        <v>6</v>
      </c>
      <c r="CD11" s="278">
        <v>8</v>
      </c>
      <c r="CE11" s="280">
        <v>0</v>
      </c>
      <c r="CF11" s="281">
        <v>80</v>
      </c>
      <c r="CG11" s="281">
        <v>159</v>
      </c>
      <c r="CH11" s="281">
        <v>206</v>
      </c>
      <c r="CI11" s="281">
        <v>106</v>
      </c>
      <c r="CJ11" s="281">
        <v>57</v>
      </c>
      <c r="CK11" s="278">
        <v>608</v>
      </c>
      <c r="CL11" s="283">
        <v>616</v>
      </c>
      <c r="CM11" s="277">
        <v>0</v>
      </c>
      <c r="CN11" s="281">
        <v>0</v>
      </c>
      <c r="CO11" s="278">
        <v>0</v>
      </c>
      <c r="CP11" s="280">
        <v>0</v>
      </c>
      <c r="CQ11" s="281">
        <v>2</v>
      </c>
      <c r="CR11" s="281">
        <v>4</v>
      </c>
      <c r="CS11" s="281">
        <v>6</v>
      </c>
      <c r="CT11" s="281">
        <v>2</v>
      </c>
      <c r="CU11" s="281">
        <v>1</v>
      </c>
      <c r="CV11" s="278">
        <v>15</v>
      </c>
      <c r="CW11" s="283">
        <v>15</v>
      </c>
      <c r="CX11" s="277">
        <v>0</v>
      </c>
      <c r="CY11" s="281">
        <v>0</v>
      </c>
      <c r="CZ11" s="278">
        <v>0</v>
      </c>
      <c r="DA11" s="280">
        <v>0</v>
      </c>
      <c r="DB11" s="281">
        <v>0</v>
      </c>
      <c r="DC11" s="281">
        <v>0</v>
      </c>
      <c r="DD11" s="281">
        <v>0</v>
      </c>
      <c r="DE11" s="281">
        <v>0</v>
      </c>
      <c r="DF11" s="281">
        <v>0</v>
      </c>
      <c r="DG11" s="278">
        <v>0</v>
      </c>
      <c r="DH11" s="283">
        <v>0</v>
      </c>
      <c r="DI11" s="277">
        <v>0</v>
      </c>
      <c r="DJ11" s="281">
        <v>0</v>
      </c>
      <c r="DK11" s="278">
        <v>0</v>
      </c>
      <c r="DL11" s="280">
        <v>0</v>
      </c>
      <c r="DM11" s="281">
        <v>0</v>
      </c>
      <c r="DN11" s="281">
        <v>0</v>
      </c>
      <c r="DO11" s="281">
        <v>0</v>
      </c>
      <c r="DP11" s="281">
        <v>0</v>
      </c>
      <c r="DQ11" s="281">
        <v>0</v>
      </c>
      <c r="DR11" s="278">
        <v>0</v>
      </c>
      <c r="DS11" s="283">
        <v>0</v>
      </c>
      <c r="DT11" s="277">
        <v>371</v>
      </c>
      <c r="DU11" s="281">
        <v>558</v>
      </c>
      <c r="DV11" s="278">
        <v>929</v>
      </c>
      <c r="DW11" s="280">
        <v>0</v>
      </c>
      <c r="DX11" s="281">
        <v>901</v>
      </c>
      <c r="DY11" s="281">
        <v>1445</v>
      </c>
      <c r="DZ11" s="281">
        <v>866</v>
      </c>
      <c r="EA11" s="281">
        <v>580</v>
      </c>
      <c r="EB11" s="281">
        <v>405</v>
      </c>
      <c r="EC11" s="278">
        <v>4197</v>
      </c>
      <c r="ED11" s="283">
        <v>5126</v>
      </c>
      <c r="EE11" s="277">
        <v>56</v>
      </c>
      <c r="EF11" s="281">
        <v>18</v>
      </c>
      <c r="EG11" s="278">
        <v>74</v>
      </c>
      <c r="EH11" s="280">
        <v>0</v>
      </c>
      <c r="EI11" s="281">
        <v>154</v>
      </c>
      <c r="EJ11" s="281">
        <v>114</v>
      </c>
      <c r="EK11" s="281">
        <v>103</v>
      </c>
      <c r="EL11" s="281">
        <v>125</v>
      </c>
      <c r="EM11" s="281">
        <v>69</v>
      </c>
      <c r="EN11" s="278">
        <v>565</v>
      </c>
      <c r="EO11" s="283">
        <v>639</v>
      </c>
      <c r="EP11" s="277">
        <v>455</v>
      </c>
      <c r="EQ11" s="281">
        <v>627</v>
      </c>
      <c r="ER11" s="278">
        <v>1082</v>
      </c>
      <c r="ES11" s="280">
        <v>0</v>
      </c>
      <c r="ET11" s="281">
        <v>1732</v>
      </c>
      <c r="EU11" s="281">
        <v>1855</v>
      </c>
      <c r="EV11" s="281">
        <v>1033</v>
      </c>
      <c r="EW11" s="281">
        <v>621</v>
      </c>
      <c r="EX11" s="281">
        <v>425</v>
      </c>
      <c r="EY11" s="278">
        <v>5666</v>
      </c>
      <c r="EZ11" s="283">
        <v>6748</v>
      </c>
    </row>
    <row r="12" spans="2:156" ht="19.5" customHeight="1" x14ac:dyDescent="0.2">
      <c r="B12" s="262" t="s">
        <v>9</v>
      </c>
      <c r="C12" s="277">
        <v>0</v>
      </c>
      <c r="D12" s="281">
        <v>0</v>
      </c>
      <c r="E12" s="385">
        <v>0</v>
      </c>
      <c r="F12" s="280">
        <v>0</v>
      </c>
      <c r="G12" s="281">
        <v>628</v>
      </c>
      <c r="H12" s="281">
        <v>517</v>
      </c>
      <c r="I12" s="281">
        <v>341</v>
      </c>
      <c r="J12" s="281">
        <v>351</v>
      </c>
      <c r="K12" s="281">
        <v>246</v>
      </c>
      <c r="L12" s="282">
        <v>2083</v>
      </c>
      <c r="M12" s="283">
        <v>2083</v>
      </c>
      <c r="N12" s="277">
        <v>0</v>
      </c>
      <c r="O12" s="281">
        <v>0</v>
      </c>
      <c r="P12" s="278">
        <v>0</v>
      </c>
      <c r="Q12" s="280">
        <v>0</v>
      </c>
      <c r="R12" s="281">
        <v>5</v>
      </c>
      <c r="S12" s="281">
        <v>4</v>
      </c>
      <c r="T12" s="281">
        <v>18</v>
      </c>
      <c r="U12" s="281">
        <v>49</v>
      </c>
      <c r="V12" s="281">
        <v>107</v>
      </c>
      <c r="W12" s="278">
        <v>183</v>
      </c>
      <c r="X12" s="283">
        <v>183</v>
      </c>
      <c r="Y12" s="277">
        <v>32</v>
      </c>
      <c r="Z12" s="281">
        <v>68</v>
      </c>
      <c r="AA12" s="278">
        <v>100</v>
      </c>
      <c r="AB12" s="280">
        <v>0</v>
      </c>
      <c r="AC12" s="281">
        <v>340</v>
      </c>
      <c r="AD12" s="281">
        <v>307</v>
      </c>
      <c r="AE12" s="281">
        <v>238</v>
      </c>
      <c r="AF12" s="281">
        <v>245</v>
      </c>
      <c r="AG12" s="281">
        <v>186</v>
      </c>
      <c r="AH12" s="278">
        <v>1316</v>
      </c>
      <c r="AI12" s="283">
        <v>1416</v>
      </c>
      <c r="AJ12" s="277">
        <v>5</v>
      </c>
      <c r="AK12" s="281">
        <v>15</v>
      </c>
      <c r="AL12" s="278">
        <v>20</v>
      </c>
      <c r="AM12" s="280">
        <v>0</v>
      </c>
      <c r="AN12" s="281">
        <v>61</v>
      </c>
      <c r="AO12" s="281">
        <v>55</v>
      </c>
      <c r="AP12" s="281">
        <v>43</v>
      </c>
      <c r="AQ12" s="281">
        <v>53</v>
      </c>
      <c r="AR12" s="281">
        <v>40</v>
      </c>
      <c r="AS12" s="278">
        <v>252</v>
      </c>
      <c r="AT12" s="283">
        <v>272</v>
      </c>
      <c r="AU12" s="277">
        <v>82</v>
      </c>
      <c r="AV12" s="281">
        <v>67</v>
      </c>
      <c r="AW12" s="278">
        <v>149</v>
      </c>
      <c r="AX12" s="280">
        <v>0</v>
      </c>
      <c r="AY12" s="281">
        <v>508</v>
      </c>
      <c r="AZ12" s="281">
        <v>519</v>
      </c>
      <c r="BA12" s="281">
        <v>531</v>
      </c>
      <c r="BB12" s="281">
        <v>546</v>
      </c>
      <c r="BC12" s="281">
        <v>388</v>
      </c>
      <c r="BD12" s="282">
        <v>2492</v>
      </c>
      <c r="BE12" s="283">
        <v>2641</v>
      </c>
      <c r="BF12" s="277">
        <v>0</v>
      </c>
      <c r="BG12" s="281">
        <v>0</v>
      </c>
      <c r="BH12" s="278">
        <v>0</v>
      </c>
      <c r="BI12" s="280">
        <v>0</v>
      </c>
      <c r="BJ12" s="281">
        <v>556</v>
      </c>
      <c r="BK12" s="281">
        <v>389</v>
      </c>
      <c r="BL12" s="281">
        <v>240</v>
      </c>
      <c r="BM12" s="281">
        <v>153</v>
      </c>
      <c r="BN12" s="281">
        <v>60</v>
      </c>
      <c r="BO12" s="278">
        <v>1398</v>
      </c>
      <c r="BP12" s="283">
        <v>1398</v>
      </c>
      <c r="BQ12" s="277">
        <v>39</v>
      </c>
      <c r="BR12" s="281">
        <v>56</v>
      </c>
      <c r="BS12" s="278">
        <v>95</v>
      </c>
      <c r="BT12" s="280">
        <v>0</v>
      </c>
      <c r="BU12" s="281">
        <v>138</v>
      </c>
      <c r="BV12" s="281">
        <v>121</v>
      </c>
      <c r="BW12" s="281">
        <v>65</v>
      </c>
      <c r="BX12" s="281">
        <v>79</v>
      </c>
      <c r="BY12" s="281">
        <v>18</v>
      </c>
      <c r="BZ12" s="278">
        <v>421</v>
      </c>
      <c r="CA12" s="283">
        <v>516</v>
      </c>
      <c r="CB12" s="277">
        <v>3</v>
      </c>
      <c r="CC12" s="281">
        <v>3</v>
      </c>
      <c r="CD12" s="278">
        <v>6</v>
      </c>
      <c r="CE12" s="280">
        <v>0</v>
      </c>
      <c r="CF12" s="281">
        <v>64</v>
      </c>
      <c r="CG12" s="281">
        <v>108</v>
      </c>
      <c r="CH12" s="281">
        <v>113</v>
      </c>
      <c r="CI12" s="281">
        <v>115</v>
      </c>
      <c r="CJ12" s="281">
        <v>60</v>
      </c>
      <c r="CK12" s="278">
        <v>460</v>
      </c>
      <c r="CL12" s="283">
        <v>466</v>
      </c>
      <c r="CM12" s="277">
        <v>1</v>
      </c>
      <c r="CN12" s="281">
        <v>0</v>
      </c>
      <c r="CO12" s="278">
        <v>1</v>
      </c>
      <c r="CP12" s="280">
        <v>0</v>
      </c>
      <c r="CQ12" s="281">
        <v>10</v>
      </c>
      <c r="CR12" s="281">
        <v>11</v>
      </c>
      <c r="CS12" s="281">
        <v>24</v>
      </c>
      <c r="CT12" s="281">
        <v>19</v>
      </c>
      <c r="CU12" s="281">
        <v>11</v>
      </c>
      <c r="CV12" s="278">
        <v>75</v>
      </c>
      <c r="CW12" s="283">
        <v>76</v>
      </c>
      <c r="CX12" s="277">
        <v>0</v>
      </c>
      <c r="CY12" s="281">
        <v>0</v>
      </c>
      <c r="CZ12" s="278">
        <v>0</v>
      </c>
      <c r="DA12" s="280">
        <v>0</v>
      </c>
      <c r="DB12" s="281">
        <v>0</v>
      </c>
      <c r="DC12" s="281">
        <v>0</v>
      </c>
      <c r="DD12" s="281">
        <v>0</v>
      </c>
      <c r="DE12" s="281">
        <v>0</v>
      </c>
      <c r="DF12" s="281">
        <v>0</v>
      </c>
      <c r="DG12" s="278">
        <v>0</v>
      </c>
      <c r="DH12" s="283">
        <v>0</v>
      </c>
      <c r="DI12" s="277">
        <v>0</v>
      </c>
      <c r="DJ12" s="281">
        <v>0</v>
      </c>
      <c r="DK12" s="278">
        <v>0</v>
      </c>
      <c r="DL12" s="280">
        <v>0</v>
      </c>
      <c r="DM12" s="281">
        <v>0</v>
      </c>
      <c r="DN12" s="281">
        <v>0</v>
      </c>
      <c r="DO12" s="281">
        <v>0</v>
      </c>
      <c r="DP12" s="281">
        <v>0</v>
      </c>
      <c r="DQ12" s="281">
        <v>0</v>
      </c>
      <c r="DR12" s="278">
        <v>0</v>
      </c>
      <c r="DS12" s="283">
        <v>0</v>
      </c>
      <c r="DT12" s="277">
        <v>350</v>
      </c>
      <c r="DU12" s="281">
        <v>458</v>
      </c>
      <c r="DV12" s="278">
        <v>808</v>
      </c>
      <c r="DW12" s="280">
        <v>0</v>
      </c>
      <c r="DX12" s="281">
        <v>950</v>
      </c>
      <c r="DY12" s="281">
        <v>973</v>
      </c>
      <c r="DZ12" s="281">
        <v>633</v>
      </c>
      <c r="EA12" s="281">
        <v>574</v>
      </c>
      <c r="EB12" s="281">
        <v>357</v>
      </c>
      <c r="EC12" s="278">
        <v>3487</v>
      </c>
      <c r="ED12" s="283">
        <v>4295</v>
      </c>
      <c r="EE12" s="277">
        <v>46</v>
      </c>
      <c r="EF12" s="281">
        <v>34</v>
      </c>
      <c r="EG12" s="278">
        <v>80</v>
      </c>
      <c r="EH12" s="280">
        <v>0</v>
      </c>
      <c r="EI12" s="281">
        <v>191</v>
      </c>
      <c r="EJ12" s="281">
        <v>159</v>
      </c>
      <c r="EK12" s="281">
        <v>144</v>
      </c>
      <c r="EL12" s="281">
        <v>155</v>
      </c>
      <c r="EM12" s="281">
        <v>107</v>
      </c>
      <c r="EN12" s="278">
        <v>756</v>
      </c>
      <c r="EO12" s="283">
        <v>836</v>
      </c>
      <c r="EP12" s="277">
        <v>400</v>
      </c>
      <c r="EQ12" s="281">
        <v>514</v>
      </c>
      <c r="ER12" s="278">
        <v>914</v>
      </c>
      <c r="ES12" s="280">
        <v>0</v>
      </c>
      <c r="ET12" s="281">
        <v>1688</v>
      </c>
      <c r="EU12" s="281">
        <v>1279</v>
      </c>
      <c r="EV12" s="281">
        <v>742</v>
      </c>
      <c r="EW12" s="281">
        <v>615</v>
      </c>
      <c r="EX12" s="281">
        <v>365</v>
      </c>
      <c r="EY12" s="278">
        <v>4689</v>
      </c>
      <c r="EZ12" s="283">
        <v>5603</v>
      </c>
    </row>
    <row r="13" spans="2:156" ht="19.5" customHeight="1" x14ac:dyDescent="0.2">
      <c r="B13" s="262" t="s">
        <v>10</v>
      </c>
      <c r="C13" s="277">
        <v>1</v>
      </c>
      <c r="D13" s="281">
        <v>0</v>
      </c>
      <c r="E13" s="385">
        <v>1</v>
      </c>
      <c r="F13" s="280">
        <v>0</v>
      </c>
      <c r="G13" s="281">
        <v>1333</v>
      </c>
      <c r="H13" s="281">
        <v>711</v>
      </c>
      <c r="I13" s="281">
        <v>440</v>
      </c>
      <c r="J13" s="281">
        <v>410</v>
      </c>
      <c r="K13" s="281">
        <v>338</v>
      </c>
      <c r="L13" s="282">
        <v>3232</v>
      </c>
      <c r="M13" s="283">
        <v>3233</v>
      </c>
      <c r="N13" s="277">
        <v>0</v>
      </c>
      <c r="O13" s="281">
        <v>0</v>
      </c>
      <c r="P13" s="278">
        <v>0</v>
      </c>
      <c r="Q13" s="280">
        <v>0</v>
      </c>
      <c r="R13" s="281">
        <v>10</v>
      </c>
      <c r="S13" s="281">
        <v>19</v>
      </c>
      <c r="T13" s="281">
        <v>39</v>
      </c>
      <c r="U13" s="281">
        <v>90</v>
      </c>
      <c r="V13" s="281">
        <v>160</v>
      </c>
      <c r="W13" s="278">
        <v>318</v>
      </c>
      <c r="X13" s="283">
        <v>318</v>
      </c>
      <c r="Y13" s="277">
        <v>135</v>
      </c>
      <c r="Z13" s="281">
        <v>287</v>
      </c>
      <c r="AA13" s="278">
        <v>422</v>
      </c>
      <c r="AB13" s="280">
        <v>0</v>
      </c>
      <c r="AC13" s="281">
        <v>710</v>
      </c>
      <c r="AD13" s="281">
        <v>487</v>
      </c>
      <c r="AE13" s="281">
        <v>328</v>
      </c>
      <c r="AF13" s="281">
        <v>277</v>
      </c>
      <c r="AG13" s="281">
        <v>261</v>
      </c>
      <c r="AH13" s="278">
        <v>2063</v>
      </c>
      <c r="AI13" s="283">
        <v>2485</v>
      </c>
      <c r="AJ13" s="277">
        <v>24</v>
      </c>
      <c r="AK13" s="281">
        <v>42</v>
      </c>
      <c r="AL13" s="278">
        <v>66</v>
      </c>
      <c r="AM13" s="280">
        <v>0</v>
      </c>
      <c r="AN13" s="281">
        <v>105</v>
      </c>
      <c r="AO13" s="281">
        <v>93</v>
      </c>
      <c r="AP13" s="281">
        <v>55</v>
      </c>
      <c r="AQ13" s="281">
        <v>59</v>
      </c>
      <c r="AR13" s="281">
        <v>50</v>
      </c>
      <c r="AS13" s="278">
        <v>362</v>
      </c>
      <c r="AT13" s="283">
        <v>428</v>
      </c>
      <c r="AU13" s="277">
        <v>176</v>
      </c>
      <c r="AV13" s="281">
        <v>266</v>
      </c>
      <c r="AW13" s="278">
        <v>442</v>
      </c>
      <c r="AX13" s="280">
        <v>0</v>
      </c>
      <c r="AY13" s="281">
        <v>1232</v>
      </c>
      <c r="AZ13" s="281">
        <v>1025</v>
      </c>
      <c r="BA13" s="281">
        <v>846</v>
      </c>
      <c r="BB13" s="281">
        <v>852</v>
      </c>
      <c r="BC13" s="281">
        <v>740</v>
      </c>
      <c r="BD13" s="282">
        <v>4695</v>
      </c>
      <c r="BE13" s="283">
        <v>5137</v>
      </c>
      <c r="BF13" s="277">
        <v>0</v>
      </c>
      <c r="BG13" s="281">
        <v>0</v>
      </c>
      <c r="BH13" s="278">
        <v>0</v>
      </c>
      <c r="BI13" s="280">
        <v>0</v>
      </c>
      <c r="BJ13" s="281">
        <v>1510</v>
      </c>
      <c r="BK13" s="281">
        <v>777</v>
      </c>
      <c r="BL13" s="281">
        <v>474</v>
      </c>
      <c r="BM13" s="281">
        <v>263</v>
      </c>
      <c r="BN13" s="281">
        <v>123</v>
      </c>
      <c r="BO13" s="278">
        <v>3147</v>
      </c>
      <c r="BP13" s="283">
        <v>3147</v>
      </c>
      <c r="BQ13" s="277">
        <v>65</v>
      </c>
      <c r="BR13" s="281">
        <v>87</v>
      </c>
      <c r="BS13" s="278">
        <v>152</v>
      </c>
      <c r="BT13" s="280">
        <v>0</v>
      </c>
      <c r="BU13" s="281">
        <v>252</v>
      </c>
      <c r="BV13" s="281">
        <v>151</v>
      </c>
      <c r="BW13" s="281">
        <v>100</v>
      </c>
      <c r="BX13" s="281">
        <v>54</v>
      </c>
      <c r="BY13" s="281">
        <v>23</v>
      </c>
      <c r="BZ13" s="278">
        <v>580</v>
      </c>
      <c r="CA13" s="283">
        <v>732</v>
      </c>
      <c r="CB13" s="277">
        <v>9</v>
      </c>
      <c r="CC13" s="281">
        <v>28</v>
      </c>
      <c r="CD13" s="278">
        <v>37</v>
      </c>
      <c r="CE13" s="280">
        <v>0</v>
      </c>
      <c r="CF13" s="281">
        <v>174</v>
      </c>
      <c r="CG13" s="281">
        <v>165</v>
      </c>
      <c r="CH13" s="281">
        <v>210</v>
      </c>
      <c r="CI13" s="281">
        <v>135</v>
      </c>
      <c r="CJ13" s="281">
        <v>88</v>
      </c>
      <c r="CK13" s="278">
        <v>772</v>
      </c>
      <c r="CL13" s="283">
        <v>809</v>
      </c>
      <c r="CM13" s="277">
        <v>0</v>
      </c>
      <c r="CN13" s="281">
        <v>1</v>
      </c>
      <c r="CO13" s="278">
        <v>1</v>
      </c>
      <c r="CP13" s="280">
        <v>0</v>
      </c>
      <c r="CQ13" s="281">
        <v>10</v>
      </c>
      <c r="CR13" s="281">
        <v>17</v>
      </c>
      <c r="CS13" s="281">
        <v>21</v>
      </c>
      <c r="CT13" s="281">
        <v>7</v>
      </c>
      <c r="CU13" s="281">
        <v>7</v>
      </c>
      <c r="CV13" s="278">
        <v>62</v>
      </c>
      <c r="CW13" s="283">
        <v>63</v>
      </c>
      <c r="CX13" s="277">
        <v>0</v>
      </c>
      <c r="CY13" s="281">
        <v>0</v>
      </c>
      <c r="CZ13" s="278">
        <v>0</v>
      </c>
      <c r="DA13" s="280">
        <v>0</v>
      </c>
      <c r="DB13" s="281">
        <v>0</v>
      </c>
      <c r="DC13" s="281">
        <v>0</v>
      </c>
      <c r="DD13" s="281">
        <v>0</v>
      </c>
      <c r="DE13" s="281">
        <v>0</v>
      </c>
      <c r="DF13" s="281">
        <v>0</v>
      </c>
      <c r="DG13" s="278">
        <v>0</v>
      </c>
      <c r="DH13" s="283">
        <v>0</v>
      </c>
      <c r="DI13" s="277">
        <v>0</v>
      </c>
      <c r="DJ13" s="281">
        <v>0</v>
      </c>
      <c r="DK13" s="278">
        <v>0</v>
      </c>
      <c r="DL13" s="280">
        <v>0</v>
      </c>
      <c r="DM13" s="281">
        <v>0</v>
      </c>
      <c r="DN13" s="281">
        <v>0</v>
      </c>
      <c r="DO13" s="281">
        <v>0</v>
      </c>
      <c r="DP13" s="281">
        <v>0</v>
      </c>
      <c r="DQ13" s="281">
        <v>0</v>
      </c>
      <c r="DR13" s="278">
        <v>0</v>
      </c>
      <c r="DS13" s="283">
        <v>0</v>
      </c>
      <c r="DT13" s="277">
        <v>927</v>
      </c>
      <c r="DU13" s="281">
        <v>1217</v>
      </c>
      <c r="DV13" s="278">
        <v>2144</v>
      </c>
      <c r="DW13" s="280">
        <v>0</v>
      </c>
      <c r="DX13" s="281">
        <v>1928</v>
      </c>
      <c r="DY13" s="281">
        <v>1552</v>
      </c>
      <c r="DZ13" s="281">
        <v>1045</v>
      </c>
      <c r="EA13" s="281">
        <v>803</v>
      </c>
      <c r="EB13" s="281">
        <v>586</v>
      </c>
      <c r="EC13" s="278">
        <v>5914</v>
      </c>
      <c r="ED13" s="283">
        <v>8058</v>
      </c>
      <c r="EE13" s="277">
        <v>72</v>
      </c>
      <c r="EF13" s="281">
        <v>80</v>
      </c>
      <c r="EG13" s="278">
        <v>152</v>
      </c>
      <c r="EH13" s="280">
        <v>0</v>
      </c>
      <c r="EI13" s="281">
        <v>282</v>
      </c>
      <c r="EJ13" s="281">
        <v>212</v>
      </c>
      <c r="EK13" s="281">
        <v>196</v>
      </c>
      <c r="EL13" s="281">
        <v>206</v>
      </c>
      <c r="EM13" s="281">
        <v>147</v>
      </c>
      <c r="EN13" s="278">
        <v>1043</v>
      </c>
      <c r="EO13" s="283">
        <v>1195</v>
      </c>
      <c r="EP13" s="277">
        <v>1088</v>
      </c>
      <c r="EQ13" s="281">
        <v>1416</v>
      </c>
      <c r="ER13" s="278">
        <v>2504</v>
      </c>
      <c r="ES13" s="280">
        <v>0</v>
      </c>
      <c r="ET13" s="281">
        <v>3386</v>
      </c>
      <c r="EU13" s="281">
        <v>1868</v>
      </c>
      <c r="EV13" s="281">
        <v>1124</v>
      </c>
      <c r="EW13" s="281">
        <v>802</v>
      </c>
      <c r="EX13" s="281">
        <v>561</v>
      </c>
      <c r="EY13" s="278">
        <v>7741</v>
      </c>
      <c r="EZ13" s="283">
        <v>10245</v>
      </c>
    </row>
    <row r="14" spans="2:156" ht="19.5" customHeight="1" x14ac:dyDescent="0.2">
      <c r="B14" s="262" t="s">
        <v>11</v>
      </c>
      <c r="C14" s="277">
        <v>0</v>
      </c>
      <c r="D14" s="281">
        <v>0</v>
      </c>
      <c r="E14" s="385">
        <v>0</v>
      </c>
      <c r="F14" s="280">
        <v>0</v>
      </c>
      <c r="G14" s="281">
        <v>544</v>
      </c>
      <c r="H14" s="281">
        <v>352</v>
      </c>
      <c r="I14" s="281">
        <v>246</v>
      </c>
      <c r="J14" s="281">
        <v>219</v>
      </c>
      <c r="K14" s="281">
        <v>159</v>
      </c>
      <c r="L14" s="282">
        <v>1520</v>
      </c>
      <c r="M14" s="283">
        <v>1520</v>
      </c>
      <c r="N14" s="277">
        <v>0</v>
      </c>
      <c r="O14" s="281">
        <v>1</v>
      </c>
      <c r="P14" s="278">
        <v>1</v>
      </c>
      <c r="Q14" s="280">
        <v>0</v>
      </c>
      <c r="R14" s="281">
        <v>3</v>
      </c>
      <c r="S14" s="281">
        <v>10</v>
      </c>
      <c r="T14" s="281">
        <v>24</v>
      </c>
      <c r="U14" s="281">
        <v>44</v>
      </c>
      <c r="V14" s="281">
        <v>63</v>
      </c>
      <c r="W14" s="278">
        <v>144</v>
      </c>
      <c r="X14" s="283">
        <v>145</v>
      </c>
      <c r="Y14" s="277">
        <v>36</v>
      </c>
      <c r="Z14" s="281">
        <v>55</v>
      </c>
      <c r="AA14" s="278">
        <v>91</v>
      </c>
      <c r="AB14" s="280">
        <v>0</v>
      </c>
      <c r="AC14" s="281">
        <v>314</v>
      </c>
      <c r="AD14" s="281">
        <v>216</v>
      </c>
      <c r="AE14" s="281">
        <v>199</v>
      </c>
      <c r="AF14" s="281">
        <v>174</v>
      </c>
      <c r="AG14" s="281">
        <v>156</v>
      </c>
      <c r="AH14" s="278">
        <v>1059</v>
      </c>
      <c r="AI14" s="283">
        <v>1150</v>
      </c>
      <c r="AJ14" s="277">
        <v>2</v>
      </c>
      <c r="AK14" s="281">
        <v>9</v>
      </c>
      <c r="AL14" s="278">
        <v>11</v>
      </c>
      <c r="AM14" s="280">
        <v>0</v>
      </c>
      <c r="AN14" s="281">
        <v>37</v>
      </c>
      <c r="AO14" s="281">
        <v>26</v>
      </c>
      <c r="AP14" s="281">
        <v>17</v>
      </c>
      <c r="AQ14" s="281">
        <v>19</v>
      </c>
      <c r="AR14" s="281">
        <v>5</v>
      </c>
      <c r="AS14" s="278">
        <v>104</v>
      </c>
      <c r="AT14" s="283">
        <v>115</v>
      </c>
      <c r="AU14" s="277">
        <v>54</v>
      </c>
      <c r="AV14" s="281">
        <v>54</v>
      </c>
      <c r="AW14" s="278">
        <v>108</v>
      </c>
      <c r="AX14" s="280">
        <v>0</v>
      </c>
      <c r="AY14" s="281">
        <v>453</v>
      </c>
      <c r="AZ14" s="281">
        <v>429</v>
      </c>
      <c r="BA14" s="281">
        <v>424</v>
      </c>
      <c r="BB14" s="281">
        <v>403</v>
      </c>
      <c r="BC14" s="281">
        <v>292</v>
      </c>
      <c r="BD14" s="282">
        <v>2001</v>
      </c>
      <c r="BE14" s="283">
        <v>2109</v>
      </c>
      <c r="BF14" s="277">
        <v>0</v>
      </c>
      <c r="BG14" s="281">
        <v>0</v>
      </c>
      <c r="BH14" s="278">
        <v>0</v>
      </c>
      <c r="BI14" s="280">
        <v>0</v>
      </c>
      <c r="BJ14" s="281">
        <v>735</v>
      </c>
      <c r="BK14" s="281">
        <v>375</v>
      </c>
      <c r="BL14" s="281">
        <v>243</v>
      </c>
      <c r="BM14" s="281">
        <v>159</v>
      </c>
      <c r="BN14" s="281">
        <v>91</v>
      </c>
      <c r="BO14" s="278">
        <v>1603</v>
      </c>
      <c r="BP14" s="283">
        <v>1603</v>
      </c>
      <c r="BQ14" s="277">
        <v>45</v>
      </c>
      <c r="BR14" s="281">
        <v>43</v>
      </c>
      <c r="BS14" s="278">
        <v>88</v>
      </c>
      <c r="BT14" s="280">
        <v>0</v>
      </c>
      <c r="BU14" s="281">
        <v>190</v>
      </c>
      <c r="BV14" s="281">
        <v>112</v>
      </c>
      <c r="BW14" s="281">
        <v>81</v>
      </c>
      <c r="BX14" s="281">
        <v>55</v>
      </c>
      <c r="BY14" s="281">
        <v>18</v>
      </c>
      <c r="BZ14" s="278">
        <v>456</v>
      </c>
      <c r="CA14" s="283">
        <v>544</v>
      </c>
      <c r="CB14" s="277">
        <v>5</v>
      </c>
      <c r="CC14" s="281">
        <v>12</v>
      </c>
      <c r="CD14" s="278">
        <v>17</v>
      </c>
      <c r="CE14" s="280">
        <v>0</v>
      </c>
      <c r="CF14" s="281">
        <v>90</v>
      </c>
      <c r="CG14" s="281">
        <v>107</v>
      </c>
      <c r="CH14" s="281">
        <v>114</v>
      </c>
      <c r="CI14" s="281">
        <v>76</v>
      </c>
      <c r="CJ14" s="281">
        <v>35</v>
      </c>
      <c r="CK14" s="278">
        <v>422</v>
      </c>
      <c r="CL14" s="283">
        <v>439</v>
      </c>
      <c r="CM14" s="277">
        <v>0</v>
      </c>
      <c r="CN14" s="281">
        <v>0</v>
      </c>
      <c r="CO14" s="278">
        <v>0</v>
      </c>
      <c r="CP14" s="280">
        <v>0</v>
      </c>
      <c r="CQ14" s="281">
        <v>5</v>
      </c>
      <c r="CR14" s="281">
        <v>7</v>
      </c>
      <c r="CS14" s="281">
        <v>12</v>
      </c>
      <c r="CT14" s="281">
        <v>8</v>
      </c>
      <c r="CU14" s="281">
        <v>7</v>
      </c>
      <c r="CV14" s="278">
        <v>39</v>
      </c>
      <c r="CW14" s="283">
        <v>39</v>
      </c>
      <c r="CX14" s="277">
        <v>0</v>
      </c>
      <c r="CY14" s="281">
        <v>0</v>
      </c>
      <c r="CZ14" s="278">
        <v>0</v>
      </c>
      <c r="DA14" s="280">
        <v>0</v>
      </c>
      <c r="DB14" s="281">
        <v>0</v>
      </c>
      <c r="DC14" s="281">
        <v>0</v>
      </c>
      <c r="DD14" s="281">
        <v>0</v>
      </c>
      <c r="DE14" s="281">
        <v>0</v>
      </c>
      <c r="DF14" s="281">
        <v>0</v>
      </c>
      <c r="DG14" s="278">
        <v>0</v>
      </c>
      <c r="DH14" s="283">
        <v>0</v>
      </c>
      <c r="DI14" s="277">
        <v>0</v>
      </c>
      <c r="DJ14" s="281">
        <v>0</v>
      </c>
      <c r="DK14" s="278">
        <v>0</v>
      </c>
      <c r="DL14" s="280">
        <v>0</v>
      </c>
      <c r="DM14" s="281">
        <v>0</v>
      </c>
      <c r="DN14" s="281">
        <v>0</v>
      </c>
      <c r="DO14" s="281">
        <v>0</v>
      </c>
      <c r="DP14" s="281">
        <v>0</v>
      </c>
      <c r="DQ14" s="281">
        <v>0</v>
      </c>
      <c r="DR14" s="278">
        <v>0</v>
      </c>
      <c r="DS14" s="283">
        <v>0</v>
      </c>
      <c r="DT14" s="277">
        <v>392</v>
      </c>
      <c r="DU14" s="281">
        <v>451</v>
      </c>
      <c r="DV14" s="278">
        <v>843</v>
      </c>
      <c r="DW14" s="280">
        <v>0</v>
      </c>
      <c r="DX14" s="281">
        <v>1012</v>
      </c>
      <c r="DY14" s="281">
        <v>815</v>
      </c>
      <c r="DZ14" s="281">
        <v>606</v>
      </c>
      <c r="EA14" s="281">
        <v>468</v>
      </c>
      <c r="EB14" s="281">
        <v>278</v>
      </c>
      <c r="EC14" s="278">
        <v>3179</v>
      </c>
      <c r="ED14" s="283">
        <v>4022</v>
      </c>
      <c r="EE14" s="277">
        <v>39</v>
      </c>
      <c r="EF14" s="281">
        <v>31</v>
      </c>
      <c r="EG14" s="278">
        <v>70</v>
      </c>
      <c r="EH14" s="280">
        <v>0</v>
      </c>
      <c r="EI14" s="281">
        <v>196</v>
      </c>
      <c r="EJ14" s="281">
        <v>140</v>
      </c>
      <c r="EK14" s="281">
        <v>133</v>
      </c>
      <c r="EL14" s="281">
        <v>157</v>
      </c>
      <c r="EM14" s="281">
        <v>76</v>
      </c>
      <c r="EN14" s="278">
        <v>702</v>
      </c>
      <c r="EO14" s="283">
        <v>772</v>
      </c>
      <c r="EP14" s="277">
        <v>475</v>
      </c>
      <c r="EQ14" s="281">
        <v>524</v>
      </c>
      <c r="ER14" s="278">
        <v>999</v>
      </c>
      <c r="ES14" s="280">
        <v>0</v>
      </c>
      <c r="ET14" s="281">
        <v>1926</v>
      </c>
      <c r="EU14" s="281">
        <v>1070</v>
      </c>
      <c r="EV14" s="281">
        <v>704</v>
      </c>
      <c r="EW14" s="281">
        <v>485</v>
      </c>
      <c r="EX14" s="281">
        <v>288</v>
      </c>
      <c r="EY14" s="278">
        <v>4473</v>
      </c>
      <c r="EZ14" s="283">
        <v>5472</v>
      </c>
    </row>
    <row r="15" spans="2:156" ht="19.5" customHeight="1" x14ac:dyDescent="0.2">
      <c r="B15" s="262" t="s">
        <v>12</v>
      </c>
      <c r="C15" s="277">
        <v>0</v>
      </c>
      <c r="D15" s="281">
        <v>0</v>
      </c>
      <c r="E15" s="385">
        <v>0</v>
      </c>
      <c r="F15" s="280">
        <v>0</v>
      </c>
      <c r="G15" s="281">
        <v>511</v>
      </c>
      <c r="H15" s="281">
        <v>442</v>
      </c>
      <c r="I15" s="281">
        <v>297</v>
      </c>
      <c r="J15" s="281">
        <v>313</v>
      </c>
      <c r="K15" s="281">
        <v>202</v>
      </c>
      <c r="L15" s="282">
        <v>1765</v>
      </c>
      <c r="M15" s="283">
        <v>1765</v>
      </c>
      <c r="N15" s="277">
        <v>0</v>
      </c>
      <c r="O15" s="281">
        <v>4</v>
      </c>
      <c r="P15" s="278">
        <v>4</v>
      </c>
      <c r="Q15" s="280">
        <v>0</v>
      </c>
      <c r="R15" s="281">
        <v>3</v>
      </c>
      <c r="S15" s="281">
        <v>17</v>
      </c>
      <c r="T15" s="281">
        <v>20</v>
      </c>
      <c r="U15" s="281">
        <v>59</v>
      </c>
      <c r="V15" s="281">
        <v>80</v>
      </c>
      <c r="W15" s="278">
        <v>179</v>
      </c>
      <c r="X15" s="283">
        <v>183</v>
      </c>
      <c r="Y15" s="277">
        <v>117</v>
      </c>
      <c r="Z15" s="281">
        <v>202</v>
      </c>
      <c r="AA15" s="278">
        <v>319</v>
      </c>
      <c r="AB15" s="280">
        <v>0</v>
      </c>
      <c r="AC15" s="281">
        <v>293</v>
      </c>
      <c r="AD15" s="281">
        <v>324</v>
      </c>
      <c r="AE15" s="281">
        <v>200</v>
      </c>
      <c r="AF15" s="281">
        <v>226</v>
      </c>
      <c r="AG15" s="281">
        <v>155</v>
      </c>
      <c r="AH15" s="278">
        <v>1198</v>
      </c>
      <c r="AI15" s="283">
        <v>1517</v>
      </c>
      <c r="AJ15" s="277">
        <v>5</v>
      </c>
      <c r="AK15" s="281">
        <v>17</v>
      </c>
      <c r="AL15" s="278">
        <v>22</v>
      </c>
      <c r="AM15" s="280">
        <v>0</v>
      </c>
      <c r="AN15" s="281">
        <v>16</v>
      </c>
      <c r="AO15" s="281">
        <v>38</v>
      </c>
      <c r="AP15" s="281">
        <v>26</v>
      </c>
      <c r="AQ15" s="281">
        <v>22</v>
      </c>
      <c r="AR15" s="281">
        <v>15</v>
      </c>
      <c r="AS15" s="278">
        <v>117</v>
      </c>
      <c r="AT15" s="283">
        <v>139</v>
      </c>
      <c r="AU15" s="277">
        <v>75</v>
      </c>
      <c r="AV15" s="281">
        <v>116</v>
      </c>
      <c r="AW15" s="278">
        <v>191</v>
      </c>
      <c r="AX15" s="280">
        <v>0</v>
      </c>
      <c r="AY15" s="281">
        <v>326</v>
      </c>
      <c r="AZ15" s="281">
        <v>350</v>
      </c>
      <c r="BA15" s="281">
        <v>343</v>
      </c>
      <c r="BB15" s="281">
        <v>429</v>
      </c>
      <c r="BC15" s="281">
        <v>308</v>
      </c>
      <c r="BD15" s="282">
        <v>1756</v>
      </c>
      <c r="BE15" s="283">
        <v>1947</v>
      </c>
      <c r="BF15" s="277">
        <v>0</v>
      </c>
      <c r="BG15" s="281">
        <v>0</v>
      </c>
      <c r="BH15" s="278">
        <v>0</v>
      </c>
      <c r="BI15" s="280">
        <v>0</v>
      </c>
      <c r="BJ15" s="281">
        <v>545</v>
      </c>
      <c r="BK15" s="281">
        <v>406</v>
      </c>
      <c r="BL15" s="281">
        <v>277</v>
      </c>
      <c r="BM15" s="281">
        <v>206</v>
      </c>
      <c r="BN15" s="281">
        <v>81</v>
      </c>
      <c r="BO15" s="278">
        <v>1515</v>
      </c>
      <c r="BP15" s="283">
        <v>1515</v>
      </c>
      <c r="BQ15" s="277">
        <v>128</v>
      </c>
      <c r="BR15" s="281">
        <v>125</v>
      </c>
      <c r="BS15" s="278">
        <v>253</v>
      </c>
      <c r="BT15" s="280">
        <v>0</v>
      </c>
      <c r="BU15" s="281">
        <v>120</v>
      </c>
      <c r="BV15" s="281">
        <v>162</v>
      </c>
      <c r="BW15" s="281">
        <v>113</v>
      </c>
      <c r="BX15" s="281">
        <v>84</v>
      </c>
      <c r="BY15" s="281">
        <v>31</v>
      </c>
      <c r="BZ15" s="278">
        <v>510</v>
      </c>
      <c r="CA15" s="283">
        <v>763</v>
      </c>
      <c r="CB15" s="277">
        <v>5</v>
      </c>
      <c r="CC15" s="281">
        <v>13</v>
      </c>
      <c r="CD15" s="278">
        <v>18</v>
      </c>
      <c r="CE15" s="280">
        <v>0</v>
      </c>
      <c r="CF15" s="281">
        <v>89</v>
      </c>
      <c r="CG15" s="281">
        <v>86</v>
      </c>
      <c r="CH15" s="281">
        <v>125</v>
      </c>
      <c r="CI15" s="281">
        <v>106</v>
      </c>
      <c r="CJ15" s="281">
        <v>49</v>
      </c>
      <c r="CK15" s="278">
        <v>455</v>
      </c>
      <c r="CL15" s="283">
        <v>473</v>
      </c>
      <c r="CM15" s="277">
        <v>0</v>
      </c>
      <c r="CN15" s="281">
        <v>0</v>
      </c>
      <c r="CO15" s="278">
        <v>0</v>
      </c>
      <c r="CP15" s="280">
        <v>0</v>
      </c>
      <c r="CQ15" s="281">
        <v>2</v>
      </c>
      <c r="CR15" s="281">
        <v>5</v>
      </c>
      <c r="CS15" s="281">
        <v>4</v>
      </c>
      <c r="CT15" s="281">
        <v>5</v>
      </c>
      <c r="CU15" s="281">
        <v>2</v>
      </c>
      <c r="CV15" s="278">
        <v>18</v>
      </c>
      <c r="CW15" s="283">
        <v>18</v>
      </c>
      <c r="CX15" s="277">
        <v>0</v>
      </c>
      <c r="CY15" s="281">
        <v>0</v>
      </c>
      <c r="CZ15" s="278">
        <v>0</v>
      </c>
      <c r="DA15" s="280">
        <v>0</v>
      </c>
      <c r="DB15" s="281">
        <v>0</v>
      </c>
      <c r="DC15" s="281">
        <v>0</v>
      </c>
      <c r="DD15" s="281">
        <v>0</v>
      </c>
      <c r="DE15" s="281">
        <v>0</v>
      </c>
      <c r="DF15" s="281">
        <v>0</v>
      </c>
      <c r="DG15" s="278">
        <v>0</v>
      </c>
      <c r="DH15" s="283">
        <v>0</v>
      </c>
      <c r="DI15" s="277">
        <v>0</v>
      </c>
      <c r="DJ15" s="281">
        <v>0</v>
      </c>
      <c r="DK15" s="278">
        <v>0</v>
      </c>
      <c r="DL15" s="280">
        <v>0</v>
      </c>
      <c r="DM15" s="281">
        <v>0</v>
      </c>
      <c r="DN15" s="281">
        <v>0</v>
      </c>
      <c r="DO15" s="281">
        <v>0</v>
      </c>
      <c r="DP15" s="281">
        <v>0</v>
      </c>
      <c r="DQ15" s="281">
        <v>0</v>
      </c>
      <c r="DR15" s="278">
        <v>0</v>
      </c>
      <c r="DS15" s="283">
        <v>0</v>
      </c>
      <c r="DT15" s="277">
        <v>488</v>
      </c>
      <c r="DU15" s="281">
        <v>785</v>
      </c>
      <c r="DV15" s="278">
        <v>1273</v>
      </c>
      <c r="DW15" s="280">
        <v>0</v>
      </c>
      <c r="DX15" s="281">
        <v>546</v>
      </c>
      <c r="DY15" s="281">
        <v>896</v>
      </c>
      <c r="DZ15" s="281">
        <v>681</v>
      </c>
      <c r="EA15" s="281">
        <v>620</v>
      </c>
      <c r="EB15" s="281">
        <v>341</v>
      </c>
      <c r="EC15" s="278">
        <v>3084</v>
      </c>
      <c r="ED15" s="283">
        <v>4357</v>
      </c>
      <c r="EE15" s="277">
        <v>43</v>
      </c>
      <c r="EF15" s="281">
        <v>48</v>
      </c>
      <c r="EG15" s="278">
        <v>91</v>
      </c>
      <c r="EH15" s="280">
        <v>0</v>
      </c>
      <c r="EI15" s="281">
        <v>112</v>
      </c>
      <c r="EJ15" s="281">
        <v>101</v>
      </c>
      <c r="EK15" s="281">
        <v>98</v>
      </c>
      <c r="EL15" s="281">
        <v>122</v>
      </c>
      <c r="EM15" s="281">
        <v>77</v>
      </c>
      <c r="EN15" s="278">
        <v>510</v>
      </c>
      <c r="EO15" s="283">
        <v>601</v>
      </c>
      <c r="EP15" s="277">
        <v>672</v>
      </c>
      <c r="EQ15" s="281">
        <v>922</v>
      </c>
      <c r="ER15" s="278">
        <v>1594</v>
      </c>
      <c r="ES15" s="280">
        <v>0</v>
      </c>
      <c r="ET15" s="281">
        <v>1427</v>
      </c>
      <c r="EU15" s="281">
        <v>1179</v>
      </c>
      <c r="EV15" s="281">
        <v>771</v>
      </c>
      <c r="EW15" s="281">
        <v>614</v>
      </c>
      <c r="EX15" s="281">
        <v>337</v>
      </c>
      <c r="EY15" s="278">
        <v>4328</v>
      </c>
      <c r="EZ15" s="283">
        <v>5922</v>
      </c>
    </row>
    <row r="16" spans="2:156" ht="19.5" customHeight="1" x14ac:dyDescent="0.2">
      <c r="B16" s="262" t="s">
        <v>13</v>
      </c>
      <c r="C16" s="277">
        <v>0</v>
      </c>
      <c r="D16" s="281">
        <v>0</v>
      </c>
      <c r="E16" s="385">
        <v>0</v>
      </c>
      <c r="F16" s="280">
        <v>0</v>
      </c>
      <c r="G16" s="281">
        <v>219</v>
      </c>
      <c r="H16" s="281">
        <v>216</v>
      </c>
      <c r="I16" s="281">
        <v>135</v>
      </c>
      <c r="J16" s="281">
        <v>116</v>
      </c>
      <c r="K16" s="281">
        <v>101</v>
      </c>
      <c r="L16" s="282">
        <v>787</v>
      </c>
      <c r="M16" s="283">
        <v>787</v>
      </c>
      <c r="N16" s="277">
        <v>1</v>
      </c>
      <c r="O16" s="281">
        <v>0</v>
      </c>
      <c r="P16" s="278">
        <v>1</v>
      </c>
      <c r="Q16" s="280">
        <v>0</v>
      </c>
      <c r="R16" s="281">
        <v>0</v>
      </c>
      <c r="S16" s="281">
        <v>3</v>
      </c>
      <c r="T16" s="281">
        <v>7</v>
      </c>
      <c r="U16" s="281">
        <v>16</v>
      </c>
      <c r="V16" s="281">
        <v>28</v>
      </c>
      <c r="W16" s="278">
        <v>54</v>
      </c>
      <c r="X16" s="283">
        <v>55</v>
      </c>
      <c r="Y16" s="277">
        <v>10</v>
      </c>
      <c r="Z16" s="281">
        <v>20</v>
      </c>
      <c r="AA16" s="278">
        <v>30</v>
      </c>
      <c r="AB16" s="280">
        <v>0</v>
      </c>
      <c r="AC16" s="281">
        <v>93</v>
      </c>
      <c r="AD16" s="281">
        <v>129</v>
      </c>
      <c r="AE16" s="281">
        <v>84</v>
      </c>
      <c r="AF16" s="281">
        <v>90</v>
      </c>
      <c r="AG16" s="281">
        <v>79</v>
      </c>
      <c r="AH16" s="278">
        <v>475</v>
      </c>
      <c r="AI16" s="283">
        <v>505</v>
      </c>
      <c r="AJ16" s="277">
        <v>3</v>
      </c>
      <c r="AK16" s="281">
        <v>5</v>
      </c>
      <c r="AL16" s="278">
        <v>8</v>
      </c>
      <c r="AM16" s="280">
        <v>0</v>
      </c>
      <c r="AN16" s="281">
        <v>18</v>
      </c>
      <c r="AO16" s="281">
        <v>28</v>
      </c>
      <c r="AP16" s="281">
        <v>9</v>
      </c>
      <c r="AQ16" s="281">
        <v>12</v>
      </c>
      <c r="AR16" s="281">
        <v>5</v>
      </c>
      <c r="AS16" s="278">
        <v>72</v>
      </c>
      <c r="AT16" s="283">
        <v>80</v>
      </c>
      <c r="AU16" s="277">
        <v>35</v>
      </c>
      <c r="AV16" s="281">
        <v>32</v>
      </c>
      <c r="AW16" s="278">
        <v>67</v>
      </c>
      <c r="AX16" s="280">
        <v>0</v>
      </c>
      <c r="AY16" s="281">
        <v>176</v>
      </c>
      <c r="AZ16" s="281">
        <v>168</v>
      </c>
      <c r="BA16" s="281">
        <v>182</v>
      </c>
      <c r="BB16" s="281">
        <v>173</v>
      </c>
      <c r="BC16" s="281">
        <v>134</v>
      </c>
      <c r="BD16" s="282">
        <v>833</v>
      </c>
      <c r="BE16" s="283">
        <v>900</v>
      </c>
      <c r="BF16" s="277">
        <v>0</v>
      </c>
      <c r="BG16" s="281">
        <v>0</v>
      </c>
      <c r="BH16" s="278">
        <v>0</v>
      </c>
      <c r="BI16" s="280">
        <v>0</v>
      </c>
      <c r="BJ16" s="281">
        <v>181</v>
      </c>
      <c r="BK16" s="281">
        <v>174</v>
      </c>
      <c r="BL16" s="281">
        <v>103</v>
      </c>
      <c r="BM16" s="281">
        <v>65</v>
      </c>
      <c r="BN16" s="281">
        <v>30</v>
      </c>
      <c r="BO16" s="278">
        <v>553</v>
      </c>
      <c r="BP16" s="283">
        <v>553</v>
      </c>
      <c r="BQ16" s="277">
        <v>12</v>
      </c>
      <c r="BR16" s="281">
        <v>28</v>
      </c>
      <c r="BS16" s="278">
        <v>40</v>
      </c>
      <c r="BT16" s="280">
        <v>0</v>
      </c>
      <c r="BU16" s="281">
        <v>34</v>
      </c>
      <c r="BV16" s="281">
        <v>36</v>
      </c>
      <c r="BW16" s="281">
        <v>25</v>
      </c>
      <c r="BX16" s="281">
        <v>25</v>
      </c>
      <c r="BY16" s="281">
        <v>14</v>
      </c>
      <c r="BZ16" s="278">
        <v>134</v>
      </c>
      <c r="CA16" s="283">
        <v>174</v>
      </c>
      <c r="CB16" s="277">
        <v>0</v>
      </c>
      <c r="CC16" s="281">
        <v>1</v>
      </c>
      <c r="CD16" s="278">
        <v>1</v>
      </c>
      <c r="CE16" s="280">
        <v>0</v>
      </c>
      <c r="CF16" s="281">
        <v>20</v>
      </c>
      <c r="CG16" s="281">
        <v>30</v>
      </c>
      <c r="CH16" s="281">
        <v>43</v>
      </c>
      <c r="CI16" s="281">
        <v>38</v>
      </c>
      <c r="CJ16" s="281">
        <v>30</v>
      </c>
      <c r="CK16" s="278">
        <v>161</v>
      </c>
      <c r="CL16" s="283">
        <v>162</v>
      </c>
      <c r="CM16" s="277">
        <v>0</v>
      </c>
      <c r="CN16" s="281">
        <v>0</v>
      </c>
      <c r="CO16" s="278">
        <v>0</v>
      </c>
      <c r="CP16" s="280">
        <v>0</v>
      </c>
      <c r="CQ16" s="281">
        <v>5</v>
      </c>
      <c r="CR16" s="281">
        <v>5</v>
      </c>
      <c r="CS16" s="281">
        <v>4</v>
      </c>
      <c r="CT16" s="281">
        <v>5</v>
      </c>
      <c r="CU16" s="281">
        <v>3</v>
      </c>
      <c r="CV16" s="278">
        <v>22</v>
      </c>
      <c r="CW16" s="283">
        <v>22</v>
      </c>
      <c r="CX16" s="277">
        <v>0</v>
      </c>
      <c r="CY16" s="281">
        <v>0</v>
      </c>
      <c r="CZ16" s="278">
        <v>0</v>
      </c>
      <c r="DA16" s="280">
        <v>0</v>
      </c>
      <c r="DB16" s="281">
        <v>0</v>
      </c>
      <c r="DC16" s="281">
        <v>0</v>
      </c>
      <c r="DD16" s="281">
        <v>0</v>
      </c>
      <c r="DE16" s="281">
        <v>0</v>
      </c>
      <c r="DF16" s="281">
        <v>0</v>
      </c>
      <c r="DG16" s="278">
        <v>0</v>
      </c>
      <c r="DH16" s="283">
        <v>0</v>
      </c>
      <c r="DI16" s="277">
        <v>0</v>
      </c>
      <c r="DJ16" s="281">
        <v>0</v>
      </c>
      <c r="DK16" s="278">
        <v>0</v>
      </c>
      <c r="DL16" s="280">
        <v>0</v>
      </c>
      <c r="DM16" s="281">
        <v>0</v>
      </c>
      <c r="DN16" s="281">
        <v>0</v>
      </c>
      <c r="DO16" s="281">
        <v>0</v>
      </c>
      <c r="DP16" s="281">
        <v>0</v>
      </c>
      <c r="DQ16" s="281">
        <v>0</v>
      </c>
      <c r="DR16" s="278">
        <v>0</v>
      </c>
      <c r="DS16" s="283">
        <v>0</v>
      </c>
      <c r="DT16" s="277">
        <v>68</v>
      </c>
      <c r="DU16" s="281">
        <v>163</v>
      </c>
      <c r="DV16" s="278">
        <v>231</v>
      </c>
      <c r="DW16" s="280">
        <v>0</v>
      </c>
      <c r="DX16" s="281">
        <v>250</v>
      </c>
      <c r="DY16" s="281">
        <v>382</v>
      </c>
      <c r="DZ16" s="281">
        <v>219</v>
      </c>
      <c r="EA16" s="281">
        <v>207</v>
      </c>
      <c r="EB16" s="281">
        <v>138</v>
      </c>
      <c r="EC16" s="278">
        <v>1196</v>
      </c>
      <c r="ED16" s="283">
        <v>1427</v>
      </c>
      <c r="EE16" s="277">
        <v>28</v>
      </c>
      <c r="EF16" s="281">
        <v>20</v>
      </c>
      <c r="EG16" s="278">
        <v>48</v>
      </c>
      <c r="EH16" s="280">
        <v>0</v>
      </c>
      <c r="EI16" s="281">
        <v>87</v>
      </c>
      <c r="EJ16" s="281">
        <v>62</v>
      </c>
      <c r="EK16" s="281">
        <v>71</v>
      </c>
      <c r="EL16" s="281">
        <v>63</v>
      </c>
      <c r="EM16" s="281">
        <v>43</v>
      </c>
      <c r="EN16" s="278">
        <v>326</v>
      </c>
      <c r="EO16" s="283">
        <v>374</v>
      </c>
      <c r="EP16" s="277">
        <v>92</v>
      </c>
      <c r="EQ16" s="281">
        <v>191</v>
      </c>
      <c r="ER16" s="278">
        <v>283</v>
      </c>
      <c r="ES16" s="280">
        <v>0</v>
      </c>
      <c r="ET16" s="281">
        <v>556</v>
      </c>
      <c r="EU16" s="281">
        <v>523</v>
      </c>
      <c r="EV16" s="281">
        <v>294</v>
      </c>
      <c r="EW16" s="281">
        <v>235</v>
      </c>
      <c r="EX16" s="281">
        <v>158</v>
      </c>
      <c r="EY16" s="278">
        <v>1766</v>
      </c>
      <c r="EZ16" s="283">
        <v>2049</v>
      </c>
    </row>
    <row r="17" spans="2:156" ht="19.5" customHeight="1" x14ac:dyDescent="0.2">
      <c r="B17" s="262" t="s">
        <v>15</v>
      </c>
      <c r="C17" s="277">
        <v>0</v>
      </c>
      <c r="D17" s="281">
        <v>0</v>
      </c>
      <c r="E17" s="385">
        <v>0</v>
      </c>
      <c r="F17" s="280">
        <v>0</v>
      </c>
      <c r="G17" s="281">
        <v>112</v>
      </c>
      <c r="H17" s="281">
        <v>155</v>
      </c>
      <c r="I17" s="281">
        <v>74</v>
      </c>
      <c r="J17" s="281">
        <v>45</v>
      </c>
      <c r="K17" s="281">
        <v>46</v>
      </c>
      <c r="L17" s="282">
        <v>432</v>
      </c>
      <c r="M17" s="283">
        <v>432</v>
      </c>
      <c r="N17" s="277">
        <v>0</v>
      </c>
      <c r="O17" s="281">
        <v>0</v>
      </c>
      <c r="P17" s="278">
        <v>0</v>
      </c>
      <c r="Q17" s="280">
        <v>0</v>
      </c>
      <c r="R17" s="281">
        <v>1</v>
      </c>
      <c r="S17" s="281">
        <v>5</v>
      </c>
      <c r="T17" s="281">
        <v>6</v>
      </c>
      <c r="U17" s="281">
        <v>17</v>
      </c>
      <c r="V17" s="281">
        <v>29</v>
      </c>
      <c r="W17" s="278">
        <v>58</v>
      </c>
      <c r="X17" s="283">
        <v>58</v>
      </c>
      <c r="Y17" s="277">
        <v>3</v>
      </c>
      <c r="Z17" s="281">
        <v>10</v>
      </c>
      <c r="AA17" s="278">
        <v>13</v>
      </c>
      <c r="AB17" s="280">
        <v>0</v>
      </c>
      <c r="AC17" s="281">
        <v>40</v>
      </c>
      <c r="AD17" s="281">
        <v>78</v>
      </c>
      <c r="AE17" s="281">
        <v>42</v>
      </c>
      <c r="AF17" s="281">
        <v>39</v>
      </c>
      <c r="AG17" s="281">
        <v>45</v>
      </c>
      <c r="AH17" s="278">
        <v>244</v>
      </c>
      <c r="AI17" s="283">
        <v>257</v>
      </c>
      <c r="AJ17" s="277">
        <v>0</v>
      </c>
      <c r="AK17" s="281">
        <v>1</v>
      </c>
      <c r="AL17" s="278">
        <v>1</v>
      </c>
      <c r="AM17" s="280">
        <v>0</v>
      </c>
      <c r="AN17" s="281">
        <v>8</v>
      </c>
      <c r="AO17" s="281">
        <v>12</v>
      </c>
      <c r="AP17" s="281">
        <v>7</v>
      </c>
      <c r="AQ17" s="281">
        <v>3</v>
      </c>
      <c r="AR17" s="281">
        <v>6</v>
      </c>
      <c r="AS17" s="278">
        <v>36</v>
      </c>
      <c r="AT17" s="283">
        <v>37</v>
      </c>
      <c r="AU17" s="277">
        <v>7</v>
      </c>
      <c r="AV17" s="281">
        <v>17</v>
      </c>
      <c r="AW17" s="278">
        <v>24</v>
      </c>
      <c r="AX17" s="280">
        <v>0</v>
      </c>
      <c r="AY17" s="281">
        <v>120</v>
      </c>
      <c r="AZ17" s="281">
        <v>106</v>
      </c>
      <c r="BA17" s="281">
        <v>100</v>
      </c>
      <c r="BB17" s="281">
        <v>87</v>
      </c>
      <c r="BC17" s="281">
        <v>75</v>
      </c>
      <c r="BD17" s="282">
        <v>488</v>
      </c>
      <c r="BE17" s="283">
        <v>512</v>
      </c>
      <c r="BF17" s="277">
        <v>0</v>
      </c>
      <c r="BG17" s="281">
        <v>0</v>
      </c>
      <c r="BH17" s="278">
        <v>0</v>
      </c>
      <c r="BI17" s="280">
        <v>0</v>
      </c>
      <c r="BJ17" s="281">
        <v>105</v>
      </c>
      <c r="BK17" s="281">
        <v>142</v>
      </c>
      <c r="BL17" s="281">
        <v>64</v>
      </c>
      <c r="BM17" s="281">
        <v>18</v>
      </c>
      <c r="BN17" s="281">
        <v>12</v>
      </c>
      <c r="BO17" s="278">
        <v>341</v>
      </c>
      <c r="BP17" s="283">
        <v>341</v>
      </c>
      <c r="BQ17" s="277">
        <v>1</v>
      </c>
      <c r="BR17" s="281">
        <v>5</v>
      </c>
      <c r="BS17" s="278">
        <v>6</v>
      </c>
      <c r="BT17" s="280">
        <v>0</v>
      </c>
      <c r="BU17" s="281">
        <v>34</v>
      </c>
      <c r="BV17" s="281">
        <v>41</v>
      </c>
      <c r="BW17" s="281">
        <v>23</v>
      </c>
      <c r="BX17" s="281">
        <v>12</v>
      </c>
      <c r="BY17" s="281">
        <v>6</v>
      </c>
      <c r="BZ17" s="278">
        <v>116</v>
      </c>
      <c r="CA17" s="283">
        <v>122</v>
      </c>
      <c r="CB17" s="277">
        <v>0</v>
      </c>
      <c r="CC17" s="281">
        <v>0</v>
      </c>
      <c r="CD17" s="278">
        <v>0</v>
      </c>
      <c r="CE17" s="280">
        <v>0</v>
      </c>
      <c r="CF17" s="281">
        <v>8</v>
      </c>
      <c r="CG17" s="281">
        <v>28</v>
      </c>
      <c r="CH17" s="281">
        <v>52</v>
      </c>
      <c r="CI17" s="281">
        <v>42</v>
      </c>
      <c r="CJ17" s="281">
        <v>19</v>
      </c>
      <c r="CK17" s="278">
        <v>149</v>
      </c>
      <c r="CL17" s="283">
        <v>149</v>
      </c>
      <c r="CM17" s="277">
        <v>0</v>
      </c>
      <c r="CN17" s="281">
        <v>1</v>
      </c>
      <c r="CO17" s="278">
        <v>1</v>
      </c>
      <c r="CP17" s="280">
        <v>0</v>
      </c>
      <c r="CQ17" s="281">
        <v>1</v>
      </c>
      <c r="CR17" s="281">
        <v>2</v>
      </c>
      <c r="CS17" s="281">
        <v>2</v>
      </c>
      <c r="CT17" s="281">
        <v>3</v>
      </c>
      <c r="CU17" s="281">
        <v>1</v>
      </c>
      <c r="CV17" s="278">
        <v>9</v>
      </c>
      <c r="CW17" s="283">
        <v>10</v>
      </c>
      <c r="CX17" s="277">
        <v>0</v>
      </c>
      <c r="CY17" s="281">
        <v>0</v>
      </c>
      <c r="CZ17" s="278">
        <v>0</v>
      </c>
      <c r="DA17" s="280">
        <v>0</v>
      </c>
      <c r="DB17" s="281">
        <v>0</v>
      </c>
      <c r="DC17" s="281">
        <v>0</v>
      </c>
      <c r="DD17" s="281">
        <v>0</v>
      </c>
      <c r="DE17" s="281">
        <v>0</v>
      </c>
      <c r="DF17" s="281">
        <v>0</v>
      </c>
      <c r="DG17" s="278">
        <v>0</v>
      </c>
      <c r="DH17" s="283">
        <v>0</v>
      </c>
      <c r="DI17" s="277">
        <v>0</v>
      </c>
      <c r="DJ17" s="281">
        <v>0</v>
      </c>
      <c r="DK17" s="278">
        <v>0</v>
      </c>
      <c r="DL17" s="280">
        <v>0</v>
      </c>
      <c r="DM17" s="281">
        <v>0</v>
      </c>
      <c r="DN17" s="281">
        <v>0</v>
      </c>
      <c r="DO17" s="281">
        <v>0</v>
      </c>
      <c r="DP17" s="281">
        <v>0</v>
      </c>
      <c r="DQ17" s="281">
        <v>0</v>
      </c>
      <c r="DR17" s="278">
        <v>0</v>
      </c>
      <c r="DS17" s="283">
        <v>0</v>
      </c>
      <c r="DT17" s="277">
        <v>61</v>
      </c>
      <c r="DU17" s="281">
        <v>164</v>
      </c>
      <c r="DV17" s="278">
        <v>225</v>
      </c>
      <c r="DW17" s="280">
        <v>0</v>
      </c>
      <c r="DX17" s="281">
        <v>194</v>
      </c>
      <c r="DY17" s="281">
        <v>353</v>
      </c>
      <c r="DZ17" s="281">
        <v>176</v>
      </c>
      <c r="EA17" s="281">
        <v>120</v>
      </c>
      <c r="EB17" s="281">
        <v>80</v>
      </c>
      <c r="EC17" s="278">
        <v>923</v>
      </c>
      <c r="ED17" s="283">
        <v>1148</v>
      </c>
      <c r="EE17" s="277">
        <v>15</v>
      </c>
      <c r="EF17" s="281">
        <v>17</v>
      </c>
      <c r="EG17" s="278">
        <v>32</v>
      </c>
      <c r="EH17" s="280">
        <v>0</v>
      </c>
      <c r="EI17" s="281">
        <v>57</v>
      </c>
      <c r="EJ17" s="281">
        <v>37</v>
      </c>
      <c r="EK17" s="281">
        <v>32</v>
      </c>
      <c r="EL17" s="281">
        <v>34</v>
      </c>
      <c r="EM17" s="281">
        <v>17</v>
      </c>
      <c r="EN17" s="278">
        <v>177</v>
      </c>
      <c r="EO17" s="283">
        <v>209</v>
      </c>
      <c r="EP17" s="277">
        <v>60</v>
      </c>
      <c r="EQ17" s="281">
        <v>166</v>
      </c>
      <c r="ER17" s="278">
        <v>226</v>
      </c>
      <c r="ES17" s="280">
        <v>0</v>
      </c>
      <c r="ET17" s="281">
        <v>372</v>
      </c>
      <c r="EU17" s="281">
        <v>482</v>
      </c>
      <c r="EV17" s="281">
        <v>219</v>
      </c>
      <c r="EW17" s="281">
        <v>139</v>
      </c>
      <c r="EX17" s="281">
        <v>90</v>
      </c>
      <c r="EY17" s="278">
        <v>1302</v>
      </c>
      <c r="EZ17" s="283">
        <v>1528</v>
      </c>
    </row>
    <row r="18" spans="2:156" ht="19.5" customHeight="1" x14ac:dyDescent="0.2">
      <c r="B18" s="262" t="s">
        <v>16</v>
      </c>
      <c r="C18" s="277">
        <v>0</v>
      </c>
      <c r="D18" s="281">
        <v>0</v>
      </c>
      <c r="E18" s="385">
        <v>0</v>
      </c>
      <c r="F18" s="280">
        <v>0</v>
      </c>
      <c r="G18" s="281">
        <v>197</v>
      </c>
      <c r="H18" s="281">
        <v>284</v>
      </c>
      <c r="I18" s="281">
        <v>171</v>
      </c>
      <c r="J18" s="281">
        <v>121</v>
      </c>
      <c r="K18" s="281">
        <v>83</v>
      </c>
      <c r="L18" s="282">
        <v>856</v>
      </c>
      <c r="M18" s="283">
        <v>856</v>
      </c>
      <c r="N18" s="277">
        <v>0</v>
      </c>
      <c r="O18" s="281">
        <v>0</v>
      </c>
      <c r="P18" s="278">
        <v>0</v>
      </c>
      <c r="Q18" s="280">
        <v>0</v>
      </c>
      <c r="R18" s="281">
        <v>1</v>
      </c>
      <c r="S18" s="281">
        <v>10</v>
      </c>
      <c r="T18" s="281">
        <v>14</v>
      </c>
      <c r="U18" s="281">
        <v>28</v>
      </c>
      <c r="V18" s="281">
        <v>48</v>
      </c>
      <c r="W18" s="278">
        <v>101</v>
      </c>
      <c r="X18" s="283">
        <v>101</v>
      </c>
      <c r="Y18" s="277">
        <v>19</v>
      </c>
      <c r="Z18" s="281">
        <v>52</v>
      </c>
      <c r="AA18" s="278">
        <v>71</v>
      </c>
      <c r="AB18" s="280">
        <v>0</v>
      </c>
      <c r="AC18" s="281">
        <v>141</v>
      </c>
      <c r="AD18" s="281">
        <v>255</v>
      </c>
      <c r="AE18" s="281">
        <v>170</v>
      </c>
      <c r="AF18" s="281">
        <v>130</v>
      </c>
      <c r="AG18" s="281">
        <v>98</v>
      </c>
      <c r="AH18" s="278">
        <v>794</v>
      </c>
      <c r="AI18" s="283">
        <v>865</v>
      </c>
      <c r="AJ18" s="277">
        <v>0</v>
      </c>
      <c r="AK18" s="281">
        <v>7</v>
      </c>
      <c r="AL18" s="278">
        <v>7</v>
      </c>
      <c r="AM18" s="280">
        <v>0</v>
      </c>
      <c r="AN18" s="281">
        <v>9</v>
      </c>
      <c r="AO18" s="281">
        <v>21</v>
      </c>
      <c r="AP18" s="281">
        <v>21</v>
      </c>
      <c r="AQ18" s="281">
        <v>6</v>
      </c>
      <c r="AR18" s="281">
        <v>8</v>
      </c>
      <c r="AS18" s="278">
        <v>65</v>
      </c>
      <c r="AT18" s="283">
        <v>72</v>
      </c>
      <c r="AU18" s="277">
        <v>38</v>
      </c>
      <c r="AV18" s="281">
        <v>22</v>
      </c>
      <c r="AW18" s="278">
        <v>60</v>
      </c>
      <c r="AX18" s="280">
        <v>0</v>
      </c>
      <c r="AY18" s="281">
        <v>193</v>
      </c>
      <c r="AZ18" s="281">
        <v>252</v>
      </c>
      <c r="BA18" s="281">
        <v>246</v>
      </c>
      <c r="BB18" s="281">
        <v>243</v>
      </c>
      <c r="BC18" s="281">
        <v>204</v>
      </c>
      <c r="BD18" s="282">
        <v>1138</v>
      </c>
      <c r="BE18" s="283">
        <v>1198</v>
      </c>
      <c r="BF18" s="277">
        <v>0</v>
      </c>
      <c r="BG18" s="281">
        <v>0</v>
      </c>
      <c r="BH18" s="278">
        <v>0</v>
      </c>
      <c r="BI18" s="280">
        <v>0</v>
      </c>
      <c r="BJ18" s="281">
        <v>297</v>
      </c>
      <c r="BK18" s="281">
        <v>391</v>
      </c>
      <c r="BL18" s="281">
        <v>248</v>
      </c>
      <c r="BM18" s="281">
        <v>135</v>
      </c>
      <c r="BN18" s="281">
        <v>69</v>
      </c>
      <c r="BO18" s="278">
        <v>1140</v>
      </c>
      <c r="BP18" s="283">
        <v>1140</v>
      </c>
      <c r="BQ18" s="277">
        <v>48</v>
      </c>
      <c r="BR18" s="281">
        <v>83</v>
      </c>
      <c r="BS18" s="278">
        <v>131</v>
      </c>
      <c r="BT18" s="280">
        <v>0</v>
      </c>
      <c r="BU18" s="281">
        <v>157</v>
      </c>
      <c r="BV18" s="281">
        <v>251</v>
      </c>
      <c r="BW18" s="281">
        <v>105</v>
      </c>
      <c r="BX18" s="281">
        <v>61</v>
      </c>
      <c r="BY18" s="281">
        <v>21</v>
      </c>
      <c r="BZ18" s="278">
        <v>595</v>
      </c>
      <c r="CA18" s="283">
        <v>726</v>
      </c>
      <c r="CB18" s="277">
        <v>0</v>
      </c>
      <c r="CC18" s="281">
        <v>1</v>
      </c>
      <c r="CD18" s="278">
        <v>1</v>
      </c>
      <c r="CE18" s="280">
        <v>0</v>
      </c>
      <c r="CF18" s="281">
        <v>35</v>
      </c>
      <c r="CG18" s="281">
        <v>58</v>
      </c>
      <c r="CH18" s="281">
        <v>105</v>
      </c>
      <c r="CI18" s="281">
        <v>51</v>
      </c>
      <c r="CJ18" s="281">
        <v>24</v>
      </c>
      <c r="CK18" s="278">
        <v>273</v>
      </c>
      <c r="CL18" s="283">
        <v>274</v>
      </c>
      <c r="CM18" s="277">
        <v>0</v>
      </c>
      <c r="CN18" s="281">
        <v>0</v>
      </c>
      <c r="CO18" s="278">
        <v>0</v>
      </c>
      <c r="CP18" s="280">
        <v>0</v>
      </c>
      <c r="CQ18" s="281">
        <v>2</v>
      </c>
      <c r="CR18" s="281">
        <v>9</v>
      </c>
      <c r="CS18" s="281">
        <v>11</v>
      </c>
      <c r="CT18" s="281">
        <v>7</v>
      </c>
      <c r="CU18" s="281">
        <v>6</v>
      </c>
      <c r="CV18" s="278">
        <v>35</v>
      </c>
      <c r="CW18" s="283">
        <v>35</v>
      </c>
      <c r="CX18" s="277">
        <v>0</v>
      </c>
      <c r="CY18" s="281">
        <v>0</v>
      </c>
      <c r="CZ18" s="278">
        <v>0</v>
      </c>
      <c r="DA18" s="280">
        <v>0</v>
      </c>
      <c r="DB18" s="281">
        <v>0</v>
      </c>
      <c r="DC18" s="281">
        <v>0</v>
      </c>
      <c r="DD18" s="281">
        <v>0</v>
      </c>
      <c r="DE18" s="281">
        <v>0</v>
      </c>
      <c r="DF18" s="281">
        <v>0</v>
      </c>
      <c r="DG18" s="278">
        <v>0</v>
      </c>
      <c r="DH18" s="283">
        <v>0</v>
      </c>
      <c r="DI18" s="277">
        <v>0</v>
      </c>
      <c r="DJ18" s="281">
        <v>0</v>
      </c>
      <c r="DK18" s="278">
        <v>0</v>
      </c>
      <c r="DL18" s="280">
        <v>0</v>
      </c>
      <c r="DM18" s="281">
        <v>0</v>
      </c>
      <c r="DN18" s="281">
        <v>0</v>
      </c>
      <c r="DO18" s="281">
        <v>0</v>
      </c>
      <c r="DP18" s="281">
        <v>0</v>
      </c>
      <c r="DQ18" s="281">
        <v>0</v>
      </c>
      <c r="DR18" s="278">
        <v>0</v>
      </c>
      <c r="DS18" s="283">
        <v>0</v>
      </c>
      <c r="DT18" s="277">
        <v>149</v>
      </c>
      <c r="DU18" s="281">
        <v>295</v>
      </c>
      <c r="DV18" s="278">
        <v>444</v>
      </c>
      <c r="DW18" s="280">
        <v>0</v>
      </c>
      <c r="DX18" s="281">
        <v>391</v>
      </c>
      <c r="DY18" s="281">
        <v>811</v>
      </c>
      <c r="DZ18" s="281">
        <v>476</v>
      </c>
      <c r="EA18" s="281">
        <v>326</v>
      </c>
      <c r="EB18" s="281">
        <v>207</v>
      </c>
      <c r="EC18" s="278">
        <v>2211</v>
      </c>
      <c r="ED18" s="283">
        <v>2655</v>
      </c>
      <c r="EE18" s="277">
        <v>27</v>
      </c>
      <c r="EF18" s="281">
        <v>15</v>
      </c>
      <c r="EG18" s="278">
        <v>42</v>
      </c>
      <c r="EH18" s="280">
        <v>0</v>
      </c>
      <c r="EI18" s="281">
        <v>95</v>
      </c>
      <c r="EJ18" s="281">
        <v>103</v>
      </c>
      <c r="EK18" s="281">
        <v>77</v>
      </c>
      <c r="EL18" s="281">
        <v>105</v>
      </c>
      <c r="EM18" s="281">
        <v>79</v>
      </c>
      <c r="EN18" s="278">
        <v>459</v>
      </c>
      <c r="EO18" s="283">
        <v>501</v>
      </c>
      <c r="EP18" s="277">
        <v>190</v>
      </c>
      <c r="EQ18" s="281">
        <v>359</v>
      </c>
      <c r="ER18" s="278">
        <v>549</v>
      </c>
      <c r="ES18" s="280">
        <v>0</v>
      </c>
      <c r="ET18" s="281">
        <v>807</v>
      </c>
      <c r="EU18" s="281">
        <v>1087</v>
      </c>
      <c r="EV18" s="281">
        <v>578</v>
      </c>
      <c r="EW18" s="281">
        <v>339</v>
      </c>
      <c r="EX18" s="281">
        <v>206</v>
      </c>
      <c r="EY18" s="278">
        <v>3017</v>
      </c>
      <c r="EZ18" s="283">
        <v>3566</v>
      </c>
    </row>
    <row r="19" spans="2:156" ht="19.5" customHeight="1" x14ac:dyDescent="0.2">
      <c r="B19" s="262" t="s">
        <v>17</v>
      </c>
      <c r="C19" s="277">
        <v>0</v>
      </c>
      <c r="D19" s="281">
        <v>0</v>
      </c>
      <c r="E19" s="385">
        <v>0</v>
      </c>
      <c r="F19" s="280">
        <v>0</v>
      </c>
      <c r="G19" s="281">
        <v>243</v>
      </c>
      <c r="H19" s="281">
        <v>454</v>
      </c>
      <c r="I19" s="281">
        <v>257</v>
      </c>
      <c r="J19" s="281">
        <v>201</v>
      </c>
      <c r="K19" s="281">
        <v>172</v>
      </c>
      <c r="L19" s="282">
        <v>1327</v>
      </c>
      <c r="M19" s="283">
        <v>1327</v>
      </c>
      <c r="N19" s="277">
        <v>0</v>
      </c>
      <c r="O19" s="281">
        <v>1</v>
      </c>
      <c r="P19" s="278">
        <v>1</v>
      </c>
      <c r="Q19" s="280">
        <v>0</v>
      </c>
      <c r="R19" s="281">
        <v>0</v>
      </c>
      <c r="S19" s="281">
        <v>12</v>
      </c>
      <c r="T19" s="281">
        <v>23</v>
      </c>
      <c r="U19" s="281">
        <v>44</v>
      </c>
      <c r="V19" s="281">
        <v>75</v>
      </c>
      <c r="W19" s="278">
        <v>154</v>
      </c>
      <c r="X19" s="283">
        <v>155</v>
      </c>
      <c r="Y19" s="277">
        <v>26</v>
      </c>
      <c r="Z19" s="281">
        <v>91</v>
      </c>
      <c r="AA19" s="278">
        <v>117</v>
      </c>
      <c r="AB19" s="280">
        <v>0</v>
      </c>
      <c r="AC19" s="281">
        <v>169</v>
      </c>
      <c r="AD19" s="281">
        <v>308</v>
      </c>
      <c r="AE19" s="281">
        <v>190</v>
      </c>
      <c r="AF19" s="281">
        <v>182</v>
      </c>
      <c r="AG19" s="281">
        <v>145</v>
      </c>
      <c r="AH19" s="278">
        <v>994</v>
      </c>
      <c r="AI19" s="283">
        <v>1111</v>
      </c>
      <c r="AJ19" s="277">
        <v>1</v>
      </c>
      <c r="AK19" s="281">
        <v>8</v>
      </c>
      <c r="AL19" s="278">
        <v>9</v>
      </c>
      <c r="AM19" s="280">
        <v>0</v>
      </c>
      <c r="AN19" s="281">
        <v>12</v>
      </c>
      <c r="AO19" s="281">
        <v>33</v>
      </c>
      <c r="AP19" s="281">
        <v>19</v>
      </c>
      <c r="AQ19" s="281">
        <v>19</v>
      </c>
      <c r="AR19" s="281">
        <v>13</v>
      </c>
      <c r="AS19" s="278">
        <v>96</v>
      </c>
      <c r="AT19" s="283">
        <v>105</v>
      </c>
      <c r="AU19" s="277">
        <v>40</v>
      </c>
      <c r="AV19" s="281">
        <v>55</v>
      </c>
      <c r="AW19" s="278">
        <v>95</v>
      </c>
      <c r="AX19" s="280">
        <v>0</v>
      </c>
      <c r="AY19" s="281">
        <v>276</v>
      </c>
      <c r="AZ19" s="281">
        <v>440</v>
      </c>
      <c r="BA19" s="281">
        <v>359</v>
      </c>
      <c r="BB19" s="281">
        <v>387</v>
      </c>
      <c r="BC19" s="281">
        <v>312</v>
      </c>
      <c r="BD19" s="282">
        <v>1774</v>
      </c>
      <c r="BE19" s="283">
        <v>1869</v>
      </c>
      <c r="BF19" s="277">
        <v>0</v>
      </c>
      <c r="BG19" s="281">
        <v>0</v>
      </c>
      <c r="BH19" s="278">
        <v>0</v>
      </c>
      <c r="BI19" s="280">
        <v>0</v>
      </c>
      <c r="BJ19" s="281">
        <v>362</v>
      </c>
      <c r="BK19" s="281">
        <v>538</v>
      </c>
      <c r="BL19" s="281">
        <v>286</v>
      </c>
      <c r="BM19" s="281">
        <v>182</v>
      </c>
      <c r="BN19" s="281">
        <v>85</v>
      </c>
      <c r="BO19" s="278">
        <v>1453</v>
      </c>
      <c r="BP19" s="283">
        <v>1453</v>
      </c>
      <c r="BQ19" s="277">
        <v>23</v>
      </c>
      <c r="BR19" s="281">
        <v>68</v>
      </c>
      <c r="BS19" s="278">
        <v>91</v>
      </c>
      <c r="BT19" s="280">
        <v>0</v>
      </c>
      <c r="BU19" s="281">
        <v>66</v>
      </c>
      <c r="BV19" s="281">
        <v>185</v>
      </c>
      <c r="BW19" s="281">
        <v>84</v>
      </c>
      <c r="BX19" s="281">
        <v>49</v>
      </c>
      <c r="BY19" s="281">
        <v>20</v>
      </c>
      <c r="BZ19" s="278">
        <v>404</v>
      </c>
      <c r="CA19" s="283">
        <v>495</v>
      </c>
      <c r="CB19" s="277">
        <v>2</v>
      </c>
      <c r="CC19" s="281">
        <v>4</v>
      </c>
      <c r="CD19" s="278">
        <v>6</v>
      </c>
      <c r="CE19" s="280">
        <v>0</v>
      </c>
      <c r="CF19" s="281">
        <v>45</v>
      </c>
      <c r="CG19" s="281">
        <v>78</v>
      </c>
      <c r="CH19" s="281">
        <v>90</v>
      </c>
      <c r="CI19" s="281">
        <v>69</v>
      </c>
      <c r="CJ19" s="281">
        <v>40</v>
      </c>
      <c r="CK19" s="278">
        <v>322</v>
      </c>
      <c r="CL19" s="283">
        <v>328</v>
      </c>
      <c r="CM19" s="277">
        <v>0</v>
      </c>
      <c r="CN19" s="281">
        <v>0</v>
      </c>
      <c r="CO19" s="278">
        <v>0</v>
      </c>
      <c r="CP19" s="280">
        <v>0</v>
      </c>
      <c r="CQ19" s="281">
        <v>8</v>
      </c>
      <c r="CR19" s="281">
        <v>14</v>
      </c>
      <c r="CS19" s="281">
        <v>7</v>
      </c>
      <c r="CT19" s="281">
        <v>12</v>
      </c>
      <c r="CU19" s="281">
        <v>11</v>
      </c>
      <c r="CV19" s="278">
        <v>52</v>
      </c>
      <c r="CW19" s="283">
        <v>52</v>
      </c>
      <c r="CX19" s="277">
        <v>0</v>
      </c>
      <c r="CY19" s="281">
        <v>0</v>
      </c>
      <c r="CZ19" s="278">
        <v>0</v>
      </c>
      <c r="DA19" s="280">
        <v>0</v>
      </c>
      <c r="DB19" s="281">
        <v>0</v>
      </c>
      <c r="DC19" s="281">
        <v>0</v>
      </c>
      <c r="DD19" s="281">
        <v>0</v>
      </c>
      <c r="DE19" s="281">
        <v>0</v>
      </c>
      <c r="DF19" s="281">
        <v>0</v>
      </c>
      <c r="DG19" s="278">
        <v>0</v>
      </c>
      <c r="DH19" s="283">
        <v>0</v>
      </c>
      <c r="DI19" s="277">
        <v>0</v>
      </c>
      <c r="DJ19" s="281">
        <v>0</v>
      </c>
      <c r="DK19" s="278">
        <v>0</v>
      </c>
      <c r="DL19" s="280">
        <v>0</v>
      </c>
      <c r="DM19" s="281">
        <v>0</v>
      </c>
      <c r="DN19" s="281">
        <v>0</v>
      </c>
      <c r="DO19" s="281">
        <v>0</v>
      </c>
      <c r="DP19" s="281">
        <v>0</v>
      </c>
      <c r="DQ19" s="281">
        <v>0</v>
      </c>
      <c r="DR19" s="278">
        <v>0</v>
      </c>
      <c r="DS19" s="283">
        <v>0</v>
      </c>
      <c r="DT19" s="277">
        <v>184</v>
      </c>
      <c r="DU19" s="281">
        <v>462</v>
      </c>
      <c r="DV19" s="278">
        <v>646</v>
      </c>
      <c r="DW19" s="280">
        <v>0</v>
      </c>
      <c r="DX19" s="281">
        <v>414</v>
      </c>
      <c r="DY19" s="281">
        <v>1140</v>
      </c>
      <c r="DZ19" s="281">
        <v>628</v>
      </c>
      <c r="EA19" s="281">
        <v>548</v>
      </c>
      <c r="EB19" s="281">
        <v>354</v>
      </c>
      <c r="EC19" s="278">
        <v>3084</v>
      </c>
      <c r="ED19" s="283">
        <v>3730</v>
      </c>
      <c r="EE19" s="277">
        <v>27</v>
      </c>
      <c r="EF19" s="281">
        <v>33</v>
      </c>
      <c r="EG19" s="278">
        <v>60</v>
      </c>
      <c r="EH19" s="280">
        <v>0</v>
      </c>
      <c r="EI19" s="281">
        <v>104</v>
      </c>
      <c r="EJ19" s="281">
        <v>90</v>
      </c>
      <c r="EK19" s="281">
        <v>85</v>
      </c>
      <c r="EL19" s="281">
        <v>90</v>
      </c>
      <c r="EM19" s="281">
        <v>52</v>
      </c>
      <c r="EN19" s="278">
        <v>421</v>
      </c>
      <c r="EO19" s="283">
        <v>481</v>
      </c>
      <c r="EP19" s="277">
        <v>221</v>
      </c>
      <c r="EQ19" s="281">
        <v>539</v>
      </c>
      <c r="ER19" s="278">
        <v>760</v>
      </c>
      <c r="ES19" s="280">
        <v>0</v>
      </c>
      <c r="ET19" s="281">
        <v>946</v>
      </c>
      <c r="EU19" s="281">
        <v>1487</v>
      </c>
      <c r="EV19" s="281">
        <v>758</v>
      </c>
      <c r="EW19" s="281">
        <v>558</v>
      </c>
      <c r="EX19" s="281">
        <v>360</v>
      </c>
      <c r="EY19" s="278">
        <v>4109</v>
      </c>
      <c r="EZ19" s="283">
        <v>4869</v>
      </c>
    </row>
    <row r="20" spans="2:156" ht="19.5" customHeight="1" x14ac:dyDescent="0.2">
      <c r="B20" s="262" t="s">
        <v>18</v>
      </c>
      <c r="C20" s="277">
        <v>0</v>
      </c>
      <c r="D20" s="281">
        <v>0</v>
      </c>
      <c r="E20" s="385">
        <v>0</v>
      </c>
      <c r="F20" s="280">
        <v>0</v>
      </c>
      <c r="G20" s="281">
        <v>475</v>
      </c>
      <c r="H20" s="281">
        <v>495</v>
      </c>
      <c r="I20" s="281">
        <v>269</v>
      </c>
      <c r="J20" s="281">
        <v>229</v>
      </c>
      <c r="K20" s="281">
        <v>160</v>
      </c>
      <c r="L20" s="282">
        <v>1628</v>
      </c>
      <c r="M20" s="283">
        <v>1628</v>
      </c>
      <c r="N20" s="277">
        <v>0</v>
      </c>
      <c r="O20" s="281">
        <v>0</v>
      </c>
      <c r="P20" s="278">
        <v>0</v>
      </c>
      <c r="Q20" s="280">
        <v>0</v>
      </c>
      <c r="R20" s="281">
        <v>4</v>
      </c>
      <c r="S20" s="281">
        <v>14</v>
      </c>
      <c r="T20" s="281">
        <v>23</v>
      </c>
      <c r="U20" s="281">
        <v>39</v>
      </c>
      <c r="V20" s="281">
        <v>71</v>
      </c>
      <c r="W20" s="278">
        <v>151</v>
      </c>
      <c r="X20" s="283">
        <v>151</v>
      </c>
      <c r="Y20" s="277">
        <v>40</v>
      </c>
      <c r="Z20" s="281">
        <v>97</v>
      </c>
      <c r="AA20" s="278">
        <v>137</v>
      </c>
      <c r="AB20" s="280">
        <v>0</v>
      </c>
      <c r="AC20" s="281">
        <v>316</v>
      </c>
      <c r="AD20" s="281">
        <v>316</v>
      </c>
      <c r="AE20" s="281">
        <v>221</v>
      </c>
      <c r="AF20" s="281">
        <v>175</v>
      </c>
      <c r="AG20" s="281">
        <v>150</v>
      </c>
      <c r="AH20" s="278">
        <v>1178</v>
      </c>
      <c r="AI20" s="283">
        <v>1315</v>
      </c>
      <c r="AJ20" s="277">
        <v>6</v>
      </c>
      <c r="AK20" s="281">
        <v>3</v>
      </c>
      <c r="AL20" s="278">
        <v>9</v>
      </c>
      <c r="AM20" s="280">
        <v>0</v>
      </c>
      <c r="AN20" s="281">
        <v>34</v>
      </c>
      <c r="AO20" s="281">
        <v>35</v>
      </c>
      <c r="AP20" s="281">
        <v>33</v>
      </c>
      <c r="AQ20" s="281">
        <v>32</v>
      </c>
      <c r="AR20" s="281">
        <v>14</v>
      </c>
      <c r="AS20" s="278">
        <v>148</v>
      </c>
      <c r="AT20" s="283">
        <v>157</v>
      </c>
      <c r="AU20" s="277">
        <v>59</v>
      </c>
      <c r="AV20" s="281">
        <v>58</v>
      </c>
      <c r="AW20" s="278">
        <v>117</v>
      </c>
      <c r="AX20" s="280">
        <v>0</v>
      </c>
      <c r="AY20" s="281">
        <v>442</v>
      </c>
      <c r="AZ20" s="281">
        <v>502</v>
      </c>
      <c r="BA20" s="281">
        <v>470</v>
      </c>
      <c r="BB20" s="281">
        <v>445</v>
      </c>
      <c r="BC20" s="281">
        <v>351</v>
      </c>
      <c r="BD20" s="282">
        <v>2210</v>
      </c>
      <c r="BE20" s="283">
        <v>2327</v>
      </c>
      <c r="BF20" s="277">
        <v>0</v>
      </c>
      <c r="BG20" s="281">
        <v>0</v>
      </c>
      <c r="BH20" s="278">
        <v>0</v>
      </c>
      <c r="BI20" s="280">
        <v>0</v>
      </c>
      <c r="BJ20" s="281">
        <v>637</v>
      </c>
      <c r="BK20" s="281">
        <v>603</v>
      </c>
      <c r="BL20" s="281">
        <v>325</v>
      </c>
      <c r="BM20" s="281">
        <v>195</v>
      </c>
      <c r="BN20" s="281">
        <v>85</v>
      </c>
      <c r="BO20" s="278">
        <v>1845</v>
      </c>
      <c r="BP20" s="283">
        <v>1845</v>
      </c>
      <c r="BQ20" s="277">
        <v>39</v>
      </c>
      <c r="BR20" s="281">
        <v>76</v>
      </c>
      <c r="BS20" s="278">
        <v>115</v>
      </c>
      <c r="BT20" s="280">
        <v>0</v>
      </c>
      <c r="BU20" s="281">
        <v>163</v>
      </c>
      <c r="BV20" s="281">
        <v>177</v>
      </c>
      <c r="BW20" s="281">
        <v>105</v>
      </c>
      <c r="BX20" s="281">
        <v>66</v>
      </c>
      <c r="BY20" s="281">
        <v>17</v>
      </c>
      <c r="BZ20" s="278">
        <v>528</v>
      </c>
      <c r="CA20" s="283">
        <v>643</v>
      </c>
      <c r="CB20" s="277">
        <v>1</v>
      </c>
      <c r="CC20" s="281">
        <v>2</v>
      </c>
      <c r="CD20" s="278">
        <v>3</v>
      </c>
      <c r="CE20" s="280">
        <v>0</v>
      </c>
      <c r="CF20" s="281">
        <v>54</v>
      </c>
      <c r="CG20" s="281">
        <v>94</v>
      </c>
      <c r="CH20" s="281">
        <v>140</v>
      </c>
      <c r="CI20" s="281">
        <v>101</v>
      </c>
      <c r="CJ20" s="281">
        <v>45</v>
      </c>
      <c r="CK20" s="278">
        <v>434</v>
      </c>
      <c r="CL20" s="283">
        <v>437</v>
      </c>
      <c r="CM20" s="277">
        <v>0</v>
      </c>
      <c r="CN20" s="281">
        <v>0</v>
      </c>
      <c r="CO20" s="278">
        <v>0</v>
      </c>
      <c r="CP20" s="280">
        <v>0</v>
      </c>
      <c r="CQ20" s="281">
        <v>1</v>
      </c>
      <c r="CR20" s="281">
        <v>0</v>
      </c>
      <c r="CS20" s="281">
        <v>4</v>
      </c>
      <c r="CT20" s="281">
        <v>3</v>
      </c>
      <c r="CU20" s="281">
        <v>1</v>
      </c>
      <c r="CV20" s="278">
        <v>9</v>
      </c>
      <c r="CW20" s="283">
        <v>9</v>
      </c>
      <c r="CX20" s="277">
        <v>0</v>
      </c>
      <c r="CY20" s="281">
        <v>0</v>
      </c>
      <c r="CZ20" s="278">
        <v>0</v>
      </c>
      <c r="DA20" s="280">
        <v>0</v>
      </c>
      <c r="DB20" s="281">
        <v>0</v>
      </c>
      <c r="DC20" s="281">
        <v>0</v>
      </c>
      <c r="DD20" s="281">
        <v>0</v>
      </c>
      <c r="DE20" s="281">
        <v>0</v>
      </c>
      <c r="DF20" s="281">
        <v>0</v>
      </c>
      <c r="DG20" s="278">
        <v>0</v>
      </c>
      <c r="DH20" s="283">
        <v>0</v>
      </c>
      <c r="DI20" s="277">
        <v>0</v>
      </c>
      <c r="DJ20" s="281">
        <v>0</v>
      </c>
      <c r="DK20" s="278">
        <v>0</v>
      </c>
      <c r="DL20" s="280">
        <v>0</v>
      </c>
      <c r="DM20" s="281">
        <v>0</v>
      </c>
      <c r="DN20" s="281">
        <v>0</v>
      </c>
      <c r="DO20" s="281">
        <v>0</v>
      </c>
      <c r="DP20" s="281">
        <v>0</v>
      </c>
      <c r="DQ20" s="281">
        <v>0</v>
      </c>
      <c r="DR20" s="278">
        <v>0</v>
      </c>
      <c r="DS20" s="283">
        <v>0</v>
      </c>
      <c r="DT20" s="277">
        <v>199</v>
      </c>
      <c r="DU20" s="281">
        <v>418</v>
      </c>
      <c r="DV20" s="278">
        <v>617</v>
      </c>
      <c r="DW20" s="280">
        <v>0</v>
      </c>
      <c r="DX20" s="281">
        <v>780</v>
      </c>
      <c r="DY20" s="281">
        <v>1046</v>
      </c>
      <c r="DZ20" s="281">
        <v>671</v>
      </c>
      <c r="EA20" s="281">
        <v>524</v>
      </c>
      <c r="EB20" s="281">
        <v>309</v>
      </c>
      <c r="EC20" s="278">
        <v>3330</v>
      </c>
      <c r="ED20" s="283">
        <v>3947</v>
      </c>
      <c r="EE20" s="277">
        <v>27</v>
      </c>
      <c r="EF20" s="281">
        <v>16</v>
      </c>
      <c r="EG20" s="278">
        <v>43</v>
      </c>
      <c r="EH20" s="280">
        <v>0</v>
      </c>
      <c r="EI20" s="281">
        <v>127</v>
      </c>
      <c r="EJ20" s="281">
        <v>104</v>
      </c>
      <c r="EK20" s="281">
        <v>95</v>
      </c>
      <c r="EL20" s="281">
        <v>91</v>
      </c>
      <c r="EM20" s="281">
        <v>68</v>
      </c>
      <c r="EN20" s="278">
        <v>485</v>
      </c>
      <c r="EO20" s="283">
        <v>528</v>
      </c>
      <c r="EP20" s="277">
        <v>256</v>
      </c>
      <c r="EQ20" s="281">
        <v>518</v>
      </c>
      <c r="ER20" s="278">
        <v>774</v>
      </c>
      <c r="ES20" s="280">
        <v>0</v>
      </c>
      <c r="ET20" s="281">
        <v>1547</v>
      </c>
      <c r="EU20" s="281">
        <v>1436</v>
      </c>
      <c r="EV20" s="281">
        <v>824</v>
      </c>
      <c r="EW20" s="281">
        <v>556</v>
      </c>
      <c r="EX20" s="281">
        <v>308</v>
      </c>
      <c r="EY20" s="278">
        <v>4671</v>
      </c>
      <c r="EZ20" s="283">
        <v>5445</v>
      </c>
    </row>
    <row r="21" spans="2:156" ht="19.5" customHeight="1" x14ac:dyDescent="0.2">
      <c r="B21" s="262" t="s">
        <v>19</v>
      </c>
      <c r="C21" s="277">
        <v>0</v>
      </c>
      <c r="D21" s="281">
        <v>0</v>
      </c>
      <c r="E21" s="385">
        <v>0</v>
      </c>
      <c r="F21" s="280">
        <v>0</v>
      </c>
      <c r="G21" s="281">
        <v>197</v>
      </c>
      <c r="H21" s="281">
        <v>148</v>
      </c>
      <c r="I21" s="281">
        <v>94</v>
      </c>
      <c r="J21" s="281">
        <v>81</v>
      </c>
      <c r="K21" s="281">
        <v>50</v>
      </c>
      <c r="L21" s="282">
        <v>570</v>
      </c>
      <c r="M21" s="283">
        <v>570</v>
      </c>
      <c r="N21" s="277">
        <v>0</v>
      </c>
      <c r="O21" s="281">
        <v>0</v>
      </c>
      <c r="P21" s="278">
        <v>0</v>
      </c>
      <c r="Q21" s="280">
        <v>0</v>
      </c>
      <c r="R21" s="281">
        <v>3</v>
      </c>
      <c r="S21" s="281">
        <v>6</v>
      </c>
      <c r="T21" s="281">
        <v>10</v>
      </c>
      <c r="U21" s="281">
        <v>20</v>
      </c>
      <c r="V21" s="281">
        <v>31</v>
      </c>
      <c r="W21" s="278">
        <v>70</v>
      </c>
      <c r="X21" s="283">
        <v>70</v>
      </c>
      <c r="Y21" s="277">
        <v>27</v>
      </c>
      <c r="Z21" s="281">
        <v>39</v>
      </c>
      <c r="AA21" s="278">
        <v>66</v>
      </c>
      <c r="AB21" s="280">
        <v>0</v>
      </c>
      <c r="AC21" s="281">
        <v>147</v>
      </c>
      <c r="AD21" s="281">
        <v>139</v>
      </c>
      <c r="AE21" s="281">
        <v>94</v>
      </c>
      <c r="AF21" s="281">
        <v>68</v>
      </c>
      <c r="AG21" s="281">
        <v>72</v>
      </c>
      <c r="AH21" s="278">
        <v>520</v>
      </c>
      <c r="AI21" s="283">
        <v>586</v>
      </c>
      <c r="AJ21" s="277">
        <v>2</v>
      </c>
      <c r="AK21" s="281">
        <v>4</v>
      </c>
      <c r="AL21" s="278">
        <v>6</v>
      </c>
      <c r="AM21" s="280">
        <v>0</v>
      </c>
      <c r="AN21" s="281">
        <v>21</v>
      </c>
      <c r="AO21" s="281">
        <v>11</v>
      </c>
      <c r="AP21" s="281">
        <v>8</v>
      </c>
      <c r="AQ21" s="281">
        <v>8</v>
      </c>
      <c r="AR21" s="281">
        <v>4</v>
      </c>
      <c r="AS21" s="278">
        <v>52</v>
      </c>
      <c r="AT21" s="283">
        <v>58</v>
      </c>
      <c r="AU21" s="277">
        <v>45</v>
      </c>
      <c r="AV21" s="281">
        <v>28</v>
      </c>
      <c r="AW21" s="278">
        <v>73</v>
      </c>
      <c r="AX21" s="280">
        <v>0</v>
      </c>
      <c r="AY21" s="281">
        <v>165</v>
      </c>
      <c r="AZ21" s="281">
        <v>199</v>
      </c>
      <c r="BA21" s="281">
        <v>165</v>
      </c>
      <c r="BB21" s="281">
        <v>158</v>
      </c>
      <c r="BC21" s="281">
        <v>138</v>
      </c>
      <c r="BD21" s="282">
        <v>825</v>
      </c>
      <c r="BE21" s="283">
        <v>898</v>
      </c>
      <c r="BF21" s="277">
        <v>0</v>
      </c>
      <c r="BG21" s="281">
        <v>0</v>
      </c>
      <c r="BH21" s="278">
        <v>0</v>
      </c>
      <c r="BI21" s="280">
        <v>0</v>
      </c>
      <c r="BJ21" s="281">
        <v>272</v>
      </c>
      <c r="BK21" s="281">
        <v>241</v>
      </c>
      <c r="BL21" s="281">
        <v>117</v>
      </c>
      <c r="BM21" s="281">
        <v>61</v>
      </c>
      <c r="BN21" s="281">
        <v>47</v>
      </c>
      <c r="BO21" s="278">
        <v>738</v>
      </c>
      <c r="BP21" s="283">
        <v>738</v>
      </c>
      <c r="BQ21" s="277">
        <v>19</v>
      </c>
      <c r="BR21" s="281">
        <v>35</v>
      </c>
      <c r="BS21" s="278">
        <v>54</v>
      </c>
      <c r="BT21" s="280">
        <v>0</v>
      </c>
      <c r="BU21" s="281">
        <v>109</v>
      </c>
      <c r="BV21" s="281">
        <v>94</v>
      </c>
      <c r="BW21" s="281">
        <v>58</v>
      </c>
      <c r="BX21" s="281">
        <v>32</v>
      </c>
      <c r="BY21" s="281">
        <v>12</v>
      </c>
      <c r="BZ21" s="278">
        <v>305</v>
      </c>
      <c r="CA21" s="283">
        <v>359</v>
      </c>
      <c r="CB21" s="277">
        <v>0</v>
      </c>
      <c r="CC21" s="281">
        <v>1</v>
      </c>
      <c r="CD21" s="278">
        <v>1</v>
      </c>
      <c r="CE21" s="280">
        <v>0</v>
      </c>
      <c r="CF21" s="281">
        <v>24</v>
      </c>
      <c r="CG21" s="281">
        <v>49</v>
      </c>
      <c r="CH21" s="281">
        <v>54</v>
      </c>
      <c r="CI21" s="281">
        <v>26</v>
      </c>
      <c r="CJ21" s="281">
        <v>21</v>
      </c>
      <c r="CK21" s="278">
        <v>174</v>
      </c>
      <c r="CL21" s="283">
        <v>175</v>
      </c>
      <c r="CM21" s="277">
        <v>0</v>
      </c>
      <c r="CN21" s="281">
        <v>0</v>
      </c>
      <c r="CO21" s="278">
        <v>0</v>
      </c>
      <c r="CP21" s="280">
        <v>0</v>
      </c>
      <c r="CQ21" s="281">
        <v>5</v>
      </c>
      <c r="CR21" s="281">
        <v>8</v>
      </c>
      <c r="CS21" s="281">
        <v>7</v>
      </c>
      <c r="CT21" s="281">
        <v>11</v>
      </c>
      <c r="CU21" s="281">
        <v>4</v>
      </c>
      <c r="CV21" s="278">
        <v>35</v>
      </c>
      <c r="CW21" s="283">
        <v>35</v>
      </c>
      <c r="CX21" s="277">
        <v>0</v>
      </c>
      <c r="CY21" s="281">
        <v>0</v>
      </c>
      <c r="CZ21" s="278">
        <v>0</v>
      </c>
      <c r="DA21" s="280">
        <v>0</v>
      </c>
      <c r="DB21" s="281">
        <v>0</v>
      </c>
      <c r="DC21" s="281">
        <v>0</v>
      </c>
      <c r="DD21" s="281">
        <v>0</v>
      </c>
      <c r="DE21" s="281">
        <v>0</v>
      </c>
      <c r="DF21" s="281">
        <v>0</v>
      </c>
      <c r="DG21" s="278">
        <v>0</v>
      </c>
      <c r="DH21" s="283">
        <v>0</v>
      </c>
      <c r="DI21" s="277">
        <v>0</v>
      </c>
      <c r="DJ21" s="281">
        <v>0</v>
      </c>
      <c r="DK21" s="278">
        <v>0</v>
      </c>
      <c r="DL21" s="280">
        <v>0</v>
      </c>
      <c r="DM21" s="281">
        <v>0</v>
      </c>
      <c r="DN21" s="281">
        <v>0</v>
      </c>
      <c r="DO21" s="281">
        <v>0</v>
      </c>
      <c r="DP21" s="281">
        <v>0</v>
      </c>
      <c r="DQ21" s="281">
        <v>0</v>
      </c>
      <c r="DR21" s="278">
        <v>0</v>
      </c>
      <c r="DS21" s="283">
        <v>0</v>
      </c>
      <c r="DT21" s="277">
        <v>87</v>
      </c>
      <c r="DU21" s="281">
        <v>174</v>
      </c>
      <c r="DV21" s="278">
        <v>261</v>
      </c>
      <c r="DW21" s="280">
        <v>0</v>
      </c>
      <c r="DX21" s="281">
        <v>391</v>
      </c>
      <c r="DY21" s="281">
        <v>444</v>
      </c>
      <c r="DZ21" s="281">
        <v>263</v>
      </c>
      <c r="EA21" s="281">
        <v>190</v>
      </c>
      <c r="EB21" s="281">
        <v>144</v>
      </c>
      <c r="EC21" s="278">
        <v>1432</v>
      </c>
      <c r="ED21" s="283">
        <v>1693</v>
      </c>
      <c r="EE21" s="277">
        <v>15</v>
      </c>
      <c r="EF21" s="281">
        <v>12</v>
      </c>
      <c r="EG21" s="278">
        <v>27</v>
      </c>
      <c r="EH21" s="280">
        <v>0</v>
      </c>
      <c r="EI21" s="281">
        <v>71</v>
      </c>
      <c r="EJ21" s="281">
        <v>58</v>
      </c>
      <c r="EK21" s="281">
        <v>46</v>
      </c>
      <c r="EL21" s="281">
        <v>52</v>
      </c>
      <c r="EM21" s="281">
        <v>23</v>
      </c>
      <c r="EN21" s="278">
        <v>250</v>
      </c>
      <c r="EO21" s="283">
        <v>277</v>
      </c>
      <c r="EP21" s="277">
        <v>124</v>
      </c>
      <c r="EQ21" s="281">
        <v>213</v>
      </c>
      <c r="ER21" s="278">
        <v>337</v>
      </c>
      <c r="ES21" s="280">
        <v>0</v>
      </c>
      <c r="ET21" s="281">
        <v>722</v>
      </c>
      <c r="EU21" s="281">
        <v>582</v>
      </c>
      <c r="EV21" s="281">
        <v>299</v>
      </c>
      <c r="EW21" s="281">
        <v>180</v>
      </c>
      <c r="EX21" s="281">
        <v>125</v>
      </c>
      <c r="EY21" s="278">
        <v>1908</v>
      </c>
      <c r="EZ21" s="283">
        <v>2245</v>
      </c>
    </row>
    <row r="22" spans="2:156" ht="19.5" customHeight="1" x14ac:dyDescent="0.2">
      <c r="B22" s="262" t="s">
        <v>20</v>
      </c>
      <c r="C22" s="277">
        <v>0</v>
      </c>
      <c r="D22" s="281">
        <v>0</v>
      </c>
      <c r="E22" s="385">
        <v>0</v>
      </c>
      <c r="F22" s="280">
        <v>0</v>
      </c>
      <c r="G22" s="281">
        <v>260</v>
      </c>
      <c r="H22" s="281">
        <v>166</v>
      </c>
      <c r="I22" s="281">
        <v>122</v>
      </c>
      <c r="J22" s="281">
        <v>85</v>
      </c>
      <c r="K22" s="281">
        <v>59</v>
      </c>
      <c r="L22" s="282">
        <v>692</v>
      </c>
      <c r="M22" s="283">
        <v>692</v>
      </c>
      <c r="N22" s="277">
        <v>0</v>
      </c>
      <c r="O22" s="281">
        <v>0</v>
      </c>
      <c r="P22" s="278">
        <v>0</v>
      </c>
      <c r="Q22" s="280">
        <v>0</v>
      </c>
      <c r="R22" s="281">
        <v>1</v>
      </c>
      <c r="S22" s="281">
        <v>10</v>
      </c>
      <c r="T22" s="281">
        <v>13</v>
      </c>
      <c r="U22" s="281">
        <v>21</v>
      </c>
      <c r="V22" s="281">
        <v>41</v>
      </c>
      <c r="W22" s="278">
        <v>86</v>
      </c>
      <c r="X22" s="283">
        <v>86</v>
      </c>
      <c r="Y22" s="277">
        <v>29</v>
      </c>
      <c r="Z22" s="281">
        <v>80</v>
      </c>
      <c r="AA22" s="278">
        <v>109</v>
      </c>
      <c r="AB22" s="280">
        <v>0</v>
      </c>
      <c r="AC22" s="281">
        <v>224</v>
      </c>
      <c r="AD22" s="281">
        <v>167</v>
      </c>
      <c r="AE22" s="281">
        <v>105</v>
      </c>
      <c r="AF22" s="281">
        <v>81</v>
      </c>
      <c r="AG22" s="281">
        <v>50</v>
      </c>
      <c r="AH22" s="278">
        <v>627</v>
      </c>
      <c r="AI22" s="283">
        <v>736</v>
      </c>
      <c r="AJ22" s="277">
        <v>11</v>
      </c>
      <c r="AK22" s="281">
        <v>30</v>
      </c>
      <c r="AL22" s="278">
        <v>41</v>
      </c>
      <c r="AM22" s="280">
        <v>0</v>
      </c>
      <c r="AN22" s="281">
        <v>52</v>
      </c>
      <c r="AO22" s="281">
        <v>50</v>
      </c>
      <c r="AP22" s="281">
        <v>36</v>
      </c>
      <c r="AQ22" s="281">
        <v>20</v>
      </c>
      <c r="AR22" s="281">
        <v>12</v>
      </c>
      <c r="AS22" s="278">
        <v>170</v>
      </c>
      <c r="AT22" s="283">
        <v>211</v>
      </c>
      <c r="AU22" s="277">
        <v>22</v>
      </c>
      <c r="AV22" s="281">
        <v>46</v>
      </c>
      <c r="AW22" s="278">
        <v>68</v>
      </c>
      <c r="AX22" s="280">
        <v>0</v>
      </c>
      <c r="AY22" s="281">
        <v>229</v>
      </c>
      <c r="AZ22" s="281">
        <v>214</v>
      </c>
      <c r="BA22" s="281">
        <v>211</v>
      </c>
      <c r="BB22" s="281">
        <v>204</v>
      </c>
      <c r="BC22" s="281">
        <v>125</v>
      </c>
      <c r="BD22" s="282">
        <v>983</v>
      </c>
      <c r="BE22" s="283">
        <v>1051</v>
      </c>
      <c r="BF22" s="277">
        <v>0</v>
      </c>
      <c r="BG22" s="281">
        <v>0</v>
      </c>
      <c r="BH22" s="278">
        <v>0</v>
      </c>
      <c r="BI22" s="280">
        <v>0</v>
      </c>
      <c r="BJ22" s="281">
        <v>312</v>
      </c>
      <c r="BK22" s="281">
        <v>183</v>
      </c>
      <c r="BL22" s="281">
        <v>125</v>
      </c>
      <c r="BM22" s="281">
        <v>68</v>
      </c>
      <c r="BN22" s="281">
        <v>34</v>
      </c>
      <c r="BO22" s="278">
        <v>722</v>
      </c>
      <c r="BP22" s="283">
        <v>722</v>
      </c>
      <c r="BQ22" s="277">
        <v>21</v>
      </c>
      <c r="BR22" s="281">
        <v>43</v>
      </c>
      <c r="BS22" s="278">
        <v>64</v>
      </c>
      <c r="BT22" s="280">
        <v>0</v>
      </c>
      <c r="BU22" s="281">
        <v>169</v>
      </c>
      <c r="BV22" s="281">
        <v>115</v>
      </c>
      <c r="BW22" s="281">
        <v>71</v>
      </c>
      <c r="BX22" s="281">
        <v>43</v>
      </c>
      <c r="BY22" s="281">
        <v>13</v>
      </c>
      <c r="BZ22" s="278">
        <v>411</v>
      </c>
      <c r="CA22" s="283">
        <v>475</v>
      </c>
      <c r="CB22" s="277">
        <v>1</v>
      </c>
      <c r="CC22" s="281">
        <v>4</v>
      </c>
      <c r="CD22" s="278">
        <v>5</v>
      </c>
      <c r="CE22" s="280">
        <v>0</v>
      </c>
      <c r="CF22" s="281">
        <v>49</v>
      </c>
      <c r="CG22" s="281">
        <v>51</v>
      </c>
      <c r="CH22" s="281">
        <v>82</v>
      </c>
      <c r="CI22" s="281">
        <v>53</v>
      </c>
      <c r="CJ22" s="281">
        <v>22</v>
      </c>
      <c r="CK22" s="278">
        <v>257</v>
      </c>
      <c r="CL22" s="283">
        <v>262</v>
      </c>
      <c r="CM22" s="277">
        <v>0</v>
      </c>
      <c r="CN22" s="281">
        <v>0</v>
      </c>
      <c r="CO22" s="278">
        <v>0</v>
      </c>
      <c r="CP22" s="280">
        <v>0</v>
      </c>
      <c r="CQ22" s="281">
        <v>1</v>
      </c>
      <c r="CR22" s="281">
        <v>6</v>
      </c>
      <c r="CS22" s="281">
        <v>14</v>
      </c>
      <c r="CT22" s="281">
        <v>10</v>
      </c>
      <c r="CU22" s="281">
        <v>4</v>
      </c>
      <c r="CV22" s="278">
        <v>35</v>
      </c>
      <c r="CW22" s="283">
        <v>35</v>
      </c>
      <c r="CX22" s="277">
        <v>0</v>
      </c>
      <c r="CY22" s="281">
        <v>0</v>
      </c>
      <c r="CZ22" s="278">
        <v>0</v>
      </c>
      <c r="DA22" s="280">
        <v>0</v>
      </c>
      <c r="DB22" s="281">
        <v>0</v>
      </c>
      <c r="DC22" s="281">
        <v>0</v>
      </c>
      <c r="DD22" s="281">
        <v>0</v>
      </c>
      <c r="DE22" s="281">
        <v>0</v>
      </c>
      <c r="DF22" s="281">
        <v>0</v>
      </c>
      <c r="DG22" s="278">
        <v>0</v>
      </c>
      <c r="DH22" s="283">
        <v>0</v>
      </c>
      <c r="DI22" s="277">
        <v>0</v>
      </c>
      <c r="DJ22" s="281">
        <v>0</v>
      </c>
      <c r="DK22" s="278">
        <v>0</v>
      </c>
      <c r="DL22" s="280">
        <v>0</v>
      </c>
      <c r="DM22" s="281">
        <v>0</v>
      </c>
      <c r="DN22" s="281">
        <v>0</v>
      </c>
      <c r="DO22" s="281">
        <v>0</v>
      </c>
      <c r="DP22" s="281">
        <v>0</v>
      </c>
      <c r="DQ22" s="281">
        <v>0</v>
      </c>
      <c r="DR22" s="278">
        <v>0</v>
      </c>
      <c r="DS22" s="283">
        <v>0</v>
      </c>
      <c r="DT22" s="277">
        <v>117</v>
      </c>
      <c r="DU22" s="281">
        <v>307</v>
      </c>
      <c r="DV22" s="278">
        <v>424</v>
      </c>
      <c r="DW22" s="280">
        <v>0</v>
      </c>
      <c r="DX22" s="281">
        <v>527</v>
      </c>
      <c r="DY22" s="281">
        <v>425</v>
      </c>
      <c r="DZ22" s="281">
        <v>288</v>
      </c>
      <c r="EA22" s="281">
        <v>216</v>
      </c>
      <c r="EB22" s="281">
        <v>108</v>
      </c>
      <c r="EC22" s="278">
        <v>1564</v>
      </c>
      <c r="ED22" s="283">
        <v>1988</v>
      </c>
      <c r="EE22" s="277">
        <v>10</v>
      </c>
      <c r="EF22" s="281">
        <v>24</v>
      </c>
      <c r="EG22" s="278">
        <v>34</v>
      </c>
      <c r="EH22" s="280">
        <v>0</v>
      </c>
      <c r="EI22" s="281">
        <v>61</v>
      </c>
      <c r="EJ22" s="281">
        <v>67</v>
      </c>
      <c r="EK22" s="281">
        <v>47</v>
      </c>
      <c r="EL22" s="281">
        <v>70</v>
      </c>
      <c r="EM22" s="281">
        <v>29</v>
      </c>
      <c r="EN22" s="278">
        <v>274</v>
      </c>
      <c r="EO22" s="283">
        <v>308</v>
      </c>
      <c r="EP22" s="277">
        <v>167</v>
      </c>
      <c r="EQ22" s="281">
        <v>397</v>
      </c>
      <c r="ER22" s="278">
        <v>564</v>
      </c>
      <c r="ES22" s="280">
        <v>0</v>
      </c>
      <c r="ET22" s="281">
        <v>971</v>
      </c>
      <c r="EU22" s="281">
        <v>572</v>
      </c>
      <c r="EV22" s="281">
        <v>384</v>
      </c>
      <c r="EW22" s="281">
        <v>243</v>
      </c>
      <c r="EX22" s="281">
        <v>120</v>
      </c>
      <c r="EY22" s="278">
        <v>2290</v>
      </c>
      <c r="EZ22" s="283">
        <v>2854</v>
      </c>
    </row>
    <row r="23" spans="2:156" ht="19.5" customHeight="1" x14ac:dyDescent="0.2">
      <c r="B23" s="262" t="s">
        <v>21</v>
      </c>
      <c r="C23" s="277">
        <v>0</v>
      </c>
      <c r="D23" s="281">
        <v>0</v>
      </c>
      <c r="E23" s="385">
        <v>0</v>
      </c>
      <c r="F23" s="280">
        <v>0</v>
      </c>
      <c r="G23" s="281">
        <v>246</v>
      </c>
      <c r="H23" s="281">
        <v>331</v>
      </c>
      <c r="I23" s="281">
        <v>167</v>
      </c>
      <c r="J23" s="281">
        <v>134</v>
      </c>
      <c r="K23" s="281">
        <v>89</v>
      </c>
      <c r="L23" s="282">
        <v>967</v>
      </c>
      <c r="M23" s="283">
        <v>967</v>
      </c>
      <c r="N23" s="277">
        <v>0</v>
      </c>
      <c r="O23" s="281">
        <v>0</v>
      </c>
      <c r="P23" s="278">
        <v>0</v>
      </c>
      <c r="Q23" s="280">
        <v>0</v>
      </c>
      <c r="R23" s="281">
        <v>1</v>
      </c>
      <c r="S23" s="281">
        <v>4</v>
      </c>
      <c r="T23" s="281">
        <v>13</v>
      </c>
      <c r="U23" s="281">
        <v>24</v>
      </c>
      <c r="V23" s="281">
        <v>43</v>
      </c>
      <c r="W23" s="278">
        <v>85</v>
      </c>
      <c r="X23" s="283">
        <v>85</v>
      </c>
      <c r="Y23" s="277">
        <v>49</v>
      </c>
      <c r="Z23" s="281">
        <v>75</v>
      </c>
      <c r="AA23" s="278">
        <v>124</v>
      </c>
      <c r="AB23" s="280">
        <v>0</v>
      </c>
      <c r="AC23" s="281">
        <v>191</v>
      </c>
      <c r="AD23" s="281">
        <v>262</v>
      </c>
      <c r="AE23" s="281">
        <v>135</v>
      </c>
      <c r="AF23" s="281">
        <v>125</v>
      </c>
      <c r="AG23" s="281">
        <v>72</v>
      </c>
      <c r="AH23" s="278">
        <v>785</v>
      </c>
      <c r="AI23" s="283">
        <v>909</v>
      </c>
      <c r="AJ23" s="277">
        <v>12</v>
      </c>
      <c r="AK23" s="281">
        <v>28</v>
      </c>
      <c r="AL23" s="278">
        <v>40</v>
      </c>
      <c r="AM23" s="280">
        <v>0</v>
      </c>
      <c r="AN23" s="281">
        <v>20</v>
      </c>
      <c r="AO23" s="281">
        <v>35</v>
      </c>
      <c r="AP23" s="281">
        <v>14</v>
      </c>
      <c r="AQ23" s="281">
        <v>15</v>
      </c>
      <c r="AR23" s="281">
        <v>6</v>
      </c>
      <c r="AS23" s="278">
        <v>90</v>
      </c>
      <c r="AT23" s="283">
        <v>130</v>
      </c>
      <c r="AU23" s="277">
        <v>45</v>
      </c>
      <c r="AV23" s="281">
        <v>47</v>
      </c>
      <c r="AW23" s="278">
        <v>92</v>
      </c>
      <c r="AX23" s="280">
        <v>0</v>
      </c>
      <c r="AY23" s="281">
        <v>223</v>
      </c>
      <c r="AZ23" s="281">
        <v>340</v>
      </c>
      <c r="BA23" s="281">
        <v>261</v>
      </c>
      <c r="BB23" s="281">
        <v>223</v>
      </c>
      <c r="BC23" s="281">
        <v>175</v>
      </c>
      <c r="BD23" s="282">
        <v>1222</v>
      </c>
      <c r="BE23" s="283">
        <v>1314</v>
      </c>
      <c r="BF23" s="277">
        <v>0</v>
      </c>
      <c r="BG23" s="281">
        <v>0</v>
      </c>
      <c r="BH23" s="278">
        <v>0</v>
      </c>
      <c r="BI23" s="280">
        <v>0</v>
      </c>
      <c r="BJ23" s="281">
        <v>288</v>
      </c>
      <c r="BK23" s="281">
        <v>340</v>
      </c>
      <c r="BL23" s="281">
        <v>164</v>
      </c>
      <c r="BM23" s="281">
        <v>109</v>
      </c>
      <c r="BN23" s="281">
        <v>32</v>
      </c>
      <c r="BO23" s="278">
        <v>933</v>
      </c>
      <c r="BP23" s="283">
        <v>933</v>
      </c>
      <c r="BQ23" s="277">
        <v>26</v>
      </c>
      <c r="BR23" s="281">
        <v>45</v>
      </c>
      <c r="BS23" s="278">
        <v>71</v>
      </c>
      <c r="BT23" s="280">
        <v>0</v>
      </c>
      <c r="BU23" s="281">
        <v>52</v>
      </c>
      <c r="BV23" s="281">
        <v>76</v>
      </c>
      <c r="BW23" s="281">
        <v>40</v>
      </c>
      <c r="BX23" s="281">
        <v>13</v>
      </c>
      <c r="BY23" s="281">
        <v>13</v>
      </c>
      <c r="BZ23" s="278">
        <v>194</v>
      </c>
      <c r="CA23" s="283">
        <v>265</v>
      </c>
      <c r="CB23" s="277">
        <v>1</v>
      </c>
      <c r="CC23" s="281">
        <v>2</v>
      </c>
      <c r="CD23" s="278">
        <v>3</v>
      </c>
      <c r="CE23" s="280">
        <v>0</v>
      </c>
      <c r="CF23" s="281">
        <v>33</v>
      </c>
      <c r="CG23" s="281">
        <v>59</v>
      </c>
      <c r="CH23" s="281">
        <v>73</v>
      </c>
      <c r="CI23" s="281">
        <v>51</v>
      </c>
      <c r="CJ23" s="281">
        <v>33</v>
      </c>
      <c r="CK23" s="278">
        <v>249</v>
      </c>
      <c r="CL23" s="283">
        <v>252</v>
      </c>
      <c r="CM23" s="277">
        <v>0</v>
      </c>
      <c r="CN23" s="281">
        <v>0</v>
      </c>
      <c r="CO23" s="278">
        <v>0</v>
      </c>
      <c r="CP23" s="280">
        <v>0</v>
      </c>
      <c r="CQ23" s="281">
        <v>2</v>
      </c>
      <c r="CR23" s="281">
        <v>3</v>
      </c>
      <c r="CS23" s="281">
        <v>4</v>
      </c>
      <c r="CT23" s="281">
        <v>1</v>
      </c>
      <c r="CU23" s="281">
        <v>3</v>
      </c>
      <c r="CV23" s="278">
        <v>13</v>
      </c>
      <c r="CW23" s="283">
        <v>13</v>
      </c>
      <c r="CX23" s="277">
        <v>0</v>
      </c>
      <c r="CY23" s="281">
        <v>0</v>
      </c>
      <c r="CZ23" s="278">
        <v>0</v>
      </c>
      <c r="DA23" s="280">
        <v>0</v>
      </c>
      <c r="DB23" s="281">
        <v>0</v>
      </c>
      <c r="DC23" s="281">
        <v>0</v>
      </c>
      <c r="DD23" s="281">
        <v>0</v>
      </c>
      <c r="DE23" s="281">
        <v>0</v>
      </c>
      <c r="DF23" s="281">
        <v>0</v>
      </c>
      <c r="DG23" s="278">
        <v>0</v>
      </c>
      <c r="DH23" s="283">
        <v>0</v>
      </c>
      <c r="DI23" s="277">
        <v>0</v>
      </c>
      <c r="DJ23" s="281">
        <v>0</v>
      </c>
      <c r="DK23" s="278">
        <v>0</v>
      </c>
      <c r="DL23" s="280">
        <v>0</v>
      </c>
      <c r="DM23" s="281">
        <v>0</v>
      </c>
      <c r="DN23" s="281">
        <v>0</v>
      </c>
      <c r="DO23" s="281">
        <v>0</v>
      </c>
      <c r="DP23" s="281">
        <v>0</v>
      </c>
      <c r="DQ23" s="281">
        <v>0</v>
      </c>
      <c r="DR23" s="278">
        <v>0</v>
      </c>
      <c r="DS23" s="283">
        <v>0</v>
      </c>
      <c r="DT23" s="277">
        <v>170</v>
      </c>
      <c r="DU23" s="281">
        <v>306</v>
      </c>
      <c r="DV23" s="278">
        <v>476</v>
      </c>
      <c r="DW23" s="280">
        <v>0</v>
      </c>
      <c r="DX23" s="281">
        <v>347</v>
      </c>
      <c r="DY23" s="281">
        <v>663</v>
      </c>
      <c r="DZ23" s="281">
        <v>356</v>
      </c>
      <c r="EA23" s="281">
        <v>286</v>
      </c>
      <c r="EB23" s="281">
        <v>141</v>
      </c>
      <c r="EC23" s="278">
        <v>1793</v>
      </c>
      <c r="ED23" s="283">
        <v>2269</v>
      </c>
      <c r="EE23" s="277">
        <v>19</v>
      </c>
      <c r="EF23" s="281">
        <v>14</v>
      </c>
      <c r="EG23" s="278">
        <v>33</v>
      </c>
      <c r="EH23" s="280">
        <v>0</v>
      </c>
      <c r="EI23" s="281">
        <v>59</v>
      </c>
      <c r="EJ23" s="281">
        <v>74</v>
      </c>
      <c r="EK23" s="281">
        <v>62</v>
      </c>
      <c r="EL23" s="281">
        <v>37</v>
      </c>
      <c r="EM23" s="281">
        <v>49</v>
      </c>
      <c r="EN23" s="278">
        <v>281</v>
      </c>
      <c r="EO23" s="283">
        <v>314</v>
      </c>
      <c r="EP23" s="277">
        <v>231</v>
      </c>
      <c r="EQ23" s="281">
        <v>383</v>
      </c>
      <c r="ER23" s="278">
        <v>614</v>
      </c>
      <c r="ES23" s="280">
        <v>0</v>
      </c>
      <c r="ET23" s="281">
        <v>771</v>
      </c>
      <c r="EU23" s="281">
        <v>910</v>
      </c>
      <c r="EV23" s="281">
        <v>441</v>
      </c>
      <c r="EW23" s="281">
        <v>304</v>
      </c>
      <c r="EX23" s="281">
        <v>150</v>
      </c>
      <c r="EY23" s="278">
        <v>2576</v>
      </c>
      <c r="EZ23" s="283">
        <v>3190</v>
      </c>
    </row>
    <row r="24" spans="2:156" ht="19.5" customHeight="1" x14ac:dyDescent="0.2">
      <c r="B24" s="262" t="s">
        <v>22</v>
      </c>
      <c r="C24" s="277">
        <v>0</v>
      </c>
      <c r="D24" s="281">
        <v>0</v>
      </c>
      <c r="E24" s="385">
        <v>0</v>
      </c>
      <c r="F24" s="280">
        <v>0</v>
      </c>
      <c r="G24" s="281">
        <v>74</v>
      </c>
      <c r="H24" s="281">
        <v>70</v>
      </c>
      <c r="I24" s="281">
        <v>36</v>
      </c>
      <c r="J24" s="281">
        <v>42</v>
      </c>
      <c r="K24" s="281">
        <v>29</v>
      </c>
      <c r="L24" s="282">
        <v>251</v>
      </c>
      <c r="M24" s="283">
        <v>251</v>
      </c>
      <c r="N24" s="277">
        <v>0</v>
      </c>
      <c r="O24" s="281">
        <v>0</v>
      </c>
      <c r="P24" s="278">
        <v>0</v>
      </c>
      <c r="Q24" s="280">
        <v>0</v>
      </c>
      <c r="R24" s="281">
        <v>0</v>
      </c>
      <c r="S24" s="281">
        <v>2</v>
      </c>
      <c r="T24" s="281">
        <v>6</v>
      </c>
      <c r="U24" s="281">
        <v>10</v>
      </c>
      <c r="V24" s="281">
        <v>19</v>
      </c>
      <c r="W24" s="278">
        <v>37</v>
      </c>
      <c r="X24" s="283">
        <v>37</v>
      </c>
      <c r="Y24" s="277">
        <v>6</v>
      </c>
      <c r="Z24" s="281">
        <v>13</v>
      </c>
      <c r="AA24" s="278">
        <v>19</v>
      </c>
      <c r="AB24" s="280">
        <v>0</v>
      </c>
      <c r="AC24" s="281">
        <v>51</v>
      </c>
      <c r="AD24" s="281">
        <v>74</v>
      </c>
      <c r="AE24" s="281">
        <v>26</v>
      </c>
      <c r="AF24" s="281">
        <v>39</v>
      </c>
      <c r="AG24" s="281">
        <v>30</v>
      </c>
      <c r="AH24" s="278">
        <v>220</v>
      </c>
      <c r="AI24" s="283">
        <v>239</v>
      </c>
      <c r="AJ24" s="277">
        <v>0</v>
      </c>
      <c r="AK24" s="281">
        <v>3</v>
      </c>
      <c r="AL24" s="278">
        <v>3</v>
      </c>
      <c r="AM24" s="280">
        <v>0</v>
      </c>
      <c r="AN24" s="281">
        <v>10</v>
      </c>
      <c r="AO24" s="281">
        <v>10</v>
      </c>
      <c r="AP24" s="281">
        <v>6</v>
      </c>
      <c r="AQ24" s="281">
        <v>5</v>
      </c>
      <c r="AR24" s="281">
        <v>4</v>
      </c>
      <c r="AS24" s="278">
        <v>35</v>
      </c>
      <c r="AT24" s="283">
        <v>38</v>
      </c>
      <c r="AU24" s="277">
        <v>4</v>
      </c>
      <c r="AV24" s="281">
        <v>8</v>
      </c>
      <c r="AW24" s="278">
        <v>12</v>
      </c>
      <c r="AX24" s="280">
        <v>0</v>
      </c>
      <c r="AY24" s="281">
        <v>65</v>
      </c>
      <c r="AZ24" s="281">
        <v>81</v>
      </c>
      <c r="BA24" s="281">
        <v>58</v>
      </c>
      <c r="BB24" s="281">
        <v>60</v>
      </c>
      <c r="BC24" s="281">
        <v>32</v>
      </c>
      <c r="BD24" s="282">
        <v>296</v>
      </c>
      <c r="BE24" s="283">
        <v>308</v>
      </c>
      <c r="BF24" s="277">
        <v>0</v>
      </c>
      <c r="BG24" s="281">
        <v>0</v>
      </c>
      <c r="BH24" s="278">
        <v>0</v>
      </c>
      <c r="BI24" s="280">
        <v>0</v>
      </c>
      <c r="BJ24" s="281">
        <v>122</v>
      </c>
      <c r="BK24" s="281">
        <v>109</v>
      </c>
      <c r="BL24" s="281">
        <v>49</v>
      </c>
      <c r="BM24" s="281">
        <v>36</v>
      </c>
      <c r="BN24" s="281">
        <v>19</v>
      </c>
      <c r="BO24" s="278">
        <v>335</v>
      </c>
      <c r="BP24" s="283">
        <v>335</v>
      </c>
      <c r="BQ24" s="277">
        <v>0</v>
      </c>
      <c r="BR24" s="281">
        <v>7</v>
      </c>
      <c r="BS24" s="278">
        <v>7</v>
      </c>
      <c r="BT24" s="280">
        <v>0</v>
      </c>
      <c r="BU24" s="281">
        <v>19</v>
      </c>
      <c r="BV24" s="281">
        <v>23</v>
      </c>
      <c r="BW24" s="281">
        <v>21</v>
      </c>
      <c r="BX24" s="281">
        <v>14</v>
      </c>
      <c r="BY24" s="281">
        <v>5</v>
      </c>
      <c r="BZ24" s="278">
        <v>82</v>
      </c>
      <c r="CA24" s="283">
        <v>89</v>
      </c>
      <c r="CB24" s="277">
        <v>0</v>
      </c>
      <c r="CC24" s="281">
        <v>0</v>
      </c>
      <c r="CD24" s="278">
        <v>0</v>
      </c>
      <c r="CE24" s="280">
        <v>0</v>
      </c>
      <c r="CF24" s="281">
        <v>14</v>
      </c>
      <c r="CG24" s="281">
        <v>23</v>
      </c>
      <c r="CH24" s="281">
        <v>29</v>
      </c>
      <c r="CI24" s="281">
        <v>15</v>
      </c>
      <c r="CJ24" s="281">
        <v>7</v>
      </c>
      <c r="CK24" s="278">
        <v>88</v>
      </c>
      <c r="CL24" s="283">
        <v>88</v>
      </c>
      <c r="CM24" s="277">
        <v>0</v>
      </c>
      <c r="CN24" s="281">
        <v>0</v>
      </c>
      <c r="CO24" s="278">
        <v>0</v>
      </c>
      <c r="CP24" s="280">
        <v>0</v>
      </c>
      <c r="CQ24" s="281">
        <v>0</v>
      </c>
      <c r="CR24" s="281">
        <v>1</v>
      </c>
      <c r="CS24" s="281">
        <v>6</v>
      </c>
      <c r="CT24" s="281">
        <v>3</v>
      </c>
      <c r="CU24" s="281">
        <v>1</v>
      </c>
      <c r="CV24" s="278">
        <v>11</v>
      </c>
      <c r="CW24" s="283">
        <v>11</v>
      </c>
      <c r="CX24" s="277">
        <v>0</v>
      </c>
      <c r="CY24" s="281">
        <v>0</v>
      </c>
      <c r="CZ24" s="278">
        <v>0</v>
      </c>
      <c r="DA24" s="280">
        <v>0</v>
      </c>
      <c r="DB24" s="281">
        <v>0</v>
      </c>
      <c r="DC24" s="281">
        <v>0</v>
      </c>
      <c r="DD24" s="281">
        <v>0</v>
      </c>
      <c r="DE24" s="281">
        <v>0</v>
      </c>
      <c r="DF24" s="281">
        <v>0</v>
      </c>
      <c r="DG24" s="278">
        <v>0</v>
      </c>
      <c r="DH24" s="283">
        <v>0</v>
      </c>
      <c r="DI24" s="277">
        <v>0</v>
      </c>
      <c r="DJ24" s="281">
        <v>0</v>
      </c>
      <c r="DK24" s="278">
        <v>0</v>
      </c>
      <c r="DL24" s="280">
        <v>0</v>
      </c>
      <c r="DM24" s="281">
        <v>0</v>
      </c>
      <c r="DN24" s="281">
        <v>0</v>
      </c>
      <c r="DO24" s="281">
        <v>0</v>
      </c>
      <c r="DP24" s="281">
        <v>0</v>
      </c>
      <c r="DQ24" s="281">
        <v>0</v>
      </c>
      <c r="DR24" s="278">
        <v>0</v>
      </c>
      <c r="DS24" s="283">
        <v>0</v>
      </c>
      <c r="DT24" s="277">
        <v>42</v>
      </c>
      <c r="DU24" s="281">
        <v>141</v>
      </c>
      <c r="DV24" s="278">
        <v>183</v>
      </c>
      <c r="DW24" s="280">
        <v>0</v>
      </c>
      <c r="DX24" s="281">
        <v>201</v>
      </c>
      <c r="DY24" s="281">
        <v>252</v>
      </c>
      <c r="DZ24" s="281">
        <v>119</v>
      </c>
      <c r="EA24" s="281">
        <v>96</v>
      </c>
      <c r="EB24" s="281">
        <v>63</v>
      </c>
      <c r="EC24" s="278">
        <v>731</v>
      </c>
      <c r="ED24" s="283">
        <v>914</v>
      </c>
      <c r="EE24" s="277">
        <v>6</v>
      </c>
      <c r="EF24" s="281">
        <v>5</v>
      </c>
      <c r="EG24" s="278">
        <v>11</v>
      </c>
      <c r="EH24" s="280">
        <v>0</v>
      </c>
      <c r="EI24" s="281">
        <v>30</v>
      </c>
      <c r="EJ24" s="281">
        <v>30</v>
      </c>
      <c r="EK24" s="281">
        <v>21</v>
      </c>
      <c r="EL24" s="281">
        <v>24</v>
      </c>
      <c r="EM24" s="281">
        <v>12</v>
      </c>
      <c r="EN24" s="278">
        <v>117</v>
      </c>
      <c r="EO24" s="283">
        <v>128</v>
      </c>
      <c r="EP24" s="277">
        <v>47</v>
      </c>
      <c r="EQ24" s="281">
        <v>150</v>
      </c>
      <c r="ER24" s="278">
        <v>197</v>
      </c>
      <c r="ES24" s="280">
        <v>0</v>
      </c>
      <c r="ET24" s="281">
        <v>381</v>
      </c>
      <c r="EU24" s="281">
        <v>332</v>
      </c>
      <c r="EV24" s="281">
        <v>142</v>
      </c>
      <c r="EW24" s="281">
        <v>108</v>
      </c>
      <c r="EX24" s="281">
        <v>64</v>
      </c>
      <c r="EY24" s="278">
        <v>1027</v>
      </c>
      <c r="EZ24" s="283">
        <v>1224</v>
      </c>
    </row>
    <row r="25" spans="2:156" ht="19.5" customHeight="1" x14ac:dyDescent="0.2">
      <c r="B25" s="262" t="s">
        <v>23</v>
      </c>
      <c r="C25" s="277">
        <v>0</v>
      </c>
      <c r="D25" s="281">
        <v>0</v>
      </c>
      <c r="E25" s="385">
        <v>0</v>
      </c>
      <c r="F25" s="280">
        <v>0</v>
      </c>
      <c r="G25" s="281">
        <v>139</v>
      </c>
      <c r="H25" s="281">
        <v>139</v>
      </c>
      <c r="I25" s="281">
        <v>70</v>
      </c>
      <c r="J25" s="281">
        <v>56</v>
      </c>
      <c r="K25" s="281">
        <v>39</v>
      </c>
      <c r="L25" s="282">
        <v>443</v>
      </c>
      <c r="M25" s="283">
        <v>443</v>
      </c>
      <c r="N25" s="277">
        <v>0</v>
      </c>
      <c r="O25" s="281">
        <v>0</v>
      </c>
      <c r="P25" s="278">
        <v>0</v>
      </c>
      <c r="Q25" s="280">
        <v>0</v>
      </c>
      <c r="R25" s="281">
        <v>1</v>
      </c>
      <c r="S25" s="281">
        <v>4</v>
      </c>
      <c r="T25" s="281">
        <v>6</v>
      </c>
      <c r="U25" s="281">
        <v>16</v>
      </c>
      <c r="V25" s="281">
        <v>18</v>
      </c>
      <c r="W25" s="278">
        <v>45</v>
      </c>
      <c r="X25" s="283">
        <v>45</v>
      </c>
      <c r="Y25" s="277">
        <v>31</v>
      </c>
      <c r="Z25" s="281">
        <v>42</v>
      </c>
      <c r="AA25" s="278">
        <v>73</v>
      </c>
      <c r="AB25" s="280">
        <v>0</v>
      </c>
      <c r="AC25" s="281">
        <v>94</v>
      </c>
      <c r="AD25" s="281">
        <v>129</v>
      </c>
      <c r="AE25" s="281">
        <v>63</v>
      </c>
      <c r="AF25" s="281">
        <v>75</v>
      </c>
      <c r="AG25" s="281">
        <v>40</v>
      </c>
      <c r="AH25" s="278">
        <v>401</v>
      </c>
      <c r="AI25" s="283">
        <v>474</v>
      </c>
      <c r="AJ25" s="277">
        <v>2</v>
      </c>
      <c r="AK25" s="281">
        <v>11</v>
      </c>
      <c r="AL25" s="278">
        <v>13</v>
      </c>
      <c r="AM25" s="280">
        <v>0</v>
      </c>
      <c r="AN25" s="281">
        <v>6</v>
      </c>
      <c r="AO25" s="281">
        <v>20</v>
      </c>
      <c r="AP25" s="281">
        <v>7</v>
      </c>
      <c r="AQ25" s="281">
        <v>7</v>
      </c>
      <c r="AR25" s="281">
        <v>3</v>
      </c>
      <c r="AS25" s="278">
        <v>43</v>
      </c>
      <c r="AT25" s="283">
        <v>56</v>
      </c>
      <c r="AU25" s="277">
        <v>12</v>
      </c>
      <c r="AV25" s="281">
        <v>12</v>
      </c>
      <c r="AW25" s="278">
        <v>24</v>
      </c>
      <c r="AX25" s="280">
        <v>0</v>
      </c>
      <c r="AY25" s="281">
        <v>160</v>
      </c>
      <c r="AZ25" s="281">
        <v>150</v>
      </c>
      <c r="BA25" s="281">
        <v>127</v>
      </c>
      <c r="BB25" s="281">
        <v>147</v>
      </c>
      <c r="BC25" s="281">
        <v>96</v>
      </c>
      <c r="BD25" s="282">
        <v>680</v>
      </c>
      <c r="BE25" s="283">
        <v>704</v>
      </c>
      <c r="BF25" s="277">
        <v>0</v>
      </c>
      <c r="BG25" s="281">
        <v>0</v>
      </c>
      <c r="BH25" s="278">
        <v>0</v>
      </c>
      <c r="BI25" s="280">
        <v>0</v>
      </c>
      <c r="BJ25" s="281">
        <v>272</v>
      </c>
      <c r="BK25" s="281">
        <v>246</v>
      </c>
      <c r="BL25" s="281">
        <v>112</v>
      </c>
      <c r="BM25" s="281">
        <v>81</v>
      </c>
      <c r="BN25" s="281">
        <v>32</v>
      </c>
      <c r="BO25" s="278">
        <v>743</v>
      </c>
      <c r="BP25" s="283">
        <v>743</v>
      </c>
      <c r="BQ25" s="277">
        <v>5</v>
      </c>
      <c r="BR25" s="281">
        <v>10</v>
      </c>
      <c r="BS25" s="278">
        <v>15</v>
      </c>
      <c r="BT25" s="280">
        <v>0</v>
      </c>
      <c r="BU25" s="281">
        <v>39</v>
      </c>
      <c r="BV25" s="281">
        <v>56</v>
      </c>
      <c r="BW25" s="281">
        <v>30</v>
      </c>
      <c r="BX25" s="281">
        <v>20</v>
      </c>
      <c r="BY25" s="281">
        <v>5</v>
      </c>
      <c r="BZ25" s="278">
        <v>150</v>
      </c>
      <c r="CA25" s="283">
        <v>165</v>
      </c>
      <c r="CB25" s="277">
        <v>1</v>
      </c>
      <c r="CC25" s="281">
        <v>3</v>
      </c>
      <c r="CD25" s="278">
        <v>4</v>
      </c>
      <c r="CE25" s="280">
        <v>0</v>
      </c>
      <c r="CF25" s="281">
        <v>29</v>
      </c>
      <c r="CG25" s="281">
        <v>43</v>
      </c>
      <c r="CH25" s="281">
        <v>42</v>
      </c>
      <c r="CI25" s="281">
        <v>38</v>
      </c>
      <c r="CJ25" s="281">
        <v>15</v>
      </c>
      <c r="CK25" s="278">
        <v>167</v>
      </c>
      <c r="CL25" s="283">
        <v>171</v>
      </c>
      <c r="CM25" s="277">
        <v>0</v>
      </c>
      <c r="CN25" s="281">
        <v>0</v>
      </c>
      <c r="CO25" s="278">
        <v>0</v>
      </c>
      <c r="CP25" s="280">
        <v>0</v>
      </c>
      <c r="CQ25" s="281">
        <v>1</v>
      </c>
      <c r="CR25" s="281">
        <v>3</v>
      </c>
      <c r="CS25" s="281">
        <v>0</v>
      </c>
      <c r="CT25" s="281">
        <v>2</v>
      </c>
      <c r="CU25" s="281">
        <v>4</v>
      </c>
      <c r="CV25" s="278">
        <v>10</v>
      </c>
      <c r="CW25" s="283">
        <v>10</v>
      </c>
      <c r="CX25" s="277">
        <v>0</v>
      </c>
      <c r="CY25" s="281">
        <v>0</v>
      </c>
      <c r="CZ25" s="278">
        <v>0</v>
      </c>
      <c r="DA25" s="280">
        <v>0</v>
      </c>
      <c r="DB25" s="281">
        <v>0</v>
      </c>
      <c r="DC25" s="281">
        <v>0</v>
      </c>
      <c r="DD25" s="281">
        <v>0</v>
      </c>
      <c r="DE25" s="281">
        <v>0</v>
      </c>
      <c r="DF25" s="281">
        <v>0</v>
      </c>
      <c r="DG25" s="278">
        <v>0</v>
      </c>
      <c r="DH25" s="283">
        <v>0</v>
      </c>
      <c r="DI25" s="277">
        <v>0</v>
      </c>
      <c r="DJ25" s="281">
        <v>0</v>
      </c>
      <c r="DK25" s="278">
        <v>0</v>
      </c>
      <c r="DL25" s="280">
        <v>0</v>
      </c>
      <c r="DM25" s="281">
        <v>0</v>
      </c>
      <c r="DN25" s="281">
        <v>0</v>
      </c>
      <c r="DO25" s="281">
        <v>0</v>
      </c>
      <c r="DP25" s="281">
        <v>0</v>
      </c>
      <c r="DQ25" s="281">
        <v>0</v>
      </c>
      <c r="DR25" s="278">
        <v>0</v>
      </c>
      <c r="DS25" s="283">
        <v>0</v>
      </c>
      <c r="DT25" s="277">
        <v>88</v>
      </c>
      <c r="DU25" s="281">
        <v>204</v>
      </c>
      <c r="DV25" s="278">
        <v>292</v>
      </c>
      <c r="DW25" s="280">
        <v>0</v>
      </c>
      <c r="DX25" s="281">
        <v>252</v>
      </c>
      <c r="DY25" s="281">
        <v>375</v>
      </c>
      <c r="DZ25" s="281">
        <v>198</v>
      </c>
      <c r="EA25" s="281">
        <v>170</v>
      </c>
      <c r="EB25" s="281">
        <v>79</v>
      </c>
      <c r="EC25" s="278">
        <v>1074</v>
      </c>
      <c r="ED25" s="283">
        <v>1366</v>
      </c>
      <c r="EE25" s="277">
        <v>5</v>
      </c>
      <c r="EF25" s="281">
        <v>4</v>
      </c>
      <c r="EG25" s="278">
        <v>9</v>
      </c>
      <c r="EH25" s="280">
        <v>0</v>
      </c>
      <c r="EI25" s="281">
        <v>49</v>
      </c>
      <c r="EJ25" s="281">
        <v>41</v>
      </c>
      <c r="EK25" s="281">
        <v>36</v>
      </c>
      <c r="EL25" s="281">
        <v>52</v>
      </c>
      <c r="EM25" s="281">
        <v>32</v>
      </c>
      <c r="EN25" s="278">
        <v>210</v>
      </c>
      <c r="EO25" s="283">
        <v>219</v>
      </c>
      <c r="EP25" s="277">
        <v>116</v>
      </c>
      <c r="EQ25" s="281">
        <v>243</v>
      </c>
      <c r="ER25" s="278">
        <v>359</v>
      </c>
      <c r="ES25" s="280">
        <v>0</v>
      </c>
      <c r="ET25" s="281">
        <v>519</v>
      </c>
      <c r="EU25" s="281">
        <v>513</v>
      </c>
      <c r="EV25" s="281">
        <v>245</v>
      </c>
      <c r="EW25" s="281">
        <v>195</v>
      </c>
      <c r="EX25" s="281">
        <v>87</v>
      </c>
      <c r="EY25" s="278">
        <v>1559</v>
      </c>
      <c r="EZ25" s="283">
        <v>1918</v>
      </c>
    </row>
    <row r="26" spans="2:156" ht="19.5" customHeight="1" x14ac:dyDescent="0.2">
      <c r="B26" s="262" t="s">
        <v>24</v>
      </c>
      <c r="C26" s="277">
        <v>0</v>
      </c>
      <c r="D26" s="281">
        <v>0</v>
      </c>
      <c r="E26" s="385">
        <v>0</v>
      </c>
      <c r="F26" s="280">
        <v>0</v>
      </c>
      <c r="G26" s="281">
        <v>75</v>
      </c>
      <c r="H26" s="281">
        <v>54</v>
      </c>
      <c r="I26" s="281">
        <v>37</v>
      </c>
      <c r="J26" s="281">
        <v>36</v>
      </c>
      <c r="K26" s="281">
        <v>31</v>
      </c>
      <c r="L26" s="282">
        <v>233</v>
      </c>
      <c r="M26" s="283">
        <v>233</v>
      </c>
      <c r="N26" s="277">
        <v>0</v>
      </c>
      <c r="O26" s="281">
        <v>0</v>
      </c>
      <c r="P26" s="278">
        <v>0</v>
      </c>
      <c r="Q26" s="280">
        <v>0</v>
      </c>
      <c r="R26" s="281">
        <v>1</v>
      </c>
      <c r="S26" s="281">
        <v>2</v>
      </c>
      <c r="T26" s="281">
        <v>3</v>
      </c>
      <c r="U26" s="281">
        <v>8</v>
      </c>
      <c r="V26" s="281">
        <v>24</v>
      </c>
      <c r="W26" s="278">
        <v>38</v>
      </c>
      <c r="X26" s="283">
        <v>38</v>
      </c>
      <c r="Y26" s="277">
        <v>8</v>
      </c>
      <c r="Z26" s="281">
        <v>16</v>
      </c>
      <c r="AA26" s="278">
        <v>24</v>
      </c>
      <c r="AB26" s="280">
        <v>0</v>
      </c>
      <c r="AC26" s="281">
        <v>64</v>
      </c>
      <c r="AD26" s="281">
        <v>50</v>
      </c>
      <c r="AE26" s="281">
        <v>44</v>
      </c>
      <c r="AF26" s="281">
        <v>35</v>
      </c>
      <c r="AG26" s="281">
        <v>32</v>
      </c>
      <c r="AH26" s="278">
        <v>225</v>
      </c>
      <c r="AI26" s="283">
        <v>249</v>
      </c>
      <c r="AJ26" s="277">
        <v>1</v>
      </c>
      <c r="AK26" s="281">
        <v>2</v>
      </c>
      <c r="AL26" s="278">
        <v>3</v>
      </c>
      <c r="AM26" s="280">
        <v>0</v>
      </c>
      <c r="AN26" s="281">
        <v>5</v>
      </c>
      <c r="AO26" s="281">
        <v>3</v>
      </c>
      <c r="AP26" s="281">
        <v>2</v>
      </c>
      <c r="AQ26" s="281">
        <v>8</v>
      </c>
      <c r="AR26" s="281">
        <v>6</v>
      </c>
      <c r="AS26" s="278">
        <v>24</v>
      </c>
      <c r="AT26" s="283">
        <v>27</v>
      </c>
      <c r="AU26" s="277">
        <v>19</v>
      </c>
      <c r="AV26" s="281">
        <v>16</v>
      </c>
      <c r="AW26" s="278">
        <v>35</v>
      </c>
      <c r="AX26" s="280">
        <v>0</v>
      </c>
      <c r="AY26" s="281">
        <v>85</v>
      </c>
      <c r="AZ26" s="281">
        <v>66</v>
      </c>
      <c r="BA26" s="281">
        <v>78</v>
      </c>
      <c r="BB26" s="281">
        <v>83</v>
      </c>
      <c r="BC26" s="281">
        <v>66</v>
      </c>
      <c r="BD26" s="282">
        <v>378</v>
      </c>
      <c r="BE26" s="283">
        <v>413</v>
      </c>
      <c r="BF26" s="277">
        <v>0</v>
      </c>
      <c r="BG26" s="281">
        <v>0</v>
      </c>
      <c r="BH26" s="278">
        <v>0</v>
      </c>
      <c r="BI26" s="280">
        <v>0</v>
      </c>
      <c r="BJ26" s="281">
        <v>112</v>
      </c>
      <c r="BK26" s="281">
        <v>68</v>
      </c>
      <c r="BL26" s="281">
        <v>41</v>
      </c>
      <c r="BM26" s="281">
        <v>27</v>
      </c>
      <c r="BN26" s="281">
        <v>9</v>
      </c>
      <c r="BO26" s="278">
        <v>257</v>
      </c>
      <c r="BP26" s="283">
        <v>257</v>
      </c>
      <c r="BQ26" s="277">
        <v>12</v>
      </c>
      <c r="BR26" s="281">
        <v>14</v>
      </c>
      <c r="BS26" s="278">
        <v>26</v>
      </c>
      <c r="BT26" s="280">
        <v>0</v>
      </c>
      <c r="BU26" s="281">
        <v>40</v>
      </c>
      <c r="BV26" s="281">
        <v>33</v>
      </c>
      <c r="BW26" s="281">
        <v>22</v>
      </c>
      <c r="BX26" s="281">
        <v>12</v>
      </c>
      <c r="BY26" s="281">
        <v>12</v>
      </c>
      <c r="BZ26" s="278">
        <v>119</v>
      </c>
      <c r="CA26" s="283">
        <v>145</v>
      </c>
      <c r="CB26" s="277">
        <v>1</v>
      </c>
      <c r="CC26" s="281">
        <v>1</v>
      </c>
      <c r="CD26" s="278">
        <v>2</v>
      </c>
      <c r="CE26" s="280">
        <v>0</v>
      </c>
      <c r="CF26" s="281">
        <v>22</v>
      </c>
      <c r="CG26" s="281">
        <v>21</v>
      </c>
      <c r="CH26" s="281">
        <v>21</v>
      </c>
      <c r="CI26" s="281">
        <v>21</v>
      </c>
      <c r="CJ26" s="281">
        <v>13</v>
      </c>
      <c r="CK26" s="278">
        <v>98</v>
      </c>
      <c r="CL26" s="283">
        <v>100</v>
      </c>
      <c r="CM26" s="277">
        <v>0</v>
      </c>
      <c r="CN26" s="281">
        <v>0</v>
      </c>
      <c r="CO26" s="278">
        <v>0</v>
      </c>
      <c r="CP26" s="280">
        <v>0</v>
      </c>
      <c r="CQ26" s="281">
        <v>1</v>
      </c>
      <c r="CR26" s="281">
        <v>1</v>
      </c>
      <c r="CS26" s="281">
        <v>4</v>
      </c>
      <c r="CT26" s="281">
        <v>5</v>
      </c>
      <c r="CU26" s="281">
        <v>1</v>
      </c>
      <c r="CV26" s="278">
        <v>12</v>
      </c>
      <c r="CW26" s="283">
        <v>12</v>
      </c>
      <c r="CX26" s="277">
        <v>0</v>
      </c>
      <c r="CY26" s="281">
        <v>0</v>
      </c>
      <c r="CZ26" s="278">
        <v>0</v>
      </c>
      <c r="DA26" s="280">
        <v>0</v>
      </c>
      <c r="DB26" s="281">
        <v>0</v>
      </c>
      <c r="DC26" s="281">
        <v>0</v>
      </c>
      <c r="DD26" s="281">
        <v>0</v>
      </c>
      <c r="DE26" s="281">
        <v>0</v>
      </c>
      <c r="DF26" s="281">
        <v>0</v>
      </c>
      <c r="DG26" s="278">
        <v>0</v>
      </c>
      <c r="DH26" s="283">
        <v>0</v>
      </c>
      <c r="DI26" s="277">
        <v>0</v>
      </c>
      <c r="DJ26" s="281">
        <v>0</v>
      </c>
      <c r="DK26" s="278">
        <v>0</v>
      </c>
      <c r="DL26" s="280">
        <v>0</v>
      </c>
      <c r="DM26" s="281">
        <v>0</v>
      </c>
      <c r="DN26" s="281">
        <v>0</v>
      </c>
      <c r="DO26" s="281">
        <v>0</v>
      </c>
      <c r="DP26" s="281">
        <v>0</v>
      </c>
      <c r="DQ26" s="281">
        <v>0</v>
      </c>
      <c r="DR26" s="278">
        <v>0</v>
      </c>
      <c r="DS26" s="283">
        <v>0</v>
      </c>
      <c r="DT26" s="277">
        <v>79</v>
      </c>
      <c r="DU26" s="281">
        <v>74</v>
      </c>
      <c r="DV26" s="278">
        <v>153</v>
      </c>
      <c r="DW26" s="280">
        <v>0</v>
      </c>
      <c r="DX26" s="281">
        <v>163</v>
      </c>
      <c r="DY26" s="281">
        <v>156</v>
      </c>
      <c r="DZ26" s="281">
        <v>100</v>
      </c>
      <c r="EA26" s="281">
        <v>72</v>
      </c>
      <c r="EB26" s="281">
        <v>59</v>
      </c>
      <c r="EC26" s="278">
        <v>550</v>
      </c>
      <c r="ED26" s="283">
        <v>703</v>
      </c>
      <c r="EE26" s="277">
        <v>11</v>
      </c>
      <c r="EF26" s="281">
        <v>8</v>
      </c>
      <c r="EG26" s="278">
        <v>19</v>
      </c>
      <c r="EH26" s="280">
        <v>0</v>
      </c>
      <c r="EI26" s="281">
        <v>35</v>
      </c>
      <c r="EJ26" s="281">
        <v>26</v>
      </c>
      <c r="EK26" s="281">
        <v>30</v>
      </c>
      <c r="EL26" s="281">
        <v>31</v>
      </c>
      <c r="EM26" s="281">
        <v>22</v>
      </c>
      <c r="EN26" s="278">
        <v>144</v>
      </c>
      <c r="EO26" s="283">
        <v>163</v>
      </c>
      <c r="EP26" s="277">
        <v>94</v>
      </c>
      <c r="EQ26" s="281">
        <v>89</v>
      </c>
      <c r="ER26" s="278">
        <v>183</v>
      </c>
      <c r="ES26" s="280">
        <v>0</v>
      </c>
      <c r="ET26" s="281">
        <v>293</v>
      </c>
      <c r="EU26" s="281">
        <v>190</v>
      </c>
      <c r="EV26" s="281">
        <v>122</v>
      </c>
      <c r="EW26" s="281">
        <v>83</v>
      </c>
      <c r="EX26" s="281">
        <v>59</v>
      </c>
      <c r="EY26" s="278">
        <v>747</v>
      </c>
      <c r="EZ26" s="283">
        <v>930</v>
      </c>
    </row>
    <row r="27" spans="2:156" ht="19.5" customHeight="1" x14ac:dyDescent="0.2">
      <c r="B27" s="262" t="s">
        <v>25</v>
      </c>
      <c r="C27" s="277">
        <v>0</v>
      </c>
      <c r="D27" s="281">
        <v>0</v>
      </c>
      <c r="E27" s="385">
        <v>0</v>
      </c>
      <c r="F27" s="280">
        <v>0</v>
      </c>
      <c r="G27" s="281">
        <v>97</v>
      </c>
      <c r="H27" s="281">
        <v>62</v>
      </c>
      <c r="I27" s="281">
        <v>40</v>
      </c>
      <c r="J27" s="281">
        <v>40</v>
      </c>
      <c r="K27" s="281">
        <v>33</v>
      </c>
      <c r="L27" s="282">
        <v>272</v>
      </c>
      <c r="M27" s="283">
        <v>272</v>
      </c>
      <c r="N27" s="277">
        <v>0</v>
      </c>
      <c r="O27" s="281">
        <v>0</v>
      </c>
      <c r="P27" s="278">
        <v>0</v>
      </c>
      <c r="Q27" s="280">
        <v>0</v>
      </c>
      <c r="R27" s="281">
        <v>2</v>
      </c>
      <c r="S27" s="281">
        <v>8</v>
      </c>
      <c r="T27" s="281">
        <v>6</v>
      </c>
      <c r="U27" s="281">
        <v>22</v>
      </c>
      <c r="V27" s="281">
        <v>14</v>
      </c>
      <c r="W27" s="278">
        <v>52</v>
      </c>
      <c r="X27" s="283">
        <v>52</v>
      </c>
      <c r="Y27" s="277">
        <v>15</v>
      </c>
      <c r="Z27" s="281">
        <v>35</v>
      </c>
      <c r="AA27" s="278">
        <v>50</v>
      </c>
      <c r="AB27" s="280">
        <v>0</v>
      </c>
      <c r="AC27" s="281">
        <v>78</v>
      </c>
      <c r="AD27" s="281">
        <v>59</v>
      </c>
      <c r="AE27" s="281">
        <v>42</v>
      </c>
      <c r="AF27" s="281">
        <v>41</v>
      </c>
      <c r="AG27" s="281">
        <v>28</v>
      </c>
      <c r="AH27" s="278">
        <v>248</v>
      </c>
      <c r="AI27" s="283">
        <v>298</v>
      </c>
      <c r="AJ27" s="277">
        <v>2</v>
      </c>
      <c r="AK27" s="281">
        <v>4</v>
      </c>
      <c r="AL27" s="278">
        <v>6</v>
      </c>
      <c r="AM27" s="280">
        <v>0</v>
      </c>
      <c r="AN27" s="281">
        <v>2</v>
      </c>
      <c r="AO27" s="281">
        <v>8</v>
      </c>
      <c r="AP27" s="281">
        <v>7</v>
      </c>
      <c r="AQ27" s="281">
        <v>4</v>
      </c>
      <c r="AR27" s="281">
        <v>5</v>
      </c>
      <c r="AS27" s="278">
        <v>26</v>
      </c>
      <c r="AT27" s="283">
        <v>32</v>
      </c>
      <c r="AU27" s="277">
        <v>4</v>
      </c>
      <c r="AV27" s="281">
        <v>15</v>
      </c>
      <c r="AW27" s="278">
        <v>19</v>
      </c>
      <c r="AX27" s="280">
        <v>0</v>
      </c>
      <c r="AY27" s="281">
        <v>66</v>
      </c>
      <c r="AZ27" s="281">
        <v>65</v>
      </c>
      <c r="BA27" s="281">
        <v>44</v>
      </c>
      <c r="BB27" s="281">
        <v>77</v>
      </c>
      <c r="BC27" s="281">
        <v>50</v>
      </c>
      <c r="BD27" s="282">
        <v>302</v>
      </c>
      <c r="BE27" s="283">
        <v>321</v>
      </c>
      <c r="BF27" s="277">
        <v>0</v>
      </c>
      <c r="BG27" s="281">
        <v>0</v>
      </c>
      <c r="BH27" s="278">
        <v>0</v>
      </c>
      <c r="BI27" s="280">
        <v>0</v>
      </c>
      <c r="BJ27" s="281">
        <v>142</v>
      </c>
      <c r="BK27" s="281">
        <v>74</v>
      </c>
      <c r="BL27" s="281">
        <v>36</v>
      </c>
      <c r="BM27" s="281">
        <v>36</v>
      </c>
      <c r="BN27" s="281">
        <v>11</v>
      </c>
      <c r="BO27" s="278">
        <v>299</v>
      </c>
      <c r="BP27" s="283">
        <v>299</v>
      </c>
      <c r="BQ27" s="277">
        <v>7</v>
      </c>
      <c r="BR27" s="281">
        <v>15</v>
      </c>
      <c r="BS27" s="278">
        <v>22</v>
      </c>
      <c r="BT27" s="280">
        <v>0</v>
      </c>
      <c r="BU27" s="281">
        <v>40</v>
      </c>
      <c r="BV27" s="281">
        <v>54</v>
      </c>
      <c r="BW27" s="281">
        <v>20</v>
      </c>
      <c r="BX27" s="281">
        <v>15</v>
      </c>
      <c r="BY27" s="281">
        <v>5</v>
      </c>
      <c r="BZ27" s="278">
        <v>134</v>
      </c>
      <c r="CA27" s="283">
        <v>156</v>
      </c>
      <c r="CB27" s="277">
        <v>1</v>
      </c>
      <c r="CC27" s="281">
        <v>3</v>
      </c>
      <c r="CD27" s="278">
        <v>4</v>
      </c>
      <c r="CE27" s="280">
        <v>0</v>
      </c>
      <c r="CF27" s="281">
        <v>15</v>
      </c>
      <c r="CG27" s="281">
        <v>28</v>
      </c>
      <c r="CH27" s="281">
        <v>15</v>
      </c>
      <c r="CI27" s="281">
        <v>15</v>
      </c>
      <c r="CJ27" s="281">
        <v>5</v>
      </c>
      <c r="CK27" s="278">
        <v>78</v>
      </c>
      <c r="CL27" s="283">
        <v>82</v>
      </c>
      <c r="CM27" s="277">
        <v>0</v>
      </c>
      <c r="CN27" s="281">
        <v>0</v>
      </c>
      <c r="CO27" s="278">
        <v>0</v>
      </c>
      <c r="CP27" s="280">
        <v>0</v>
      </c>
      <c r="CQ27" s="281">
        <v>2</v>
      </c>
      <c r="CR27" s="281">
        <v>3</v>
      </c>
      <c r="CS27" s="281">
        <v>3</v>
      </c>
      <c r="CT27" s="281">
        <v>2</v>
      </c>
      <c r="CU27" s="281">
        <v>1</v>
      </c>
      <c r="CV27" s="278">
        <v>11</v>
      </c>
      <c r="CW27" s="283">
        <v>11</v>
      </c>
      <c r="CX27" s="277">
        <v>0</v>
      </c>
      <c r="CY27" s="281">
        <v>0</v>
      </c>
      <c r="CZ27" s="278">
        <v>0</v>
      </c>
      <c r="DA27" s="280">
        <v>0</v>
      </c>
      <c r="DB27" s="281">
        <v>0</v>
      </c>
      <c r="DC27" s="281">
        <v>0</v>
      </c>
      <c r="DD27" s="281">
        <v>0</v>
      </c>
      <c r="DE27" s="281">
        <v>0</v>
      </c>
      <c r="DF27" s="281">
        <v>0</v>
      </c>
      <c r="DG27" s="278">
        <v>0</v>
      </c>
      <c r="DH27" s="283">
        <v>0</v>
      </c>
      <c r="DI27" s="277">
        <v>0</v>
      </c>
      <c r="DJ27" s="281">
        <v>0</v>
      </c>
      <c r="DK27" s="278">
        <v>0</v>
      </c>
      <c r="DL27" s="280">
        <v>0</v>
      </c>
      <c r="DM27" s="281">
        <v>0</v>
      </c>
      <c r="DN27" s="281">
        <v>0</v>
      </c>
      <c r="DO27" s="281">
        <v>0</v>
      </c>
      <c r="DP27" s="281">
        <v>0</v>
      </c>
      <c r="DQ27" s="281">
        <v>0</v>
      </c>
      <c r="DR27" s="278">
        <v>0</v>
      </c>
      <c r="DS27" s="283">
        <v>0</v>
      </c>
      <c r="DT27" s="277">
        <v>67</v>
      </c>
      <c r="DU27" s="281">
        <v>120</v>
      </c>
      <c r="DV27" s="278">
        <v>187</v>
      </c>
      <c r="DW27" s="280">
        <v>0</v>
      </c>
      <c r="DX27" s="281">
        <v>139</v>
      </c>
      <c r="DY27" s="281">
        <v>183</v>
      </c>
      <c r="DZ27" s="281">
        <v>101</v>
      </c>
      <c r="EA27" s="281">
        <v>114</v>
      </c>
      <c r="EB27" s="281">
        <v>52</v>
      </c>
      <c r="EC27" s="278">
        <v>589</v>
      </c>
      <c r="ED27" s="283">
        <v>776</v>
      </c>
      <c r="EE27" s="277">
        <v>2</v>
      </c>
      <c r="EF27" s="281">
        <v>3</v>
      </c>
      <c r="EG27" s="278">
        <v>5</v>
      </c>
      <c r="EH27" s="280">
        <v>0</v>
      </c>
      <c r="EI27" s="281">
        <v>21</v>
      </c>
      <c r="EJ27" s="281">
        <v>17</v>
      </c>
      <c r="EK27" s="281">
        <v>7</v>
      </c>
      <c r="EL27" s="281">
        <v>23</v>
      </c>
      <c r="EM27" s="281">
        <v>12</v>
      </c>
      <c r="EN27" s="278">
        <v>80</v>
      </c>
      <c r="EO27" s="283">
        <v>85</v>
      </c>
      <c r="EP27" s="277">
        <v>82</v>
      </c>
      <c r="EQ27" s="281">
        <v>146</v>
      </c>
      <c r="ER27" s="278">
        <v>228</v>
      </c>
      <c r="ES27" s="280">
        <v>0</v>
      </c>
      <c r="ET27" s="281">
        <v>365</v>
      </c>
      <c r="EU27" s="281">
        <v>248</v>
      </c>
      <c r="EV27" s="281">
        <v>113</v>
      </c>
      <c r="EW27" s="281">
        <v>126</v>
      </c>
      <c r="EX27" s="281">
        <v>58</v>
      </c>
      <c r="EY27" s="278">
        <v>910</v>
      </c>
      <c r="EZ27" s="283">
        <v>1138</v>
      </c>
    </row>
    <row r="28" spans="2:156" ht="19.5" customHeight="1" x14ac:dyDescent="0.2">
      <c r="B28" s="262" t="s">
        <v>26</v>
      </c>
      <c r="C28" s="277">
        <v>0</v>
      </c>
      <c r="D28" s="281">
        <v>0</v>
      </c>
      <c r="E28" s="385">
        <v>0</v>
      </c>
      <c r="F28" s="280">
        <v>0</v>
      </c>
      <c r="G28" s="281">
        <v>81</v>
      </c>
      <c r="H28" s="281">
        <v>66</v>
      </c>
      <c r="I28" s="281">
        <v>43</v>
      </c>
      <c r="J28" s="281">
        <v>39</v>
      </c>
      <c r="K28" s="281">
        <v>46</v>
      </c>
      <c r="L28" s="282">
        <v>275</v>
      </c>
      <c r="M28" s="283">
        <v>275</v>
      </c>
      <c r="N28" s="277">
        <v>0</v>
      </c>
      <c r="O28" s="281">
        <v>0</v>
      </c>
      <c r="P28" s="278">
        <v>0</v>
      </c>
      <c r="Q28" s="280">
        <v>0</v>
      </c>
      <c r="R28" s="281">
        <v>0</v>
      </c>
      <c r="S28" s="281">
        <v>1</v>
      </c>
      <c r="T28" s="281">
        <v>5</v>
      </c>
      <c r="U28" s="281">
        <v>11</v>
      </c>
      <c r="V28" s="281">
        <v>16</v>
      </c>
      <c r="W28" s="278">
        <v>33</v>
      </c>
      <c r="X28" s="283">
        <v>33</v>
      </c>
      <c r="Y28" s="277">
        <v>12</v>
      </c>
      <c r="Z28" s="281">
        <v>18</v>
      </c>
      <c r="AA28" s="278">
        <v>30</v>
      </c>
      <c r="AB28" s="280">
        <v>0</v>
      </c>
      <c r="AC28" s="281">
        <v>65</v>
      </c>
      <c r="AD28" s="281">
        <v>64</v>
      </c>
      <c r="AE28" s="281">
        <v>34</v>
      </c>
      <c r="AF28" s="281">
        <v>37</v>
      </c>
      <c r="AG28" s="281">
        <v>40</v>
      </c>
      <c r="AH28" s="278">
        <v>240</v>
      </c>
      <c r="AI28" s="283">
        <v>270</v>
      </c>
      <c r="AJ28" s="277">
        <v>0</v>
      </c>
      <c r="AK28" s="281">
        <v>0</v>
      </c>
      <c r="AL28" s="278">
        <v>0</v>
      </c>
      <c r="AM28" s="280">
        <v>0</v>
      </c>
      <c r="AN28" s="281">
        <v>5</v>
      </c>
      <c r="AO28" s="281">
        <v>5</v>
      </c>
      <c r="AP28" s="281">
        <v>3</v>
      </c>
      <c r="AQ28" s="281">
        <v>1</v>
      </c>
      <c r="AR28" s="281">
        <v>1</v>
      </c>
      <c r="AS28" s="278">
        <v>15</v>
      </c>
      <c r="AT28" s="283">
        <v>15</v>
      </c>
      <c r="AU28" s="277">
        <v>10</v>
      </c>
      <c r="AV28" s="281">
        <v>6</v>
      </c>
      <c r="AW28" s="278">
        <v>16</v>
      </c>
      <c r="AX28" s="280">
        <v>0</v>
      </c>
      <c r="AY28" s="281">
        <v>58</v>
      </c>
      <c r="AZ28" s="281">
        <v>52</v>
      </c>
      <c r="BA28" s="281">
        <v>63</v>
      </c>
      <c r="BB28" s="281">
        <v>63</v>
      </c>
      <c r="BC28" s="281">
        <v>58</v>
      </c>
      <c r="BD28" s="282">
        <v>294</v>
      </c>
      <c r="BE28" s="283">
        <v>310</v>
      </c>
      <c r="BF28" s="277">
        <v>0</v>
      </c>
      <c r="BG28" s="281">
        <v>0</v>
      </c>
      <c r="BH28" s="278">
        <v>0</v>
      </c>
      <c r="BI28" s="280">
        <v>0</v>
      </c>
      <c r="BJ28" s="281">
        <v>119</v>
      </c>
      <c r="BK28" s="281">
        <v>75</v>
      </c>
      <c r="BL28" s="281">
        <v>52</v>
      </c>
      <c r="BM28" s="281">
        <v>25</v>
      </c>
      <c r="BN28" s="281">
        <v>13</v>
      </c>
      <c r="BO28" s="278">
        <v>284</v>
      </c>
      <c r="BP28" s="283">
        <v>284</v>
      </c>
      <c r="BQ28" s="277">
        <v>3</v>
      </c>
      <c r="BR28" s="281">
        <v>5</v>
      </c>
      <c r="BS28" s="278">
        <v>8</v>
      </c>
      <c r="BT28" s="280">
        <v>0</v>
      </c>
      <c r="BU28" s="281">
        <v>23</v>
      </c>
      <c r="BV28" s="281">
        <v>25</v>
      </c>
      <c r="BW28" s="281">
        <v>14</v>
      </c>
      <c r="BX28" s="281">
        <v>9</v>
      </c>
      <c r="BY28" s="281">
        <v>8</v>
      </c>
      <c r="BZ28" s="278">
        <v>79</v>
      </c>
      <c r="CA28" s="283">
        <v>87</v>
      </c>
      <c r="CB28" s="277">
        <v>0</v>
      </c>
      <c r="CC28" s="281">
        <v>1</v>
      </c>
      <c r="CD28" s="278">
        <v>1</v>
      </c>
      <c r="CE28" s="280">
        <v>0</v>
      </c>
      <c r="CF28" s="281">
        <v>7</v>
      </c>
      <c r="CG28" s="281">
        <v>13</v>
      </c>
      <c r="CH28" s="281">
        <v>11</v>
      </c>
      <c r="CI28" s="281">
        <v>20</v>
      </c>
      <c r="CJ28" s="281">
        <v>7</v>
      </c>
      <c r="CK28" s="278">
        <v>58</v>
      </c>
      <c r="CL28" s="283">
        <v>59</v>
      </c>
      <c r="CM28" s="277">
        <v>0</v>
      </c>
      <c r="CN28" s="281">
        <v>0</v>
      </c>
      <c r="CO28" s="278">
        <v>0</v>
      </c>
      <c r="CP28" s="280">
        <v>0</v>
      </c>
      <c r="CQ28" s="281">
        <v>1</v>
      </c>
      <c r="CR28" s="281">
        <v>4</v>
      </c>
      <c r="CS28" s="281">
        <v>5</v>
      </c>
      <c r="CT28" s="281">
        <v>5</v>
      </c>
      <c r="CU28" s="281">
        <v>4</v>
      </c>
      <c r="CV28" s="278">
        <v>19</v>
      </c>
      <c r="CW28" s="283">
        <v>19</v>
      </c>
      <c r="CX28" s="277">
        <v>0</v>
      </c>
      <c r="CY28" s="281">
        <v>0</v>
      </c>
      <c r="CZ28" s="278">
        <v>0</v>
      </c>
      <c r="DA28" s="280">
        <v>0</v>
      </c>
      <c r="DB28" s="281">
        <v>0</v>
      </c>
      <c r="DC28" s="281">
        <v>0</v>
      </c>
      <c r="DD28" s="281">
        <v>0</v>
      </c>
      <c r="DE28" s="281">
        <v>0</v>
      </c>
      <c r="DF28" s="281">
        <v>0</v>
      </c>
      <c r="DG28" s="278">
        <v>0</v>
      </c>
      <c r="DH28" s="283">
        <v>0</v>
      </c>
      <c r="DI28" s="277">
        <v>0</v>
      </c>
      <c r="DJ28" s="281">
        <v>0</v>
      </c>
      <c r="DK28" s="278">
        <v>0</v>
      </c>
      <c r="DL28" s="280">
        <v>0</v>
      </c>
      <c r="DM28" s="281">
        <v>0</v>
      </c>
      <c r="DN28" s="281">
        <v>0</v>
      </c>
      <c r="DO28" s="281">
        <v>0</v>
      </c>
      <c r="DP28" s="281">
        <v>0</v>
      </c>
      <c r="DQ28" s="281">
        <v>0</v>
      </c>
      <c r="DR28" s="278">
        <v>0</v>
      </c>
      <c r="DS28" s="283">
        <v>0</v>
      </c>
      <c r="DT28" s="277">
        <v>55</v>
      </c>
      <c r="DU28" s="281">
        <v>90</v>
      </c>
      <c r="DV28" s="278">
        <v>145</v>
      </c>
      <c r="DW28" s="280">
        <v>0</v>
      </c>
      <c r="DX28" s="281">
        <v>158</v>
      </c>
      <c r="DY28" s="281">
        <v>164</v>
      </c>
      <c r="DZ28" s="281">
        <v>107</v>
      </c>
      <c r="EA28" s="281">
        <v>83</v>
      </c>
      <c r="EB28" s="281">
        <v>67</v>
      </c>
      <c r="EC28" s="278">
        <v>579</v>
      </c>
      <c r="ED28" s="283">
        <v>724</v>
      </c>
      <c r="EE28" s="277">
        <v>10</v>
      </c>
      <c r="EF28" s="281">
        <v>2</v>
      </c>
      <c r="EG28" s="278">
        <v>12</v>
      </c>
      <c r="EH28" s="280">
        <v>0</v>
      </c>
      <c r="EI28" s="281">
        <v>20</v>
      </c>
      <c r="EJ28" s="281">
        <v>22</v>
      </c>
      <c r="EK28" s="281">
        <v>20</v>
      </c>
      <c r="EL28" s="281">
        <v>18</v>
      </c>
      <c r="EM28" s="281">
        <v>10</v>
      </c>
      <c r="EN28" s="278">
        <v>90</v>
      </c>
      <c r="EO28" s="283">
        <v>102</v>
      </c>
      <c r="EP28" s="277">
        <v>69</v>
      </c>
      <c r="EQ28" s="281">
        <v>103</v>
      </c>
      <c r="ER28" s="278">
        <v>172</v>
      </c>
      <c r="ES28" s="280">
        <v>0</v>
      </c>
      <c r="ET28" s="281">
        <v>290</v>
      </c>
      <c r="EU28" s="281">
        <v>212</v>
      </c>
      <c r="EV28" s="281">
        <v>121</v>
      </c>
      <c r="EW28" s="281">
        <v>88</v>
      </c>
      <c r="EX28" s="281">
        <v>69</v>
      </c>
      <c r="EY28" s="278">
        <v>780</v>
      </c>
      <c r="EZ28" s="283">
        <v>952</v>
      </c>
    </row>
    <row r="29" spans="2:156" ht="19.5" customHeight="1" x14ac:dyDescent="0.2">
      <c r="B29" s="262" t="s">
        <v>27</v>
      </c>
      <c r="C29" s="277">
        <v>0</v>
      </c>
      <c r="D29" s="281">
        <v>0</v>
      </c>
      <c r="E29" s="385">
        <v>0</v>
      </c>
      <c r="F29" s="280">
        <v>0</v>
      </c>
      <c r="G29" s="281">
        <v>56</v>
      </c>
      <c r="H29" s="281">
        <v>53</v>
      </c>
      <c r="I29" s="281">
        <v>38</v>
      </c>
      <c r="J29" s="281">
        <v>35</v>
      </c>
      <c r="K29" s="281">
        <v>33</v>
      </c>
      <c r="L29" s="282">
        <v>215</v>
      </c>
      <c r="M29" s="283">
        <v>215</v>
      </c>
      <c r="N29" s="277">
        <v>0</v>
      </c>
      <c r="O29" s="281">
        <v>0</v>
      </c>
      <c r="P29" s="278">
        <v>0</v>
      </c>
      <c r="Q29" s="280">
        <v>0</v>
      </c>
      <c r="R29" s="281">
        <v>1</v>
      </c>
      <c r="S29" s="281">
        <v>2</v>
      </c>
      <c r="T29" s="281">
        <v>5</v>
      </c>
      <c r="U29" s="281">
        <v>15</v>
      </c>
      <c r="V29" s="281">
        <v>15</v>
      </c>
      <c r="W29" s="278">
        <v>38</v>
      </c>
      <c r="X29" s="283">
        <v>38</v>
      </c>
      <c r="Y29" s="277">
        <v>25</v>
      </c>
      <c r="Z29" s="281">
        <v>39</v>
      </c>
      <c r="AA29" s="278">
        <v>64</v>
      </c>
      <c r="AB29" s="280">
        <v>0</v>
      </c>
      <c r="AC29" s="281">
        <v>34</v>
      </c>
      <c r="AD29" s="281">
        <v>43</v>
      </c>
      <c r="AE29" s="281">
        <v>33</v>
      </c>
      <c r="AF29" s="281">
        <v>32</v>
      </c>
      <c r="AG29" s="281">
        <v>25</v>
      </c>
      <c r="AH29" s="278">
        <v>167</v>
      </c>
      <c r="AI29" s="283">
        <v>231</v>
      </c>
      <c r="AJ29" s="277">
        <v>0</v>
      </c>
      <c r="AK29" s="281">
        <v>3</v>
      </c>
      <c r="AL29" s="278">
        <v>3</v>
      </c>
      <c r="AM29" s="280">
        <v>0</v>
      </c>
      <c r="AN29" s="281">
        <v>0</v>
      </c>
      <c r="AO29" s="281">
        <v>0</v>
      </c>
      <c r="AP29" s="281">
        <v>0</v>
      </c>
      <c r="AQ29" s="281">
        <v>0</v>
      </c>
      <c r="AR29" s="281">
        <v>2</v>
      </c>
      <c r="AS29" s="278">
        <v>2</v>
      </c>
      <c r="AT29" s="283">
        <v>5</v>
      </c>
      <c r="AU29" s="277">
        <v>12</v>
      </c>
      <c r="AV29" s="281">
        <v>16</v>
      </c>
      <c r="AW29" s="278">
        <v>28</v>
      </c>
      <c r="AX29" s="280">
        <v>0</v>
      </c>
      <c r="AY29" s="281">
        <v>61</v>
      </c>
      <c r="AZ29" s="281">
        <v>60</v>
      </c>
      <c r="BA29" s="281">
        <v>73</v>
      </c>
      <c r="BB29" s="281">
        <v>71</v>
      </c>
      <c r="BC29" s="281">
        <v>42</v>
      </c>
      <c r="BD29" s="282">
        <v>307</v>
      </c>
      <c r="BE29" s="283">
        <v>335</v>
      </c>
      <c r="BF29" s="277">
        <v>0</v>
      </c>
      <c r="BG29" s="281">
        <v>0</v>
      </c>
      <c r="BH29" s="278">
        <v>0</v>
      </c>
      <c r="BI29" s="280">
        <v>0</v>
      </c>
      <c r="BJ29" s="281">
        <v>102</v>
      </c>
      <c r="BK29" s="281">
        <v>79</v>
      </c>
      <c r="BL29" s="281">
        <v>41</v>
      </c>
      <c r="BM29" s="281">
        <v>29</v>
      </c>
      <c r="BN29" s="281">
        <v>13</v>
      </c>
      <c r="BO29" s="278">
        <v>264</v>
      </c>
      <c r="BP29" s="283">
        <v>264</v>
      </c>
      <c r="BQ29" s="277">
        <v>11</v>
      </c>
      <c r="BR29" s="281">
        <v>28</v>
      </c>
      <c r="BS29" s="278">
        <v>39</v>
      </c>
      <c r="BT29" s="280">
        <v>0</v>
      </c>
      <c r="BU29" s="281">
        <v>20</v>
      </c>
      <c r="BV29" s="281">
        <v>25</v>
      </c>
      <c r="BW29" s="281">
        <v>13</v>
      </c>
      <c r="BX29" s="281">
        <v>4</v>
      </c>
      <c r="BY29" s="281">
        <v>6</v>
      </c>
      <c r="BZ29" s="278">
        <v>68</v>
      </c>
      <c r="CA29" s="283">
        <v>107</v>
      </c>
      <c r="CB29" s="277">
        <v>0</v>
      </c>
      <c r="CC29" s="281">
        <v>2</v>
      </c>
      <c r="CD29" s="278">
        <v>2</v>
      </c>
      <c r="CE29" s="280">
        <v>0</v>
      </c>
      <c r="CF29" s="281">
        <v>6</v>
      </c>
      <c r="CG29" s="281">
        <v>12</v>
      </c>
      <c r="CH29" s="281">
        <v>11</v>
      </c>
      <c r="CI29" s="281">
        <v>12</v>
      </c>
      <c r="CJ29" s="281">
        <v>9</v>
      </c>
      <c r="CK29" s="278">
        <v>50</v>
      </c>
      <c r="CL29" s="283">
        <v>52</v>
      </c>
      <c r="CM29" s="277">
        <v>0</v>
      </c>
      <c r="CN29" s="281">
        <v>0</v>
      </c>
      <c r="CO29" s="278">
        <v>0</v>
      </c>
      <c r="CP29" s="280">
        <v>0</v>
      </c>
      <c r="CQ29" s="281">
        <v>5</v>
      </c>
      <c r="CR29" s="281">
        <v>2</v>
      </c>
      <c r="CS29" s="281">
        <v>1</v>
      </c>
      <c r="CT29" s="281">
        <v>4</v>
      </c>
      <c r="CU29" s="281">
        <v>2</v>
      </c>
      <c r="CV29" s="278">
        <v>14</v>
      </c>
      <c r="CW29" s="283">
        <v>14</v>
      </c>
      <c r="CX29" s="277">
        <v>0</v>
      </c>
      <c r="CY29" s="281">
        <v>0</v>
      </c>
      <c r="CZ29" s="278">
        <v>0</v>
      </c>
      <c r="DA29" s="280">
        <v>0</v>
      </c>
      <c r="DB29" s="281">
        <v>0</v>
      </c>
      <c r="DC29" s="281">
        <v>0</v>
      </c>
      <c r="DD29" s="281">
        <v>0</v>
      </c>
      <c r="DE29" s="281">
        <v>0</v>
      </c>
      <c r="DF29" s="281">
        <v>0</v>
      </c>
      <c r="DG29" s="278">
        <v>0</v>
      </c>
      <c r="DH29" s="283">
        <v>0</v>
      </c>
      <c r="DI29" s="277">
        <v>0</v>
      </c>
      <c r="DJ29" s="281">
        <v>0</v>
      </c>
      <c r="DK29" s="278">
        <v>0</v>
      </c>
      <c r="DL29" s="280">
        <v>0</v>
      </c>
      <c r="DM29" s="281">
        <v>0</v>
      </c>
      <c r="DN29" s="281">
        <v>0</v>
      </c>
      <c r="DO29" s="281">
        <v>0</v>
      </c>
      <c r="DP29" s="281">
        <v>0</v>
      </c>
      <c r="DQ29" s="281">
        <v>0</v>
      </c>
      <c r="DR29" s="278">
        <v>0</v>
      </c>
      <c r="DS29" s="283">
        <v>0</v>
      </c>
      <c r="DT29" s="277">
        <v>79</v>
      </c>
      <c r="DU29" s="281">
        <v>122</v>
      </c>
      <c r="DV29" s="278">
        <v>201</v>
      </c>
      <c r="DW29" s="280">
        <v>0</v>
      </c>
      <c r="DX29" s="281">
        <v>65</v>
      </c>
      <c r="DY29" s="281">
        <v>145</v>
      </c>
      <c r="DZ29" s="281">
        <v>88</v>
      </c>
      <c r="EA29" s="281">
        <v>59</v>
      </c>
      <c r="EB29" s="281">
        <v>43</v>
      </c>
      <c r="EC29" s="278">
        <v>400</v>
      </c>
      <c r="ED29" s="283">
        <v>601</v>
      </c>
      <c r="EE29" s="277">
        <v>12</v>
      </c>
      <c r="EF29" s="281">
        <v>13</v>
      </c>
      <c r="EG29" s="278">
        <v>25</v>
      </c>
      <c r="EH29" s="280">
        <v>0</v>
      </c>
      <c r="EI29" s="281">
        <v>31</v>
      </c>
      <c r="EJ29" s="281">
        <v>33</v>
      </c>
      <c r="EK29" s="281">
        <v>35</v>
      </c>
      <c r="EL29" s="281">
        <v>39</v>
      </c>
      <c r="EM29" s="281">
        <v>12</v>
      </c>
      <c r="EN29" s="278">
        <v>150</v>
      </c>
      <c r="EO29" s="283">
        <v>175</v>
      </c>
      <c r="EP29" s="277">
        <v>102</v>
      </c>
      <c r="EQ29" s="281">
        <v>150</v>
      </c>
      <c r="ER29" s="278">
        <v>252</v>
      </c>
      <c r="ES29" s="280">
        <v>0</v>
      </c>
      <c r="ET29" s="281">
        <v>190</v>
      </c>
      <c r="EU29" s="281">
        <v>181</v>
      </c>
      <c r="EV29" s="281">
        <v>107</v>
      </c>
      <c r="EW29" s="281">
        <v>68</v>
      </c>
      <c r="EX29" s="281">
        <v>45</v>
      </c>
      <c r="EY29" s="278">
        <v>591</v>
      </c>
      <c r="EZ29" s="283">
        <v>843</v>
      </c>
    </row>
    <row r="30" spans="2:156" ht="19.5" customHeight="1" x14ac:dyDescent="0.2">
      <c r="B30" s="262" t="s">
        <v>28</v>
      </c>
      <c r="C30" s="277">
        <v>0</v>
      </c>
      <c r="D30" s="281">
        <v>0</v>
      </c>
      <c r="E30" s="385">
        <v>0</v>
      </c>
      <c r="F30" s="280">
        <v>0</v>
      </c>
      <c r="G30" s="281">
        <v>11</v>
      </c>
      <c r="H30" s="281">
        <v>16</v>
      </c>
      <c r="I30" s="281">
        <v>4</v>
      </c>
      <c r="J30" s="281">
        <v>8</v>
      </c>
      <c r="K30" s="281">
        <v>11</v>
      </c>
      <c r="L30" s="282">
        <v>50</v>
      </c>
      <c r="M30" s="283">
        <v>50</v>
      </c>
      <c r="N30" s="277">
        <v>0</v>
      </c>
      <c r="O30" s="281">
        <v>0</v>
      </c>
      <c r="P30" s="278">
        <v>0</v>
      </c>
      <c r="Q30" s="280">
        <v>0</v>
      </c>
      <c r="R30" s="281">
        <v>0</v>
      </c>
      <c r="S30" s="281">
        <v>0</v>
      </c>
      <c r="T30" s="281">
        <v>1</v>
      </c>
      <c r="U30" s="281">
        <v>2</v>
      </c>
      <c r="V30" s="281">
        <v>2</v>
      </c>
      <c r="W30" s="278">
        <v>5</v>
      </c>
      <c r="X30" s="283">
        <v>5</v>
      </c>
      <c r="Y30" s="277">
        <v>1</v>
      </c>
      <c r="Z30" s="281">
        <v>2</v>
      </c>
      <c r="AA30" s="278">
        <v>3</v>
      </c>
      <c r="AB30" s="280">
        <v>0</v>
      </c>
      <c r="AC30" s="281">
        <v>9</v>
      </c>
      <c r="AD30" s="281">
        <v>21</v>
      </c>
      <c r="AE30" s="281">
        <v>9</v>
      </c>
      <c r="AF30" s="281">
        <v>11</v>
      </c>
      <c r="AG30" s="281">
        <v>12</v>
      </c>
      <c r="AH30" s="278">
        <v>62</v>
      </c>
      <c r="AI30" s="283">
        <v>65</v>
      </c>
      <c r="AJ30" s="277">
        <v>0</v>
      </c>
      <c r="AK30" s="281">
        <v>0</v>
      </c>
      <c r="AL30" s="278">
        <v>0</v>
      </c>
      <c r="AM30" s="280">
        <v>0</v>
      </c>
      <c r="AN30" s="281">
        <v>4</v>
      </c>
      <c r="AO30" s="281">
        <v>1</v>
      </c>
      <c r="AP30" s="281">
        <v>0</v>
      </c>
      <c r="AQ30" s="281">
        <v>0</v>
      </c>
      <c r="AR30" s="281">
        <v>2</v>
      </c>
      <c r="AS30" s="278">
        <v>7</v>
      </c>
      <c r="AT30" s="283">
        <v>7</v>
      </c>
      <c r="AU30" s="277">
        <v>1</v>
      </c>
      <c r="AV30" s="281">
        <v>1</v>
      </c>
      <c r="AW30" s="278">
        <v>2</v>
      </c>
      <c r="AX30" s="280">
        <v>0</v>
      </c>
      <c r="AY30" s="281">
        <v>12</v>
      </c>
      <c r="AZ30" s="281">
        <v>28</v>
      </c>
      <c r="BA30" s="281">
        <v>18</v>
      </c>
      <c r="BB30" s="281">
        <v>17</v>
      </c>
      <c r="BC30" s="281">
        <v>19</v>
      </c>
      <c r="BD30" s="282">
        <v>94</v>
      </c>
      <c r="BE30" s="283">
        <v>96</v>
      </c>
      <c r="BF30" s="277">
        <v>0</v>
      </c>
      <c r="BG30" s="281">
        <v>0</v>
      </c>
      <c r="BH30" s="278">
        <v>0</v>
      </c>
      <c r="BI30" s="280">
        <v>0</v>
      </c>
      <c r="BJ30" s="281">
        <v>28</v>
      </c>
      <c r="BK30" s="281">
        <v>32</v>
      </c>
      <c r="BL30" s="281">
        <v>15</v>
      </c>
      <c r="BM30" s="281">
        <v>13</v>
      </c>
      <c r="BN30" s="281">
        <v>6</v>
      </c>
      <c r="BO30" s="278">
        <v>94</v>
      </c>
      <c r="BP30" s="283">
        <v>94</v>
      </c>
      <c r="BQ30" s="277">
        <v>0</v>
      </c>
      <c r="BR30" s="281">
        <v>4</v>
      </c>
      <c r="BS30" s="278">
        <v>4</v>
      </c>
      <c r="BT30" s="280">
        <v>0</v>
      </c>
      <c r="BU30" s="281">
        <v>6</v>
      </c>
      <c r="BV30" s="281">
        <v>14</v>
      </c>
      <c r="BW30" s="281">
        <v>7</v>
      </c>
      <c r="BX30" s="281">
        <v>7</v>
      </c>
      <c r="BY30" s="281">
        <v>7</v>
      </c>
      <c r="BZ30" s="278">
        <v>41</v>
      </c>
      <c r="CA30" s="283">
        <v>45</v>
      </c>
      <c r="CB30" s="277">
        <v>0</v>
      </c>
      <c r="CC30" s="281">
        <v>1</v>
      </c>
      <c r="CD30" s="278">
        <v>1</v>
      </c>
      <c r="CE30" s="280">
        <v>0</v>
      </c>
      <c r="CF30" s="281">
        <v>2</v>
      </c>
      <c r="CG30" s="281">
        <v>5</v>
      </c>
      <c r="CH30" s="281">
        <v>10</v>
      </c>
      <c r="CI30" s="281">
        <v>8</v>
      </c>
      <c r="CJ30" s="281">
        <v>4</v>
      </c>
      <c r="CK30" s="278">
        <v>29</v>
      </c>
      <c r="CL30" s="283">
        <v>30</v>
      </c>
      <c r="CM30" s="277">
        <v>0</v>
      </c>
      <c r="CN30" s="281">
        <v>0</v>
      </c>
      <c r="CO30" s="278">
        <v>0</v>
      </c>
      <c r="CP30" s="280">
        <v>0</v>
      </c>
      <c r="CQ30" s="281">
        <v>1</v>
      </c>
      <c r="CR30" s="281">
        <v>2</v>
      </c>
      <c r="CS30" s="281">
        <v>1</v>
      </c>
      <c r="CT30" s="281">
        <v>3</v>
      </c>
      <c r="CU30" s="281">
        <v>1</v>
      </c>
      <c r="CV30" s="278">
        <v>8</v>
      </c>
      <c r="CW30" s="283">
        <v>8</v>
      </c>
      <c r="CX30" s="277">
        <v>0</v>
      </c>
      <c r="CY30" s="281">
        <v>0</v>
      </c>
      <c r="CZ30" s="278">
        <v>0</v>
      </c>
      <c r="DA30" s="280">
        <v>0</v>
      </c>
      <c r="DB30" s="281">
        <v>0</v>
      </c>
      <c r="DC30" s="281">
        <v>0</v>
      </c>
      <c r="DD30" s="281">
        <v>0</v>
      </c>
      <c r="DE30" s="281">
        <v>0</v>
      </c>
      <c r="DF30" s="281">
        <v>0</v>
      </c>
      <c r="DG30" s="278">
        <v>0</v>
      </c>
      <c r="DH30" s="283">
        <v>0</v>
      </c>
      <c r="DI30" s="277">
        <v>0</v>
      </c>
      <c r="DJ30" s="281">
        <v>0</v>
      </c>
      <c r="DK30" s="278">
        <v>0</v>
      </c>
      <c r="DL30" s="280">
        <v>0</v>
      </c>
      <c r="DM30" s="281">
        <v>0</v>
      </c>
      <c r="DN30" s="281">
        <v>0</v>
      </c>
      <c r="DO30" s="281">
        <v>0</v>
      </c>
      <c r="DP30" s="281">
        <v>0</v>
      </c>
      <c r="DQ30" s="281">
        <v>0</v>
      </c>
      <c r="DR30" s="278">
        <v>0</v>
      </c>
      <c r="DS30" s="283">
        <v>0</v>
      </c>
      <c r="DT30" s="277">
        <v>6</v>
      </c>
      <c r="DU30" s="281">
        <v>16</v>
      </c>
      <c r="DV30" s="278">
        <v>22</v>
      </c>
      <c r="DW30" s="280">
        <v>0</v>
      </c>
      <c r="DX30" s="281">
        <v>32</v>
      </c>
      <c r="DY30" s="281">
        <v>63</v>
      </c>
      <c r="DZ30" s="281">
        <v>26</v>
      </c>
      <c r="EA30" s="281">
        <v>25</v>
      </c>
      <c r="EB30" s="281">
        <v>19</v>
      </c>
      <c r="EC30" s="278">
        <v>165</v>
      </c>
      <c r="ED30" s="283">
        <v>187</v>
      </c>
      <c r="EE30" s="277">
        <v>0</v>
      </c>
      <c r="EF30" s="281">
        <v>0</v>
      </c>
      <c r="EG30" s="278">
        <v>0</v>
      </c>
      <c r="EH30" s="280">
        <v>0</v>
      </c>
      <c r="EI30" s="281">
        <v>6</v>
      </c>
      <c r="EJ30" s="281">
        <v>6</v>
      </c>
      <c r="EK30" s="281">
        <v>5</v>
      </c>
      <c r="EL30" s="281">
        <v>6</v>
      </c>
      <c r="EM30" s="281">
        <v>3</v>
      </c>
      <c r="EN30" s="278">
        <v>26</v>
      </c>
      <c r="EO30" s="283">
        <v>26</v>
      </c>
      <c r="EP30" s="277">
        <v>6</v>
      </c>
      <c r="EQ30" s="281">
        <v>19</v>
      </c>
      <c r="ER30" s="278">
        <v>25</v>
      </c>
      <c r="ES30" s="280">
        <v>0</v>
      </c>
      <c r="ET30" s="281">
        <v>71</v>
      </c>
      <c r="EU30" s="281">
        <v>83</v>
      </c>
      <c r="EV30" s="281">
        <v>34</v>
      </c>
      <c r="EW30" s="281">
        <v>28</v>
      </c>
      <c r="EX30" s="281">
        <v>20</v>
      </c>
      <c r="EY30" s="278">
        <v>236</v>
      </c>
      <c r="EZ30" s="283">
        <v>261</v>
      </c>
    </row>
    <row r="31" spans="2:156" ht="19.5" customHeight="1" x14ac:dyDescent="0.2">
      <c r="B31" s="262" t="s">
        <v>29</v>
      </c>
      <c r="C31" s="277">
        <v>0</v>
      </c>
      <c r="D31" s="281">
        <v>0</v>
      </c>
      <c r="E31" s="385">
        <v>0</v>
      </c>
      <c r="F31" s="280">
        <v>0</v>
      </c>
      <c r="G31" s="281">
        <v>19</v>
      </c>
      <c r="H31" s="281">
        <v>26</v>
      </c>
      <c r="I31" s="281">
        <v>11</v>
      </c>
      <c r="J31" s="281">
        <v>14</v>
      </c>
      <c r="K31" s="281">
        <v>9</v>
      </c>
      <c r="L31" s="282">
        <v>79</v>
      </c>
      <c r="M31" s="283">
        <v>79</v>
      </c>
      <c r="N31" s="277">
        <v>0</v>
      </c>
      <c r="O31" s="281">
        <v>0</v>
      </c>
      <c r="P31" s="278">
        <v>0</v>
      </c>
      <c r="Q31" s="280">
        <v>0</v>
      </c>
      <c r="R31" s="281">
        <v>1</v>
      </c>
      <c r="S31" s="281">
        <v>4</v>
      </c>
      <c r="T31" s="281">
        <v>2</v>
      </c>
      <c r="U31" s="281">
        <v>1</v>
      </c>
      <c r="V31" s="281">
        <v>4</v>
      </c>
      <c r="W31" s="278">
        <v>12</v>
      </c>
      <c r="X31" s="283">
        <v>12</v>
      </c>
      <c r="Y31" s="277">
        <v>2</v>
      </c>
      <c r="Z31" s="281">
        <v>5</v>
      </c>
      <c r="AA31" s="278">
        <v>7</v>
      </c>
      <c r="AB31" s="280">
        <v>0</v>
      </c>
      <c r="AC31" s="281">
        <v>13</v>
      </c>
      <c r="AD31" s="281">
        <v>19</v>
      </c>
      <c r="AE31" s="281">
        <v>13</v>
      </c>
      <c r="AF31" s="281">
        <v>9</v>
      </c>
      <c r="AG31" s="281">
        <v>7</v>
      </c>
      <c r="AH31" s="278">
        <v>61</v>
      </c>
      <c r="AI31" s="283">
        <v>68</v>
      </c>
      <c r="AJ31" s="277">
        <v>0</v>
      </c>
      <c r="AK31" s="281">
        <v>1</v>
      </c>
      <c r="AL31" s="278">
        <v>1</v>
      </c>
      <c r="AM31" s="280">
        <v>0</v>
      </c>
      <c r="AN31" s="281">
        <v>2</v>
      </c>
      <c r="AO31" s="281">
        <v>2</v>
      </c>
      <c r="AP31" s="281">
        <v>0</v>
      </c>
      <c r="AQ31" s="281">
        <v>3</v>
      </c>
      <c r="AR31" s="281">
        <v>0</v>
      </c>
      <c r="AS31" s="278">
        <v>7</v>
      </c>
      <c r="AT31" s="283">
        <v>8</v>
      </c>
      <c r="AU31" s="277">
        <v>2</v>
      </c>
      <c r="AV31" s="281">
        <v>2</v>
      </c>
      <c r="AW31" s="278">
        <v>4</v>
      </c>
      <c r="AX31" s="280">
        <v>0</v>
      </c>
      <c r="AY31" s="281">
        <v>10</v>
      </c>
      <c r="AZ31" s="281">
        <v>20</v>
      </c>
      <c r="BA31" s="281">
        <v>8</v>
      </c>
      <c r="BB31" s="281">
        <v>23</v>
      </c>
      <c r="BC31" s="281">
        <v>8</v>
      </c>
      <c r="BD31" s="282">
        <v>69</v>
      </c>
      <c r="BE31" s="283">
        <v>73</v>
      </c>
      <c r="BF31" s="277">
        <v>0</v>
      </c>
      <c r="BG31" s="281">
        <v>0</v>
      </c>
      <c r="BH31" s="278">
        <v>0</v>
      </c>
      <c r="BI31" s="280">
        <v>0</v>
      </c>
      <c r="BJ31" s="281">
        <v>35</v>
      </c>
      <c r="BK31" s="281">
        <v>37</v>
      </c>
      <c r="BL31" s="281">
        <v>22</v>
      </c>
      <c r="BM31" s="281">
        <v>13</v>
      </c>
      <c r="BN31" s="281">
        <v>8</v>
      </c>
      <c r="BO31" s="278">
        <v>115</v>
      </c>
      <c r="BP31" s="283">
        <v>115</v>
      </c>
      <c r="BQ31" s="277">
        <v>1</v>
      </c>
      <c r="BR31" s="281">
        <v>2</v>
      </c>
      <c r="BS31" s="278">
        <v>3</v>
      </c>
      <c r="BT31" s="280">
        <v>0</v>
      </c>
      <c r="BU31" s="281">
        <v>13</v>
      </c>
      <c r="BV31" s="281">
        <v>13</v>
      </c>
      <c r="BW31" s="281">
        <v>6</v>
      </c>
      <c r="BX31" s="281">
        <v>6</v>
      </c>
      <c r="BY31" s="281">
        <v>5</v>
      </c>
      <c r="BZ31" s="278">
        <v>43</v>
      </c>
      <c r="CA31" s="283">
        <v>46</v>
      </c>
      <c r="CB31" s="277">
        <v>0</v>
      </c>
      <c r="CC31" s="281">
        <v>0</v>
      </c>
      <c r="CD31" s="278">
        <v>0</v>
      </c>
      <c r="CE31" s="280">
        <v>0</v>
      </c>
      <c r="CF31" s="281">
        <v>2</v>
      </c>
      <c r="CG31" s="281">
        <v>10</v>
      </c>
      <c r="CH31" s="281">
        <v>14</v>
      </c>
      <c r="CI31" s="281">
        <v>8</v>
      </c>
      <c r="CJ31" s="281">
        <v>8</v>
      </c>
      <c r="CK31" s="278">
        <v>42</v>
      </c>
      <c r="CL31" s="283">
        <v>42</v>
      </c>
      <c r="CM31" s="277">
        <v>0</v>
      </c>
      <c r="CN31" s="281">
        <v>1</v>
      </c>
      <c r="CO31" s="278">
        <v>1</v>
      </c>
      <c r="CP31" s="280">
        <v>0</v>
      </c>
      <c r="CQ31" s="281">
        <v>0</v>
      </c>
      <c r="CR31" s="281">
        <v>1</v>
      </c>
      <c r="CS31" s="281">
        <v>2</v>
      </c>
      <c r="CT31" s="281">
        <v>1</v>
      </c>
      <c r="CU31" s="281">
        <v>1</v>
      </c>
      <c r="CV31" s="278">
        <v>5</v>
      </c>
      <c r="CW31" s="283">
        <v>6</v>
      </c>
      <c r="CX31" s="277">
        <v>0</v>
      </c>
      <c r="CY31" s="281">
        <v>0</v>
      </c>
      <c r="CZ31" s="278">
        <v>0</v>
      </c>
      <c r="DA31" s="280">
        <v>0</v>
      </c>
      <c r="DB31" s="281">
        <v>0</v>
      </c>
      <c r="DC31" s="281">
        <v>0</v>
      </c>
      <c r="DD31" s="281">
        <v>0</v>
      </c>
      <c r="DE31" s="281">
        <v>0</v>
      </c>
      <c r="DF31" s="281">
        <v>0</v>
      </c>
      <c r="DG31" s="278">
        <v>0</v>
      </c>
      <c r="DH31" s="283">
        <v>0</v>
      </c>
      <c r="DI31" s="277">
        <v>0</v>
      </c>
      <c r="DJ31" s="281">
        <v>0</v>
      </c>
      <c r="DK31" s="278">
        <v>0</v>
      </c>
      <c r="DL31" s="280">
        <v>0</v>
      </c>
      <c r="DM31" s="281">
        <v>0</v>
      </c>
      <c r="DN31" s="281">
        <v>0</v>
      </c>
      <c r="DO31" s="281">
        <v>0</v>
      </c>
      <c r="DP31" s="281">
        <v>0</v>
      </c>
      <c r="DQ31" s="281">
        <v>0</v>
      </c>
      <c r="DR31" s="278">
        <v>0</v>
      </c>
      <c r="DS31" s="283">
        <v>0</v>
      </c>
      <c r="DT31" s="277">
        <v>25</v>
      </c>
      <c r="DU31" s="281">
        <v>29</v>
      </c>
      <c r="DV31" s="278">
        <v>54</v>
      </c>
      <c r="DW31" s="280">
        <v>0</v>
      </c>
      <c r="DX31" s="281">
        <v>37</v>
      </c>
      <c r="DY31" s="281">
        <v>65</v>
      </c>
      <c r="DZ31" s="281">
        <v>36</v>
      </c>
      <c r="EA31" s="281">
        <v>38</v>
      </c>
      <c r="EB31" s="281">
        <v>24</v>
      </c>
      <c r="EC31" s="278">
        <v>200</v>
      </c>
      <c r="ED31" s="283">
        <v>254</v>
      </c>
      <c r="EE31" s="277">
        <v>0</v>
      </c>
      <c r="EF31" s="281">
        <v>0</v>
      </c>
      <c r="EG31" s="278">
        <v>0</v>
      </c>
      <c r="EH31" s="280">
        <v>0</v>
      </c>
      <c r="EI31" s="281">
        <v>7</v>
      </c>
      <c r="EJ31" s="281">
        <v>10</v>
      </c>
      <c r="EK31" s="281">
        <v>2</v>
      </c>
      <c r="EL31" s="281">
        <v>6</v>
      </c>
      <c r="EM31" s="281">
        <v>4</v>
      </c>
      <c r="EN31" s="278">
        <v>29</v>
      </c>
      <c r="EO31" s="283">
        <v>29</v>
      </c>
      <c r="EP31" s="277">
        <v>25</v>
      </c>
      <c r="EQ31" s="281">
        <v>35</v>
      </c>
      <c r="ER31" s="278">
        <v>60</v>
      </c>
      <c r="ES31" s="280">
        <v>0</v>
      </c>
      <c r="ET31" s="281">
        <v>77</v>
      </c>
      <c r="EU31" s="281">
        <v>94</v>
      </c>
      <c r="EV31" s="281">
        <v>45</v>
      </c>
      <c r="EW31" s="281">
        <v>38</v>
      </c>
      <c r="EX31" s="281">
        <v>23</v>
      </c>
      <c r="EY31" s="278">
        <v>277</v>
      </c>
      <c r="EZ31" s="283">
        <v>337</v>
      </c>
    </row>
    <row r="32" spans="2:156" ht="19.5" customHeight="1" x14ac:dyDescent="0.2">
      <c r="B32" s="262" t="s">
        <v>30</v>
      </c>
      <c r="C32" s="277">
        <v>0</v>
      </c>
      <c r="D32" s="281">
        <v>0</v>
      </c>
      <c r="E32" s="385">
        <v>0</v>
      </c>
      <c r="F32" s="280">
        <v>0</v>
      </c>
      <c r="G32" s="281">
        <v>22</v>
      </c>
      <c r="H32" s="281">
        <v>19</v>
      </c>
      <c r="I32" s="281">
        <v>19</v>
      </c>
      <c r="J32" s="281">
        <v>15</v>
      </c>
      <c r="K32" s="281">
        <v>6</v>
      </c>
      <c r="L32" s="282">
        <v>81</v>
      </c>
      <c r="M32" s="283">
        <v>81</v>
      </c>
      <c r="N32" s="277">
        <v>0</v>
      </c>
      <c r="O32" s="281">
        <v>0</v>
      </c>
      <c r="P32" s="278">
        <v>0</v>
      </c>
      <c r="Q32" s="280">
        <v>0</v>
      </c>
      <c r="R32" s="281">
        <v>1</v>
      </c>
      <c r="S32" s="281">
        <v>1</v>
      </c>
      <c r="T32" s="281">
        <v>3</v>
      </c>
      <c r="U32" s="281">
        <v>7</v>
      </c>
      <c r="V32" s="281">
        <v>7</v>
      </c>
      <c r="W32" s="278">
        <v>19</v>
      </c>
      <c r="X32" s="283">
        <v>19</v>
      </c>
      <c r="Y32" s="277">
        <v>1</v>
      </c>
      <c r="Z32" s="281">
        <v>8</v>
      </c>
      <c r="AA32" s="278">
        <v>9</v>
      </c>
      <c r="AB32" s="280">
        <v>0</v>
      </c>
      <c r="AC32" s="281">
        <v>19</v>
      </c>
      <c r="AD32" s="281">
        <v>20</v>
      </c>
      <c r="AE32" s="281">
        <v>17</v>
      </c>
      <c r="AF32" s="281">
        <v>17</v>
      </c>
      <c r="AG32" s="281">
        <v>6</v>
      </c>
      <c r="AH32" s="278">
        <v>79</v>
      </c>
      <c r="AI32" s="283">
        <v>88</v>
      </c>
      <c r="AJ32" s="277">
        <v>0</v>
      </c>
      <c r="AK32" s="281">
        <v>0</v>
      </c>
      <c r="AL32" s="278">
        <v>0</v>
      </c>
      <c r="AM32" s="280">
        <v>0</v>
      </c>
      <c r="AN32" s="281">
        <v>2</v>
      </c>
      <c r="AO32" s="281">
        <v>0</v>
      </c>
      <c r="AP32" s="281">
        <v>2</v>
      </c>
      <c r="AQ32" s="281">
        <v>2</v>
      </c>
      <c r="AR32" s="281">
        <v>0</v>
      </c>
      <c r="AS32" s="278">
        <v>6</v>
      </c>
      <c r="AT32" s="283">
        <v>6</v>
      </c>
      <c r="AU32" s="277">
        <v>2</v>
      </c>
      <c r="AV32" s="281">
        <v>1</v>
      </c>
      <c r="AW32" s="278">
        <v>3</v>
      </c>
      <c r="AX32" s="280">
        <v>0</v>
      </c>
      <c r="AY32" s="281">
        <v>20</v>
      </c>
      <c r="AZ32" s="281">
        <v>17</v>
      </c>
      <c r="BA32" s="281">
        <v>19</v>
      </c>
      <c r="BB32" s="281">
        <v>22</v>
      </c>
      <c r="BC32" s="281">
        <v>10</v>
      </c>
      <c r="BD32" s="282">
        <v>88</v>
      </c>
      <c r="BE32" s="283">
        <v>91</v>
      </c>
      <c r="BF32" s="277">
        <v>0</v>
      </c>
      <c r="BG32" s="281">
        <v>0</v>
      </c>
      <c r="BH32" s="278">
        <v>0</v>
      </c>
      <c r="BI32" s="280">
        <v>0</v>
      </c>
      <c r="BJ32" s="281">
        <v>38</v>
      </c>
      <c r="BK32" s="281">
        <v>26</v>
      </c>
      <c r="BL32" s="281">
        <v>22</v>
      </c>
      <c r="BM32" s="281">
        <v>14</v>
      </c>
      <c r="BN32" s="281">
        <v>2</v>
      </c>
      <c r="BO32" s="278">
        <v>102</v>
      </c>
      <c r="BP32" s="283">
        <v>102</v>
      </c>
      <c r="BQ32" s="277">
        <v>1</v>
      </c>
      <c r="BR32" s="281">
        <v>1</v>
      </c>
      <c r="BS32" s="278">
        <v>2</v>
      </c>
      <c r="BT32" s="280">
        <v>0</v>
      </c>
      <c r="BU32" s="281">
        <v>7</v>
      </c>
      <c r="BV32" s="281">
        <v>9</v>
      </c>
      <c r="BW32" s="281">
        <v>4</v>
      </c>
      <c r="BX32" s="281">
        <v>5</v>
      </c>
      <c r="BY32" s="281">
        <v>0</v>
      </c>
      <c r="BZ32" s="278">
        <v>25</v>
      </c>
      <c r="CA32" s="283">
        <v>27</v>
      </c>
      <c r="CB32" s="277">
        <v>0</v>
      </c>
      <c r="CC32" s="281">
        <v>0</v>
      </c>
      <c r="CD32" s="278">
        <v>0</v>
      </c>
      <c r="CE32" s="280">
        <v>0</v>
      </c>
      <c r="CF32" s="281">
        <v>7</v>
      </c>
      <c r="CG32" s="281">
        <v>3</v>
      </c>
      <c r="CH32" s="281">
        <v>8</v>
      </c>
      <c r="CI32" s="281">
        <v>7</v>
      </c>
      <c r="CJ32" s="281">
        <v>2</v>
      </c>
      <c r="CK32" s="278">
        <v>27</v>
      </c>
      <c r="CL32" s="283">
        <v>27</v>
      </c>
      <c r="CM32" s="277">
        <v>0</v>
      </c>
      <c r="CN32" s="281">
        <v>0</v>
      </c>
      <c r="CO32" s="278">
        <v>0</v>
      </c>
      <c r="CP32" s="280">
        <v>0</v>
      </c>
      <c r="CQ32" s="281">
        <v>0</v>
      </c>
      <c r="CR32" s="281">
        <v>2</v>
      </c>
      <c r="CS32" s="281">
        <v>1</v>
      </c>
      <c r="CT32" s="281">
        <v>1</v>
      </c>
      <c r="CU32" s="281">
        <v>1</v>
      </c>
      <c r="CV32" s="278">
        <v>5</v>
      </c>
      <c r="CW32" s="283">
        <v>5</v>
      </c>
      <c r="CX32" s="277">
        <v>0</v>
      </c>
      <c r="CY32" s="281">
        <v>0</v>
      </c>
      <c r="CZ32" s="278">
        <v>0</v>
      </c>
      <c r="DA32" s="280">
        <v>0</v>
      </c>
      <c r="DB32" s="281">
        <v>0</v>
      </c>
      <c r="DC32" s="281">
        <v>0</v>
      </c>
      <c r="DD32" s="281">
        <v>0</v>
      </c>
      <c r="DE32" s="281">
        <v>0</v>
      </c>
      <c r="DF32" s="281">
        <v>0</v>
      </c>
      <c r="DG32" s="278">
        <v>0</v>
      </c>
      <c r="DH32" s="283">
        <v>0</v>
      </c>
      <c r="DI32" s="277">
        <v>0</v>
      </c>
      <c r="DJ32" s="281">
        <v>0</v>
      </c>
      <c r="DK32" s="278">
        <v>0</v>
      </c>
      <c r="DL32" s="280">
        <v>0</v>
      </c>
      <c r="DM32" s="281">
        <v>0</v>
      </c>
      <c r="DN32" s="281">
        <v>0</v>
      </c>
      <c r="DO32" s="281">
        <v>0</v>
      </c>
      <c r="DP32" s="281">
        <v>0</v>
      </c>
      <c r="DQ32" s="281">
        <v>0</v>
      </c>
      <c r="DR32" s="278">
        <v>0</v>
      </c>
      <c r="DS32" s="283">
        <v>0</v>
      </c>
      <c r="DT32" s="277">
        <v>24</v>
      </c>
      <c r="DU32" s="281">
        <v>27</v>
      </c>
      <c r="DV32" s="278">
        <v>51</v>
      </c>
      <c r="DW32" s="280">
        <v>0</v>
      </c>
      <c r="DX32" s="281">
        <v>54</v>
      </c>
      <c r="DY32" s="281">
        <v>63</v>
      </c>
      <c r="DZ32" s="281">
        <v>50</v>
      </c>
      <c r="EA32" s="281">
        <v>39</v>
      </c>
      <c r="EB32" s="281">
        <v>14</v>
      </c>
      <c r="EC32" s="278">
        <v>220</v>
      </c>
      <c r="ED32" s="283">
        <v>271</v>
      </c>
      <c r="EE32" s="277">
        <v>2</v>
      </c>
      <c r="EF32" s="281">
        <v>0</v>
      </c>
      <c r="EG32" s="278">
        <v>2</v>
      </c>
      <c r="EH32" s="280">
        <v>0</v>
      </c>
      <c r="EI32" s="281">
        <v>7</v>
      </c>
      <c r="EJ32" s="281">
        <v>6</v>
      </c>
      <c r="EK32" s="281">
        <v>2</v>
      </c>
      <c r="EL32" s="281">
        <v>5</v>
      </c>
      <c r="EM32" s="281">
        <v>2</v>
      </c>
      <c r="EN32" s="278">
        <v>22</v>
      </c>
      <c r="EO32" s="283">
        <v>24</v>
      </c>
      <c r="EP32" s="277">
        <v>27</v>
      </c>
      <c r="EQ32" s="281">
        <v>30</v>
      </c>
      <c r="ER32" s="278">
        <v>57</v>
      </c>
      <c r="ES32" s="280">
        <v>0</v>
      </c>
      <c r="ET32" s="281">
        <v>91</v>
      </c>
      <c r="EU32" s="281">
        <v>78</v>
      </c>
      <c r="EV32" s="281">
        <v>57</v>
      </c>
      <c r="EW32" s="281">
        <v>41</v>
      </c>
      <c r="EX32" s="281">
        <v>17</v>
      </c>
      <c r="EY32" s="278">
        <v>284</v>
      </c>
      <c r="EZ32" s="283">
        <v>341</v>
      </c>
    </row>
    <row r="33" spans="2:156" ht="19.5" customHeight="1" x14ac:dyDescent="0.2">
      <c r="B33" s="262" t="s">
        <v>31</v>
      </c>
      <c r="C33" s="277">
        <v>0</v>
      </c>
      <c r="D33" s="281">
        <v>0</v>
      </c>
      <c r="E33" s="385">
        <v>0</v>
      </c>
      <c r="F33" s="280">
        <v>0</v>
      </c>
      <c r="G33" s="281">
        <v>21</v>
      </c>
      <c r="H33" s="281">
        <v>15</v>
      </c>
      <c r="I33" s="281">
        <v>6</v>
      </c>
      <c r="J33" s="281">
        <v>3</v>
      </c>
      <c r="K33" s="281">
        <v>9</v>
      </c>
      <c r="L33" s="282">
        <v>54</v>
      </c>
      <c r="M33" s="283">
        <v>54</v>
      </c>
      <c r="N33" s="277">
        <v>0</v>
      </c>
      <c r="O33" s="281">
        <v>0</v>
      </c>
      <c r="P33" s="278">
        <v>0</v>
      </c>
      <c r="Q33" s="280">
        <v>0</v>
      </c>
      <c r="R33" s="281">
        <v>0</v>
      </c>
      <c r="S33" s="281">
        <v>3</v>
      </c>
      <c r="T33" s="281">
        <v>4</v>
      </c>
      <c r="U33" s="281">
        <v>6</v>
      </c>
      <c r="V33" s="281">
        <v>2</v>
      </c>
      <c r="W33" s="278">
        <v>15</v>
      </c>
      <c r="X33" s="283">
        <v>15</v>
      </c>
      <c r="Y33" s="277">
        <v>3</v>
      </c>
      <c r="Z33" s="281">
        <v>5</v>
      </c>
      <c r="AA33" s="278">
        <v>8</v>
      </c>
      <c r="AB33" s="280">
        <v>0</v>
      </c>
      <c r="AC33" s="281">
        <v>12</v>
      </c>
      <c r="AD33" s="281">
        <v>18</v>
      </c>
      <c r="AE33" s="281">
        <v>18</v>
      </c>
      <c r="AF33" s="281">
        <v>11</v>
      </c>
      <c r="AG33" s="281">
        <v>7</v>
      </c>
      <c r="AH33" s="278">
        <v>66</v>
      </c>
      <c r="AI33" s="283">
        <v>74</v>
      </c>
      <c r="AJ33" s="277">
        <v>0</v>
      </c>
      <c r="AK33" s="281">
        <v>1</v>
      </c>
      <c r="AL33" s="278">
        <v>1</v>
      </c>
      <c r="AM33" s="280">
        <v>0</v>
      </c>
      <c r="AN33" s="281">
        <v>2</v>
      </c>
      <c r="AO33" s="281">
        <v>4</v>
      </c>
      <c r="AP33" s="281">
        <v>4</v>
      </c>
      <c r="AQ33" s="281">
        <v>4</v>
      </c>
      <c r="AR33" s="281">
        <v>2</v>
      </c>
      <c r="AS33" s="278">
        <v>16</v>
      </c>
      <c r="AT33" s="283">
        <v>17</v>
      </c>
      <c r="AU33" s="277">
        <v>3</v>
      </c>
      <c r="AV33" s="281">
        <v>0</v>
      </c>
      <c r="AW33" s="278">
        <v>3</v>
      </c>
      <c r="AX33" s="280">
        <v>0</v>
      </c>
      <c r="AY33" s="281">
        <v>12</v>
      </c>
      <c r="AZ33" s="281">
        <v>18</v>
      </c>
      <c r="BA33" s="281">
        <v>14</v>
      </c>
      <c r="BB33" s="281">
        <v>12</v>
      </c>
      <c r="BC33" s="281">
        <v>7</v>
      </c>
      <c r="BD33" s="282">
        <v>63</v>
      </c>
      <c r="BE33" s="283">
        <v>66</v>
      </c>
      <c r="BF33" s="277">
        <v>0</v>
      </c>
      <c r="BG33" s="281">
        <v>0</v>
      </c>
      <c r="BH33" s="278">
        <v>0</v>
      </c>
      <c r="BI33" s="280">
        <v>0</v>
      </c>
      <c r="BJ33" s="281">
        <v>36</v>
      </c>
      <c r="BK33" s="281">
        <v>46</v>
      </c>
      <c r="BL33" s="281">
        <v>27</v>
      </c>
      <c r="BM33" s="281">
        <v>13</v>
      </c>
      <c r="BN33" s="281">
        <v>4</v>
      </c>
      <c r="BO33" s="278">
        <v>126</v>
      </c>
      <c r="BP33" s="283">
        <v>126</v>
      </c>
      <c r="BQ33" s="277">
        <v>0</v>
      </c>
      <c r="BR33" s="281">
        <v>1</v>
      </c>
      <c r="BS33" s="278">
        <v>1</v>
      </c>
      <c r="BT33" s="280">
        <v>0</v>
      </c>
      <c r="BU33" s="281">
        <v>3</v>
      </c>
      <c r="BV33" s="281">
        <v>8</v>
      </c>
      <c r="BW33" s="281">
        <v>4</v>
      </c>
      <c r="BX33" s="281">
        <v>3</v>
      </c>
      <c r="BY33" s="281">
        <v>2</v>
      </c>
      <c r="BZ33" s="278">
        <v>20</v>
      </c>
      <c r="CA33" s="283">
        <v>21</v>
      </c>
      <c r="CB33" s="277">
        <v>0</v>
      </c>
      <c r="CC33" s="281">
        <v>0</v>
      </c>
      <c r="CD33" s="278">
        <v>0</v>
      </c>
      <c r="CE33" s="280">
        <v>0</v>
      </c>
      <c r="CF33" s="281">
        <v>7</v>
      </c>
      <c r="CG33" s="281">
        <v>14</v>
      </c>
      <c r="CH33" s="281">
        <v>14</v>
      </c>
      <c r="CI33" s="281">
        <v>5</v>
      </c>
      <c r="CJ33" s="281">
        <v>1</v>
      </c>
      <c r="CK33" s="278">
        <v>41</v>
      </c>
      <c r="CL33" s="283">
        <v>41</v>
      </c>
      <c r="CM33" s="277">
        <v>0</v>
      </c>
      <c r="CN33" s="281">
        <v>0</v>
      </c>
      <c r="CO33" s="278">
        <v>0</v>
      </c>
      <c r="CP33" s="280">
        <v>0</v>
      </c>
      <c r="CQ33" s="281">
        <v>1</v>
      </c>
      <c r="CR33" s="281">
        <v>2</v>
      </c>
      <c r="CS33" s="281">
        <v>0</v>
      </c>
      <c r="CT33" s="281">
        <v>0</v>
      </c>
      <c r="CU33" s="281">
        <v>1</v>
      </c>
      <c r="CV33" s="278">
        <v>4</v>
      </c>
      <c r="CW33" s="283">
        <v>4</v>
      </c>
      <c r="CX33" s="277">
        <v>0</v>
      </c>
      <c r="CY33" s="281">
        <v>0</v>
      </c>
      <c r="CZ33" s="278">
        <v>0</v>
      </c>
      <c r="DA33" s="280">
        <v>0</v>
      </c>
      <c r="DB33" s="281">
        <v>0</v>
      </c>
      <c r="DC33" s="281">
        <v>0</v>
      </c>
      <c r="DD33" s="281">
        <v>0</v>
      </c>
      <c r="DE33" s="281">
        <v>0</v>
      </c>
      <c r="DF33" s="281">
        <v>0</v>
      </c>
      <c r="DG33" s="278">
        <v>0</v>
      </c>
      <c r="DH33" s="283">
        <v>0</v>
      </c>
      <c r="DI33" s="277">
        <v>0</v>
      </c>
      <c r="DJ33" s="281">
        <v>0</v>
      </c>
      <c r="DK33" s="278">
        <v>0</v>
      </c>
      <c r="DL33" s="280">
        <v>0</v>
      </c>
      <c r="DM33" s="281">
        <v>0</v>
      </c>
      <c r="DN33" s="281">
        <v>0</v>
      </c>
      <c r="DO33" s="281">
        <v>0</v>
      </c>
      <c r="DP33" s="281">
        <v>0</v>
      </c>
      <c r="DQ33" s="281">
        <v>0</v>
      </c>
      <c r="DR33" s="278">
        <v>0</v>
      </c>
      <c r="DS33" s="283">
        <v>0</v>
      </c>
      <c r="DT33" s="277">
        <v>18</v>
      </c>
      <c r="DU33" s="281">
        <v>50</v>
      </c>
      <c r="DV33" s="278">
        <v>68</v>
      </c>
      <c r="DW33" s="280">
        <v>0</v>
      </c>
      <c r="DX33" s="281">
        <v>58</v>
      </c>
      <c r="DY33" s="281">
        <v>76</v>
      </c>
      <c r="DZ33" s="281">
        <v>44</v>
      </c>
      <c r="EA33" s="281">
        <v>21</v>
      </c>
      <c r="EB33" s="281">
        <v>13</v>
      </c>
      <c r="EC33" s="278">
        <v>212</v>
      </c>
      <c r="ED33" s="283">
        <v>280</v>
      </c>
      <c r="EE33" s="277">
        <v>2</v>
      </c>
      <c r="EF33" s="281">
        <v>2</v>
      </c>
      <c r="EG33" s="278">
        <v>4</v>
      </c>
      <c r="EH33" s="280">
        <v>0</v>
      </c>
      <c r="EI33" s="281">
        <v>8</v>
      </c>
      <c r="EJ33" s="281">
        <v>6</v>
      </c>
      <c r="EK33" s="281">
        <v>6</v>
      </c>
      <c r="EL33" s="281">
        <v>2</v>
      </c>
      <c r="EM33" s="281">
        <v>3</v>
      </c>
      <c r="EN33" s="278">
        <v>25</v>
      </c>
      <c r="EO33" s="283">
        <v>29</v>
      </c>
      <c r="EP33" s="277">
        <v>21</v>
      </c>
      <c r="EQ33" s="281">
        <v>53</v>
      </c>
      <c r="ER33" s="278">
        <v>74</v>
      </c>
      <c r="ES33" s="280">
        <v>0</v>
      </c>
      <c r="ET33" s="281">
        <v>99</v>
      </c>
      <c r="EU33" s="281">
        <v>97</v>
      </c>
      <c r="EV33" s="281">
        <v>52</v>
      </c>
      <c r="EW33" s="281">
        <v>23</v>
      </c>
      <c r="EX33" s="281">
        <v>12</v>
      </c>
      <c r="EY33" s="278">
        <v>283</v>
      </c>
      <c r="EZ33" s="283">
        <v>357</v>
      </c>
    </row>
    <row r="34" spans="2:156" ht="19.5" customHeight="1" x14ac:dyDescent="0.2">
      <c r="B34" s="262" t="s">
        <v>32</v>
      </c>
      <c r="C34" s="277">
        <v>0</v>
      </c>
      <c r="D34" s="281">
        <v>0</v>
      </c>
      <c r="E34" s="385">
        <v>0</v>
      </c>
      <c r="F34" s="280">
        <v>0</v>
      </c>
      <c r="G34" s="281">
        <v>34</v>
      </c>
      <c r="H34" s="281">
        <v>18</v>
      </c>
      <c r="I34" s="281">
        <v>14</v>
      </c>
      <c r="J34" s="281">
        <v>13</v>
      </c>
      <c r="K34" s="281">
        <v>10</v>
      </c>
      <c r="L34" s="282">
        <v>89</v>
      </c>
      <c r="M34" s="283">
        <v>89</v>
      </c>
      <c r="N34" s="277">
        <v>0</v>
      </c>
      <c r="O34" s="281">
        <v>0</v>
      </c>
      <c r="P34" s="278">
        <v>0</v>
      </c>
      <c r="Q34" s="280">
        <v>0</v>
      </c>
      <c r="R34" s="281">
        <v>1</v>
      </c>
      <c r="S34" s="281">
        <v>2</v>
      </c>
      <c r="T34" s="281">
        <v>1</v>
      </c>
      <c r="U34" s="281">
        <v>4</v>
      </c>
      <c r="V34" s="281">
        <v>10</v>
      </c>
      <c r="W34" s="278">
        <v>18</v>
      </c>
      <c r="X34" s="283">
        <v>18</v>
      </c>
      <c r="Y34" s="277">
        <v>5</v>
      </c>
      <c r="Z34" s="281">
        <v>8</v>
      </c>
      <c r="AA34" s="278">
        <v>13</v>
      </c>
      <c r="AB34" s="280">
        <v>0</v>
      </c>
      <c r="AC34" s="281">
        <v>35</v>
      </c>
      <c r="AD34" s="281">
        <v>23</v>
      </c>
      <c r="AE34" s="281">
        <v>15</v>
      </c>
      <c r="AF34" s="281">
        <v>14</v>
      </c>
      <c r="AG34" s="281">
        <v>10</v>
      </c>
      <c r="AH34" s="278">
        <v>97</v>
      </c>
      <c r="AI34" s="283">
        <v>110</v>
      </c>
      <c r="AJ34" s="277">
        <v>1</v>
      </c>
      <c r="AK34" s="281">
        <v>0</v>
      </c>
      <c r="AL34" s="278">
        <v>1</v>
      </c>
      <c r="AM34" s="280">
        <v>0</v>
      </c>
      <c r="AN34" s="281">
        <v>6</v>
      </c>
      <c r="AO34" s="281">
        <v>1</v>
      </c>
      <c r="AP34" s="281">
        <v>2</v>
      </c>
      <c r="AQ34" s="281">
        <v>1</v>
      </c>
      <c r="AR34" s="281">
        <v>4</v>
      </c>
      <c r="AS34" s="278">
        <v>14</v>
      </c>
      <c r="AT34" s="283">
        <v>15</v>
      </c>
      <c r="AU34" s="277">
        <v>1</v>
      </c>
      <c r="AV34" s="281">
        <v>0</v>
      </c>
      <c r="AW34" s="278">
        <v>1</v>
      </c>
      <c r="AX34" s="280">
        <v>0</v>
      </c>
      <c r="AY34" s="281">
        <v>13</v>
      </c>
      <c r="AZ34" s="281">
        <v>17</v>
      </c>
      <c r="BA34" s="281">
        <v>23</v>
      </c>
      <c r="BB34" s="281">
        <v>27</v>
      </c>
      <c r="BC34" s="281">
        <v>14</v>
      </c>
      <c r="BD34" s="282">
        <v>94</v>
      </c>
      <c r="BE34" s="283">
        <v>95</v>
      </c>
      <c r="BF34" s="277">
        <v>0</v>
      </c>
      <c r="BG34" s="281">
        <v>0</v>
      </c>
      <c r="BH34" s="278">
        <v>0</v>
      </c>
      <c r="BI34" s="280">
        <v>0</v>
      </c>
      <c r="BJ34" s="281">
        <v>53</v>
      </c>
      <c r="BK34" s="281">
        <v>47</v>
      </c>
      <c r="BL34" s="281">
        <v>24</v>
      </c>
      <c r="BM34" s="281">
        <v>20</v>
      </c>
      <c r="BN34" s="281">
        <v>3</v>
      </c>
      <c r="BO34" s="278">
        <v>147</v>
      </c>
      <c r="BP34" s="283">
        <v>147</v>
      </c>
      <c r="BQ34" s="277">
        <v>0</v>
      </c>
      <c r="BR34" s="281">
        <v>0</v>
      </c>
      <c r="BS34" s="278">
        <v>0</v>
      </c>
      <c r="BT34" s="280">
        <v>0</v>
      </c>
      <c r="BU34" s="281">
        <v>10</v>
      </c>
      <c r="BV34" s="281">
        <v>14</v>
      </c>
      <c r="BW34" s="281">
        <v>6</v>
      </c>
      <c r="BX34" s="281">
        <v>5</v>
      </c>
      <c r="BY34" s="281">
        <v>3</v>
      </c>
      <c r="BZ34" s="278">
        <v>38</v>
      </c>
      <c r="CA34" s="283">
        <v>38</v>
      </c>
      <c r="CB34" s="277">
        <v>4</v>
      </c>
      <c r="CC34" s="281">
        <v>0</v>
      </c>
      <c r="CD34" s="278">
        <v>4</v>
      </c>
      <c r="CE34" s="280">
        <v>0</v>
      </c>
      <c r="CF34" s="281">
        <v>5</v>
      </c>
      <c r="CG34" s="281">
        <v>11</v>
      </c>
      <c r="CH34" s="281">
        <v>16</v>
      </c>
      <c r="CI34" s="281">
        <v>4</v>
      </c>
      <c r="CJ34" s="281">
        <v>1</v>
      </c>
      <c r="CK34" s="278">
        <v>37</v>
      </c>
      <c r="CL34" s="283">
        <v>41</v>
      </c>
      <c r="CM34" s="277">
        <v>0</v>
      </c>
      <c r="CN34" s="281">
        <v>0</v>
      </c>
      <c r="CO34" s="278">
        <v>0</v>
      </c>
      <c r="CP34" s="280">
        <v>0</v>
      </c>
      <c r="CQ34" s="281">
        <v>0</v>
      </c>
      <c r="CR34" s="281">
        <v>0</v>
      </c>
      <c r="CS34" s="281">
        <v>4</v>
      </c>
      <c r="CT34" s="281">
        <v>3</v>
      </c>
      <c r="CU34" s="281">
        <v>2</v>
      </c>
      <c r="CV34" s="278">
        <v>9</v>
      </c>
      <c r="CW34" s="283">
        <v>9</v>
      </c>
      <c r="CX34" s="277">
        <v>0</v>
      </c>
      <c r="CY34" s="281">
        <v>0</v>
      </c>
      <c r="CZ34" s="278">
        <v>0</v>
      </c>
      <c r="DA34" s="280">
        <v>0</v>
      </c>
      <c r="DB34" s="281">
        <v>0</v>
      </c>
      <c r="DC34" s="281">
        <v>0</v>
      </c>
      <c r="DD34" s="281">
        <v>0</v>
      </c>
      <c r="DE34" s="281">
        <v>0</v>
      </c>
      <c r="DF34" s="281">
        <v>0</v>
      </c>
      <c r="DG34" s="278">
        <v>0</v>
      </c>
      <c r="DH34" s="283">
        <v>0</v>
      </c>
      <c r="DI34" s="277">
        <v>0</v>
      </c>
      <c r="DJ34" s="281">
        <v>0</v>
      </c>
      <c r="DK34" s="278">
        <v>0</v>
      </c>
      <c r="DL34" s="280">
        <v>0</v>
      </c>
      <c r="DM34" s="281">
        <v>0</v>
      </c>
      <c r="DN34" s="281">
        <v>0</v>
      </c>
      <c r="DO34" s="281">
        <v>0</v>
      </c>
      <c r="DP34" s="281">
        <v>0</v>
      </c>
      <c r="DQ34" s="281">
        <v>0</v>
      </c>
      <c r="DR34" s="278">
        <v>0</v>
      </c>
      <c r="DS34" s="283">
        <v>0</v>
      </c>
      <c r="DT34" s="277">
        <v>26</v>
      </c>
      <c r="DU34" s="281">
        <v>39</v>
      </c>
      <c r="DV34" s="278">
        <v>65</v>
      </c>
      <c r="DW34" s="280">
        <v>0</v>
      </c>
      <c r="DX34" s="281">
        <v>71</v>
      </c>
      <c r="DY34" s="281">
        <v>75</v>
      </c>
      <c r="DZ34" s="281">
        <v>49</v>
      </c>
      <c r="EA34" s="281">
        <v>36</v>
      </c>
      <c r="EB34" s="281">
        <v>20</v>
      </c>
      <c r="EC34" s="278">
        <v>251</v>
      </c>
      <c r="ED34" s="283">
        <v>316</v>
      </c>
      <c r="EE34" s="277">
        <v>3</v>
      </c>
      <c r="EF34" s="281">
        <v>3</v>
      </c>
      <c r="EG34" s="278">
        <v>6</v>
      </c>
      <c r="EH34" s="280">
        <v>0</v>
      </c>
      <c r="EI34" s="281">
        <v>6</v>
      </c>
      <c r="EJ34" s="281">
        <v>5</v>
      </c>
      <c r="EK34" s="281">
        <v>5</v>
      </c>
      <c r="EL34" s="281">
        <v>9</v>
      </c>
      <c r="EM34" s="281">
        <v>4</v>
      </c>
      <c r="EN34" s="278">
        <v>29</v>
      </c>
      <c r="EO34" s="283">
        <v>35</v>
      </c>
      <c r="EP34" s="277">
        <v>32</v>
      </c>
      <c r="EQ34" s="281">
        <v>43</v>
      </c>
      <c r="ER34" s="278">
        <v>75</v>
      </c>
      <c r="ES34" s="280">
        <v>0</v>
      </c>
      <c r="ET34" s="281">
        <v>145</v>
      </c>
      <c r="EU34" s="281">
        <v>110</v>
      </c>
      <c r="EV34" s="281">
        <v>58</v>
      </c>
      <c r="EW34" s="281">
        <v>38</v>
      </c>
      <c r="EX34" s="281">
        <v>21</v>
      </c>
      <c r="EY34" s="278">
        <v>372</v>
      </c>
      <c r="EZ34" s="283">
        <v>447</v>
      </c>
    </row>
    <row r="35" spans="2:156" ht="19.5" customHeight="1" x14ac:dyDescent="0.2">
      <c r="B35" s="262" t="s">
        <v>33</v>
      </c>
      <c r="C35" s="277">
        <v>0</v>
      </c>
      <c r="D35" s="281">
        <v>0</v>
      </c>
      <c r="E35" s="385">
        <v>0</v>
      </c>
      <c r="F35" s="280">
        <v>0</v>
      </c>
      <c r="G35" s="281">
        <v>26</v>
      </c>
      <c r="H35" s="281">
        <v>18</v>
      </c>
      <c r="I35" s="281">
        <v>12</v>
      </c>
      <c r="J35" s="281">
        <v>9</v>
      </c>
      <c r="K35" s="281">
        <v>9</v>
      </c>
      <c r="L35" s="282">
        <v>74</v>
      </c>
      <c r="M35" s="283">
        <v>74</v>
      </c>
      <c r="N35" s="277">
        <v>0</v>
      </c>
      <c r="O35" s="281">
        <v>0</v>
      </c>
      <c r="P35" s="278">
        <v>0</v>
      </c>
      <c r="Q35" s="280">
        <v>0</v>
      </c>
      <c r="R35" s="281">
        <v>1</v>
      </c>
      <c r="S35" s="281">
        <v>1</v>
      </c>
      <c r="T35" s="281">
        <v>2</v>
      </c>
      <c r="U35" s="281">
        <v>3</v>
      </c>
      <c r="V35" s="281">
        <v>4</v>
      </c>
      <c r="W35" s="278">
        <v>11</v>
      </c>
      <c r="X35" s="283">
        <v>11</v>
      </c>
      <c r="Y35" s="277">
        <v>3</v>
      </c>
      <c r="Z35" s="281">
        <v>2</v>
      </c>
      <c r="AA35" s="278">
        <v>5</v>
      </c>
      <c r="AB35" s="280">
        <v>0</v>
      </c>
      <c r="AC35" s="281">
        <v>13</v>
      </c>
      <c r="AD35" s="281">
        <v>15</v>
      </c>
      <c r="AE35" s="281">
        <v>5</v>
      </c>
      <c r="AF35" s="281">
        <v>10</v>
      </c>
      <c r="AG35" s="281">
        <v>7</v>
      </c>
      <c r="AH35" s="278">
        <v>50</v>
      </c>
      <c r="AI35" s="283">
        <v>55</v>
      </c>
      <c r="AJ35" s="277">
        <v>12</v>
      </c>
      <c r="AK35" s="281">
        <v>26</v>
      </c>
      <c r="AL35" s="278">
        <v>38</v>
      </c>
      <c r="AM35" s="280">
        <v>0</v>
      </c>
      <c r="AN35" s="281">
        <v>27</v>
      </c>
      <c r="AO35" s="281">
        <v>17</v>
      </c>
      <c r="AP35" s="281">
        <v>5</v>
      </c>
      <c r="AQ35" s="281">
        <v>7</v>
      </c>
      <c r="AR35" s="281">
        <v>2</v>
      </c>
      <c r="AS35" s="278">
        <v>58</v>
      </c>
      <c r="AT35" s="283">
        <v>96</v>
      </c>
      <c r="AU35" s="277">
        <v>7</v>
      </c>
      <c r="AV35" s="281">
        <v>11</v>
      </c>
      <c r="AW35" s="278">
        <v>18</v>
      </c>
      <c r="AX35" s="280">
        <v>0</v>
      </c>
      <c r="AY35" s="281">
        <v>22</v>
      </c>
      <c r="AZ35" s="281">
        <v>30</v>
      </c>
      <c r="BA35" s="281">
        <v>26</v>
      </c>
      <c r="BB35" s="281">
        <v>13</v>
      </c>
      <c r="BC35" s="281">
        <v>16</v>
      </c>
      <c r="BD35" s="282">
        <v>107</v>
      </c>
      <c r="BE35" s="283">
        <v>125</v>
      </c>
      <c r="BF35" s="277">
        <v>0</v>
      </c>
      <c r="BG35" s="281">
        <v>0</v>
      </c>
      <c r="BH35" s="278">
        <v>0</v>
      </c>
      <c r="BI35" s="280">
        <v>0</v>
      </c>
      <c r="BJ35" s="281">
        <v>16</v>
      </c>
      <c r="BK35" s="281">
        <v>6</v>
      </c>
      <c r="BL35" s="281">
        <v>2</v>
      </c>
      <c r="BM35" s="281">
        <v>4</v>
      </c>
      <c r="BN35" s="281">
        <v>3</v>
      </c>
      <c r="BO35" s="278">
        <v>31</v>
      </c>
      <c r="BP35" s="283">
        <v>31</v>
      </c>
      <c r="BQ35" s="277">
        <v>9</v>
      </c>
      <c r="BR35" s="281">
        <v>12</v>
      </c>
      <c r="BS35" s="278">
        <v>21</v>
      </c>
      <c r="BT35" s="280">
        <v>0</v>
      </c>
      <c r="BU35" s="281">
        <v>26</v>
      </c>
      <c r="BV35" s="281">
        <v>21</v>
      </c>
      <c r="BW35" s="281">
        <v>5</v>
      </c>
      <c r="BX35" s="281">
        <v>2</v>
      </c>
      <c r="BY35" s="281">
        <v>1</v>
      </c>
      <c r="BZ35" s="278">
        <v>55</v>
      </c>
      <c r="CA35" s="283">
        <v>76</v>
      </c>
      <c r="CB35" s="277">
        <v>0</v>
      </c>
      <c r="CC35" s="281">
        <v>0</v>
      </c>
      <c r="CD35" s="278">
        <v>0</v>
      </c>
      <c r="CE35" s="280">
        <v>0</v>
      </c>
      <c r="CF35" s="281">
        <v>2</v>
      </c>
      <c r="CG35" s="281">
        <v>5</v>
      </c>
      <c r="CH35" s="281">
        <v>5</v>
      </c>
      <c r="CI35" s="281">
        <v>6</v>
      </c>
      <c r="CJ35" s="281">
        <v>1</v>
      </c>
      <c r="CK35" s="278">
        <v>19</v>
      </c>
      <c r="CL35" s="283">
        <v>19</v>
      </c>
      <c r="CM35" s="277">
        <v>0</v>
      </c>
      <c r="CN35" s="281">
        <v>0</v>
      </c>
      <c r="CO35" s="278">
        <v>0</v>
      </c>
      <c r="CP35" s="280">
        <v>0</v>
      </c>
      <c r="CQ35" s="281">
        <v>1</v>
      </c>
      <c r="CR35" s="281">
        <v>3</v>
      </c>
      <c r="CS35" s="281">
        <v>2</v>
      </c>
      <c r="CT35" s="281">
        <v>1</v>
      </c>
      <c r="CU35" s="281">
        <v>0</v>
      </c>
      <c r="CV35" s="278">
        <v>7</v>
      </c>
      <c r="CW35" s="283">
        <v>7</v>
      </c>
      <c r="CX35" s="277">
        <v>0</v>
      </c>
      <c r="CY35" s="281">
        <v>0</v>
      </c>
      <c r="CZ35" s="278">
        <v>0</v>
      </c>
      <c r="DA35" s="280">
        <v>0</v>
      </c>
      <c r="DB35" s="281">
        <v>0</v>
      </c>
      <c r="DC35" s="281">
        <v>0</v>
      </c>
      <c r="DD35" s="281">
        <v>0</v>
      </c>
      <c r="DE35" s="281">
        <v>0</v>
      </c>
      <c r="DF35" s="281">
        <v>0</v>
      </c>
      <c r="DG35" s="278">
        <v>0</v>
      </c>
      <c r="DH35" s="283">
        <v>0</v>
      </c>
      <c r="DI35" s="277">
        <v>0</v>
      </c>
      <c r="DJ35" s="281">
        <v>0</v>
      </c>
      <c r="DK35" s="278">
        <v>0</v>
      </c>
      <c r="DL35" s="280">
        <v>0</v>
      </c>
      <c r="DM35" s="281">
        <v>0</v>
      </c>
      <c r="DN35" s="281">
        <v>0</v>
      </c>
      <c r="DO35" s="281">
        <v>1</v>
      </c>
      <c r="DP35" s="281">
        <v>0</v>
      </c>
      <c r="DQ35" s="281">
        <v>0</v>
      </c>
      <c r="DR35" s="278">
        <v>1</v>
      </c>
      <c r="DS35" s="283">
        <v>1</v>
      </c>
      <c r="DT35" s="277">
        <v>23</v>
      </c>
      <c r="DU35" s="281">
        <v>37</v>
      </c>
      <c r="DV35" s="278">
        <v>60</v>
      </c>
      <c r="DW35" s="280">
        <v>0</v>
      </c>
      <c r="DX35" s="281">
        <v>63</v>
      </c>
      <c r="DY35" s="281">
        <v>48</v>
      </c>
      <c r="DZ35" s="281">
        <v>24</v>
      </c>
      <c r="EA35" s="281">
        <v>22</v>
      </c>
      <c r="EB35" s="281">
        <v>16</v>
      </c>
      <c r="EC35" s="278">
        <v>173</v>
      </c>
      <c r="ED35" s="283">
        <v>233</v>
      </c>
      <c r="EE35" s="277">
        <v>5</v>
      </c>
      <c r="EF35" s="281">
        <v>6</v>
      </c>
      <c r="EG35" s="278">
        <v>11</v>
      </c>
      <c r="EH35" s="280">
        <v>0</v>
      </c>
      <c r="EI35" s="281">
        <v>13</v>
      </c>
      <c r="EJ35" s="281">
        <v>15</v>
      </c>
      <c r="EK35" s="281">
        <v>6</v>
      </c>
      <c r="EL35" s="281">
        <v>8</v>
      </c>
      <c r="EM35" s="281">
        <v>4</v>
      </c>
      <c r="EN35" s="278">
        <v>46</v>
      </c>
      <c r="EO35" s="283">
        <v>57</v>
      </c>
      <c r="EP35" s="277">
        <v>39</v>
      </c>
      <c r="EQ35" s="281">
        <v>54</v>
      </c>
      <c r="ER35" s="278">
        <v>93</v>
      </c>
      <c r="ES35" s="280">
        <v>0</v>
      </c>
      <c r="ET35" s="281">
        <v>110</v>
      </c>
      <c r="EU35" s="281">
        <v>70</v>
      </c>
      <c r="EV35" s="281">
        <v>29</v>
      </c>
      <c r="EW35" s="281">
        <v>26</v>
      </c>
      <c r="EX35" s="281">
        <v>16</v>
      </c>
      <c r="EY35" s="278">
        <v>251</v>
      </c>
      <c r="EZ35" s="283">
        <v>344</v>
      </c>
    </row>
    <row r="36" spans="2:156" ht="19.5" customHeight="1" x14ac:dyDescent="0.2">
      <c r="B36" s="262" t="s">
        <v>34</v>
      </c>
      <c r="C36" s="277">
        <v>0</v>
      </c>
      <c r="D36" s="281">
        <v>0</v>
      </c>
      <c r="E36" s="385">
        <v>0</v>
      </c>
      <c r="F36" s="280">
        <v>0</v>
      </c>
      <c r="G36" s="281">
        <v>17</v>
      </c>
      <c r="H36" s="281">
        <v>9</v>
      </c>
      <c r="I36" s="281">
        <v>6</v>
      </c>
      <c r="J36" s="281">
        <v>6</v>
      </c>
      <c r="K36" s="281">
        <v>3</v>
      </c>
      <c r="L36" s="282">
        <v>41</v>
      </c>
      <c r="M36" s="283">
        <v>41</v>
      </c>
      <c r="N36" s="277">
        <v>0</v>
      </c>
      <c r="O36" s="281">
        <v>0</v>
      </c>
      <c r="P36" s="278">
        <v>0</v>
      </c>
      <c r="Q36" s="280">
        <v>0</v>
      </c>
      <c r="R36" s="281">
        <v>0</v>
      </c>
      <c r="S36" s="281">
        <v>1</v>
      </c>
      <c r="T36" s="281">
        <v>0</v>
      </c>
      <c r="U36" s="281">
        <v>1</v>
      </c>
      <c r="V36" s="281">
        <v>4</v>
      </c>
      <c r="W36" s="278">
        <v>6</v>
      </c>
      <c r="X36" s="283">
        <v>6</v>
      </c>
      <c r="Y36" s="277">
        <v>1</v>
      </c>
      <c r="Z36" s="281">
        <v>4</v>
      </c>
      <c r="AA36" s="278">
        <v>5</v>
      </c>
      <c r="AB36" s="280">
        <v>0</v>
      </c>
      <c r="AC36" s="281">
        <v>10</v>
      </c>
      <c r="AD36" s="281">
        <v>9</v>
      </c>
      <c r="AE36" s="281">
        <v>7</v>
      </c>
      <c r="AF36" s="281">
        <v>1</v>
      </c>
      <c r="AG36" s="281">
        <v>5</v>
      </c>
      <c r="AH36" s="278">
        <v>32</v>
      </c>
      <c r="AI36" s="283">
        <v>37</v>
      </c>
      <c r="AJ36" s="277">
        <v>0</v>
      </c>
      <c r="AK36" s="281">
        <v>1</v>
      </c>
      <c r="AL36" s="278">
        <v>1</v>
      </c>
      <c r="AM36" s="280">
        <v>0</v>
      </c>
      <c r="AN36" s="281">
        <v>7</v>
      </c>
      <c r="AO36" s="281">
        <v>6</v>
      </c>
      <c r="AP36" s="281">
        <v>4</v>
      </c>
      <c r="AQ36" s="281">
        <v>1</v>
      </c>
      <c r="AR36" s="281">
        <v>1</v>
      </c>
      <c r="AS36" s="278">
        <v>19</v>
      </c>
      <c r="AT36" s="283">
        <v>20</v>
      </c>
      <c r="AU36" s="277">
        <v>4</v>
      </c>
      <c r="AV36" s="281">
        <v>3</v>
      </c>
      <c r="AW36" s="278">
        <v>7</v>
      </c>
      <c r="AX36" s="280">
        <v>0</v>
      </c>
      <c r="AY36" s="281">
        <v>28</v>
      </c>
      <c r="AZ36" s="281">
        <v>28</v>
      </c>
      <c r="BA36" s="281">
        <v>16</v>
      </c>
      <c r="BB36" s="281">
        <v>16</v>
      </c>
      <c r="BC36" s="281">
        <v>13</v>
      </c>
      <c r="BD36" s="282">
        <v>101</v>
      </c>
      <c r="BE36" s="283">
        <v>108</v>
      </c>
      <c r="BF36" s="277">
        <v>0</v>
      </c>
      <c r="BG36" s="281">
        <v>0</v>
      </c>
      <c r="BH36" s="278">
        <v>0</v>
      </c>
      <c r="BI36" s="280">
        <v>0</v>
      </c>
      <c r="BJ36" s="281">
        <v>32</v>
      </c>
      <c r="BK36" s="281">
        <v>17</v>
      </c>
      <c r="BL36" s="281">
        <v>15</v>
      </c>
      <c r="BM36" s="281">
        <v>8</v>
      </c>
      <c r="BN36" s="281">
        <v>3</v>
      </c>
      <c r="BO36" s="278">
        <v>75</v>
      </c>
      <c r="BP36" s="283">
        <v>75</v>
      </c>
      <c r="BQ36" s="277">
        <v>1</v>
      </c>
      <c r="BR36" s="281">
        <v>4</v>
      </c>
      <c r="BS36" s="278">
        <v>5</v>
      </c>
      <c r="BT36" s="280">
        <v>0</v>
      </c>
      <c r="BU36" s="281">
        <v>10</v>
      </c>
      <c r="BV36" s="281">
        <v>5</v>
      </c>
      <c r="BW36" s="281">
        <v>1</v>
      </c>
      <c r="BX36" s="281">
        <v>3</v>
      </c>
      <c r="BY36" s="281">
        <v>0</v>
      </c>
      <c r="BZ36" s="278">
        <v>19</v>
      </c>
      <c r="CA36" s="283">
        <v>24</v>
      </c>
      <c r="CB36" s="277">
        <v>0</v>
      </c>
      <c r="CC36" s="281">
        <v>0</v>
      </c>
      <c r="CD36" s="278">
        <v>0</v>
      </c>
      <c r="CE36" s="280">
        <v>0</v>
      </c>
      <c r="CF36" s="281">
        <v>2</v>
      </c>
      <c r="CG36" s="281">
        <v>0</v>
      </c>
      <c r="CH36" s="281">
        <v>2</v>
      </c>
      <c r="CI36" s="281">
        <v>5</v>
      </c>
      <c r="CJ36" s="281">
        <v>0</v>
      </c>
      <c r="CK36" s="278">
        <v>9</v>
      </c>
      <c r="CL36" s="283">
        <v>9</v>
      </c>
      <c r="CM36" s="277">
        <v>0</v>
      </c>
      <c r="CN36" s="281">
        <v>0</v>
      </c>
      <c r="CO36" s="278">
        <v>0</v>
      </c>
      <c r="CP36" s="280">
        <v>0</v>
      </c>
      <c r="CQ36" s="281">
        <v>1</v>
      </c>
      <c r="CR36" s="281">
        <v>0</v>
      </c>
      <c r="CS36" s="281">
        <v>0</v>
      </c>
      <c r="CT36" s="281">
        <v>1</v>
      </c>
      <c r="CU36" s="281">
        <v>0</v>
      </c>
      <c r="CV36" s="278">
        <v>2</v>
      </c>
      <c r="CW36" s="283">
        <v>2</v>
      </c>
      <c r="CX36" s="277">
        <v>0</v>
      </c>
      <c r="CY36" s="281">
        <v>0</v>
      </c>
      <c r="CZ36" s="278">
        <v>0</v>
      </c>
      <c r="DA36" s="280">
        <v>0</v>
      </c>
      <c r="DB36" s="281">
        <v>0</v>
      </c>
      <c r="DC36" s="281">
        <v>0</v>
      </c>
      <c r="DD36" s="281">
        <v>0</v>
      </c>
      <c r="DE36" s="281">
        <v>0</v>
      </c>
      <c r="DF36" s="281">
        <v>0</v>
      </c>
      <c r="DG36" s="278">
        <v>0</v>
      </c>
      <c r="DH36" s="283">
        <v>0</v>
      </c>
      <c r="DI36" s="277">
        <v>0</v>
      </c>
      <c r="DJ36" s="281">
        <v>0</v>
      </c>
      <c r="DK36" s="278">
        <v>0</v>
      </c>
      <c r="DL36" s="280">
        <v>0</v>
      </c>
      <c r="DM36" s="281">
        <v>0</v>
      </c>
      <c r="DN36" s="281">
        <v>0</v>
      </c>
      <c r="DO36" s="281">
        <v>0</v>
      </c>
      <c r="DP36" s="281">
        <v>0</v>
      </c>
      <c r="DQ36" s="281">
        <v>0</v>
      </c>
      <c r="DR36" s="278">
        <v>0</v>
      </c>
      <c r="DS36" s="283">
        <v>0</v>
      </c>
      <c r="DT36" s="277">
        <v>12</v>
      </c>
      <c r="DU36" s="281">
        <v>21</v>
      </c>
      <c r="DV36" s="278">
        <v>33</v>
      </c>
      <c r="DW36" s="280">
        <v>0</v>
      </c>
      <c r="DX36" s="281">
        <v>50</v>
      </c>
      <c r="DY36" s="281">
        <v>44</v>
      </c>
      <c r="DZ36" s="281">
        <v>29</v>
      </c>
      <c r="EA36" s="281">
        <v>23</v>
      </c>
      <c r="EB36" s="281">
        <v>8</v>
      </c>
      <c r="EC36" s="278">
        <v>154</v>
      </c>
      <c r="ED36" s="283">
        <v>187</v>
      </c>
      <c r="EE36" s="277">
        <v>4</v>
      </c>
      <c r="EF36" s="281">
        <v>1</v>
      </c>
      <c r="EG36" s="278">
        <v>5</v>
      </c>
      <c r="EH36" s="280">
        <v>0</v>
      </c>
      <c r="EI36" s="281">
        <v>10</v>
      </c>
      <c r="EJ36" s="281">
        <v>6</v>
      </c>
      <c r="EK36" s="281">
        <v>3</v>
      </c>
      <c r="EL36" s="281">
        <v>6</v>
      </c>
      <c r="EM36" s="281">
        <v>2</v>
      </c>
      <c r="EN36" s="278">
        <v>27</v>
      </c>
      <c r="EO36" s="283">
        <v>32</v>
      </c>
      <c r="EP36" s="277">
        <v>13</v>
      </c>
      <c r="EQ36" s="281">
        <v>25</v>
      </c>
      <c r="ER36" s="278">
        <v>38</v>
      </c>
      <c r="ES36" s="280">
        <v>0</v>
      </c>
      <c r="ET36" s="281">
        <v>83</v>
      </c>
      <c r="EU36" s="281">
        <v>40</v>
      </c>
      <c r="EV36" s="281">
        <v>31</v>
      </c>
      <c r="EW36" s="281">
        <v>19</v>
      </c>
      <c r="EX36" s="281">
        <v>8</v>
      </c>
      <c r="EY36" s="278">
        <v>181</v>
      </c>
      <c r="EZ36" s="283">
        <v>219</v>
      </c>
    </row>
    <row r="37" spans="2:156" ht="19.5" customHeight="1" x14ac:dyDescent="0.2">
      <c r="B37" s="262" t="s">
        <v>35</v>
      </c>
      <c r="C37" s="277">
        <v>0</v>
      </c>
      <c r="D37" s="281">
        <v>0</v>
      </c>
      <c r="E37" s="385">
        <v>0</v>
      </c>
      <c r="F37" s="280">
        <v>0</v>
      </c>
      <c r="G37" s="281">
        <v>99</v>
      </c>
      <c r="H37" s="281">
        <v>59</v>
      </c>
      <c r="I37" s="281">
        <v>36</v>
      </c>
      <c r="J37" s="281">
        <v>28</v>
      </c>
      <c r="K37" s="281">
        <v>18</v>
      </c>
      <c r="L37" s="282">
        <v>240</v>
      </c>
      <c r="M37" s="283">
        <v>240</v>
      </c>
      <c r="N37" s="277">
        <v>0</v>
      </c>
      <c r="O37" s="281">
        <v>0</v>
      </c>
      <c r="P37" s="278">
        <v>0</v>
      </c>
      <c r="Q37" s="280">
        <v>0</v>
      </c>
      <c r="R37" s="281">
        <v>0</v>
      </c>
      <c r="S37" s="281">
        <v>4</v>
      </c>
      <c r="T37" s="281">
        <v>3</v>
      </c>
      <c r="U37" s="281">
        <v>8</v>
      </c>
      <c r="V37" s="281">
        <v>12</v>
      </c>
      <c r="W37" s="278">
        <v>27</v>
      </c>
      <c r="X37" s="283">
        <v>27</v>
      </c>
      <c r="Y37" s="277">
        <v>2</v>
      </c>
      <c r="Z37" s="281">
        <v>4</v>
      </c>
      <c r="AA37" s="278">
        <v>6</v>
      </c>
      <c r="AB37" s="280">
        <v>0</v>
      </c>
      <c r="AC37" s="281">
        <v>36</v>
      </c>
      <c r="AD37" s="281">
        <v>35</v>
      </c>
      <c r="AE37" s="281">
        <v>18</v>
      </c>
      <c r="AF37" s="281">
        <v>20</v>
      </c>
      <c r="AG37" s="281">
        <v>9</v>
      </c>
      <c r="AH37" s="278">
        <v>118</v>
      </c>
      <c r="AI37" s="283">
        <v>124</v>
      </c>
      <c r="AJ37" s="277">
        <v>2</v>
      </c>
      <c r="AK37" s="281">
        <v>2</v>
      </c>
      <c r="AL37" s="278">
        <v>4</v>
      </c>
      <c r="AM37" s="280">
        <v>0</v>
      </c>
      <c r="AN37" s="281">
        <v>22</v>
      </c>
      <c r="AO37" s="281">
        <v>12</v>
      </c>
      <c r="AP37" s="281">
        <v>7</v>
      </c>
      <c r="AQ37" s="281">
        <v>4</v>
      </c>
      <c r="AR37" s="281">
        <v>2</v>
      </c>
      <c r="AS37" s="278">
        <v>47</v>
      </c>
      <c r="AT37" s="283">
        <v>51</v>
      </c>
      <c r="AU37" s="277">
        <v>31</v>
      </c>
      <c r="AV37" s="281">
        <v>18</v>
      </c>
      <c r="AW37" s="278">
        <v>49</v>
      </c>
      <c r="AX37" s="280">
        <v>0</v>
      </c>
      <c r="AY37" s="281">
        <v>85</v>
      </c>
      <c r="AZ37" s="281">
        <v>82</v>
      </c>
      <c r="BA37" s="281">
        <v>79</v>
      </c>
      <c r="BB37" s="281">
        <v>83</v>
      </c>
      <c r="BC37" s="281">
        <v>38</v>
      </c>
      <c r="BD37" s="282">
        <v>367</v>
      </c>
      <c r="BE37" s="283">
        <v>416</v>
      </c>
      <c r="BF37" s="277">
        <v>0</v>
      </c>
      <c r="BG37" s="281">
        <v>0</v>
      </c>
      <c r="BH37" s="278">
        <v>0</v>
      </c>
      <c r="BI37" s="280">
        <v>0</v>
      </c>
      <c r="BJ37" s="281">
        <v>145</v>
      </c>
      <c r="BK37" s="281">
        <v>88</v>
      </c>
      <c r="BL37" s="281">
        <v>54</v>
      </c>
      <c r="BM37" s="281">
        <v>22</v>
      </c>
      <c r="BN37" s="281">
        <v>13</v>
      </c>
      <c r="BO37" s="278">
        <v>322</v>
      </c>
      <c r="BP37" s="283">
        <v>322</v>
      </c>
      <c r="BQ37" s="277">
        <v>9</v>
      </c>
      <c r="BR37" s="281">
        <v>23</v>
      </c>
      <c r="BS37" s="278">
        <v>32</v>
      </c>
      <c r="BT37" s="280">
        <v>0</v>
      </c>
      <c r="BU37" s="281">
        <v>54</v>
      </c>
      <c r="BV37" s="281">
        <v>31</v>
      </c>
      <c r="BW37" s="281">
        <v>13</v>
      </c>
      <c r="BX37" s="281">
        <v>11</v>
      </c>
      <c r="BY37" s="281">
        <v>1</v>
      </c>
      <c r="BZ37" s="278">
        <v>110</v>
      </c>
      <c r="CA37" s="283">
        <v>142</v>
      </c>
      <c r="CB37" s="277">
        <v>0</v>
      </c>
      <c r="CC37" s="281">
        <v>0</v>
      </c>
      <c r="CD37" s="278">
        <v>0</v>
      </c>
      <c r="CE37" s="280">
        <v>0</v>
      </c>
      <c r="CF37" s="281">
        <v>5</v>
      </c>
      <c r="CG37" s="281">
        <v>10</v>
      </c>
      <c r="CH37" s="281">
        <v>11</v>
      </c>
      <c r="CI37" s="281">
        <v>9</v>
      </c>
      <c r="CJ37" s="281">
        <v>3</v>
      </c>
      <c r="CK37" s="278">
        <v>38</v>
      </c>
      <c r="CL37" s="283">
        <v>38</v>
      </c>
      <c r="CM37" s="277">
        <v>0</v>
      </c>
      <c r="CN37" s="281">
        <v>0</v>
      </c>
      <c r="CO37" s="278">
        <v>0</v>
      </c>
      <c r="CP37" s="280">
        <v>0</v>
      </c>
      <c r="CQ37" s="281">
        <v>3</v>
      </c>
      <c r="CR37" s="281">
        <v>2</v>
      </c>
      <c r="CS37" s="281">
        <v>2</v>
      </c>
      <c r="CT37" s="281">
        <v>1</v>
      </c>
      <c r="CU37" s="281">
        <v>0</v>
      </c>
      <c r="CV37" s="278">
        <v>8</v>
      </c>
      <c r="CW37" s="283">
        <v>8</v>
      </c>
      <c r="CX37" s="277">
        <v>0</v>
      </c>
      <c r="CY37" s="281">
        <v>0</v>
      </c>
      <c r="CZ37" s="278">
        <v>0</v>
      </c>
      <c r="DA37" s="280">
        <v>0</v>
      </c>
      <c r="DB37" s="281">
        <v>0</v>
      </c>
      <c r="DC37" s="281">
        <v>0</v>
      </c>
      <c r="DD37" s="281">
        <v>0</v>
      </c>
      <c r="DE37" s="281">
        <v>0</v>
      </c>
      <c r="DF37" s="281">
        <v>0</v>
      </c>
      <c r="DG37" s="278">
        <v>0</v>
      </c>
      <c r="DH37" s="283">
        <v>0</v>
      </c>
      <c r="DI37" s="277">
        <v>0</v>
      </c>
      <c r="DJ37" s="281">
        <v>0</v>
      </c>
      <c r="DK37" s="278">
        <v>0</v>
      </c>
      <c r="DL37" s="280">
        <v>0</v>
      </c>
      <c r="DM37" s="281">
        <v>0</v>
      </c>
      <c r="DN37" s="281">
        <v>0</v>
      </c>
      <c r="DO37" s="281">
        <v>0</v>
      </c>
      <c r="DP37" s="281">
        <v>0</v>
      </c>
      <c r="DQ37" s="281">
        <v>0</v>
      </c>
      <c r="DR37" s="278">
        <v>0</v>
      </c>
      <c r="DS37" s="283">
        <v>0</v>
      </c>
      <c r="DT37" s="277">
        <v>32</v>
      </c>
      <c r="DU37" s="281">
        <v>71</v>
      </c>
      <c r="DV37" s="278">
        <v>103</v>
      </c>
      <c r="DW37" s="280">
        <v>0</v>
      </c>
      <c r="DX37" s="281">
        <v>162</v>
      </c>
      <c r="DY37" s="281">
        <v>157</v>
      </c>
      <c r="DZ37" s="281">
        <v>81</v>
      </c>
      <c r="EA37" s="281">
        <v>61</v>
      </c>
      <c r="EB37" s="281">
        <v>32</v>
      </c>
      <c r="EC37" s="278">
        <v>493</v>
      </c>
      <c r="ED37" s="283">
        <v>596</v>
      </c>
      <c r="EE37" s="277">
        <v>24</v>
      </c>
      <c r="EF37" s="281">
        <v>13</v>
      </c>
      <c r="EG37" s="278">
        <v>37</v>
      </c>
      <c r="EH37" s="280">
        <v>0</v>
      </c>
      <c r="EI37" s="281">
        <v>40</v>
      </c>
      <c r="EJ37" s="281">
        <v>24</v>
      </c>
      <c r="EK37" s="281">
        <v>24</v>
      </c>
      <c r="EL37" s="281">
        <v>31</v>
      </c>
      <c r="EM37" s="281">
        <v>11</v>
      </c>
      <c r="EN37" s="278">
        <v>130</v>
      </c>
      <c r="EO37" s="283">
        <v>167</v>
      </c>
      <c r="EP37" s="277">
        <v>40</v>
      </c>
      <c r="EQ37" s="281">
        <v>84</v>
      </c>
      <c r="ER37" s="278">
        <v>124</v>
      </c>
      <c r="ES37" s="280">
        <v>0</v>
      </c>
      <c r="ET37" s="281">
        <v>299</v>
      </c>
      <c r="EU37" s="281">
        <v>201</v>
      </c>
      <c r="EV37" s="281">
        <v>96</v>
      </c>
      <c r="EW37" s="281">
        <v>72</v>
      </c>
      <c r="EX37" s="281">
        <v>31</v>
      </c>
      <c r="EY37" s="278">
        <v>699</v>
      </c>
      <c r="EZ37" s="283">
        <v>823</v>
      </c>
    </row>
    <row r="38" spans="2:156" ht="19.5" customHeight="1" x14ac:dyDescent="0.2">
      <c r="B38" s="262" t="s">
        <v>36</v>
      </c>
      <c r="C38" s="277">
        <v>0</v>
      </c>
      <c r="D38" s="281">
        <v>0</v>
      </c>
      <c r="E38" s="385">
        <v>0</v>
      </c>
      <c r="F38" s="280">
        <v>0</v>
      </c>
      <c r="G38" s="281">
        <v>67</v>
      </c>
      <c r="H38" s="281">
        <v>58</v>
      </c>
      <c r="I38" s="281">
        <v>37</v>
      </c>
      <c r="J38" s="281">
        <v>31</v>
      </c>
      <c r="K38" s="281">
        <v>27</v>
      </c>
      <c r="L38" s="282">
        <v>220</v>
      </c>
      <c r="M38" s="283">
        <v>220</v>
      </c>
      <c r="N38" s="277">
        <v>0</v>
      </c>
      <c r="O38" s="281">
        <v>0</v>
      </c>
      <c r="P38" s="278">
        <v>0</v>
      </c>
      <c r="Q38" s="280">
        <v>0</v>
      </c>
      <c r="R38" s="281">
        <v>2</v>
      </c>
      <c r="S38" s="281">
        <v>8</v>
      </c>
      <c r="T38" s="281">
        <v>1</v>
      </c>
      <c r="U38" s="281">
        <v>11</v>
      </c>
      <c r="V38" s="281">
        <v>9</v>
      </c>
      <c r="W38" s="278">
        <v>31</v>
      </c>
      <c r="X38" s="283">
        <v>31</v>
      </c>
      <c r="Y38" s="277">
        <v>11</v>
      </c>
      <c r="Z38" s="281">
        <v>18</v>
      </c>
      <c r="AA38" s="278">
        <v>29</v>
      </c>
      <c r="AB38" s="280">
        <v>0</v>
      </c>
      <c r="AC38" s="281">
        <v>55</v>
      </c>
      <c r="AD38" s="281">
        <v>49</v>
      </c>
      <c r="AE38" s="281">
        <v>34</v>
      </c>
      <c r="AF38" s="281">
        <v>32</v>
      </c>
      <c r="AG38" s="281">
        <v>30</v>
      </c>
      <c r="AH38" s="278">
        <v>200</v>
      </c>
      <c r="AI38" s="283">
        <v>229</v>
      </c>
      <c r="AJ38" s="277">
        <v>4</v>
      </c>
      <c r="AK38" s="281">
        <v>3</v>
      </c>
      <c r="AL38" s="278">
        <v>7</v>
      </c>
      <c r="AM38" s="280">
        <v>0</v>
      </c>
      <c r="AN38" s="281">
        <v>9</v>
      </c>
      <c r="AO38" s="281">
        <v>12</v>
      </c>
      <c r="AP38" s="281">
        <v>10</v>
      </c>
      <c r="AQ38" s="281">
        <v>5</v>
      </c>
      <c r="AR38" s="281">
        <v>5</v>
      </c>
      <c r="AS38" s="278">
        <v>41</v>
      </c>
      <c r="AT38" s="283">
        <v>48</v>
      </c>
      <c r="AU38" s="277">
        <v>3</v>
      </c>
      <c r="AV38" s="281">
        <v>8</v>
      </c>
      <c r="AW38" s="278">
        <v>11</v>
      </c>
      <c r="AX38" s="280">
        <v>0</v>
      </c>
      <c r="AY38" s="281">
        <v>34</v>
      </c>
      <c r="AZ38" s="281">
        <v>55</v>
      </c>
      <c r="BA38" s="281">
        <v>79</v>
      </c>
      <c r="BB38" s="281">
        <v>44</v>
      </c>
      <c r="BC38" s="281">
        <v>41</v>
      </c>
      <c r="BD38" s="282">
        <v>253</v>
      </c>
      <c r="BE38" s="283">
        <v>264</v>
      </c>
      <c r="BF38" s="277">
        <v>0</v>
      </c>
      <c r="BG38" s="281">
        <v>0</v>
      </c>
      <c r="BH38" s="278">
        <v>0</v>
      </c>
      <c r="BI38" s="280">
        <v>0</v>
      </c>
      <c r="BJ38" s="281">
        <v>85</v>
      </c>
      <c r="BK38" s="281">
        <v>86</v>
      </c>
      <c r="BL38" s="281">
        <v>49</v>
      </c>
      <c r="BM38" s="281">
        <v>26</v>
      </c>
      <c r="BN38" s="281">
        <v>17</v>
      </c>
      <c r="BO38" s="278">
        <v>263</v>
      </c>
      <c r="BP38" s="283">
        <v>263</v>
      </c>
      <c r="BQ38" s="277">
        <v>4</v>
      </c>
      <c r="BR38" s="281">
        <v>14</v>
      </c>
      <c r="BS38" s="278">
        <v>18</v>
      </c>
      <c r="BT38" s="280">
        <v>0</v>
      </c>
      <c r="BU38" s="281">
        <v>26</v>
      </c>
      <c r="BV38" s="281">
        <v>23</v>
      </c>
      <c r="BW38" s="281">
        <v>14</v>
      </c>
      <c r="BX38" s="281">
        <v>2</v>
      </c>
      <c r="BY38" s="281">
        <v>1</v>
      </c>
      <c r="BZ38" s="278">
        <v>66</v>
      </c>
      <c r="CA38" s="283">
        <v>84</v>
      </c>
      <c r="CB38" s="277">
        <v>0</v>
      </c>
      <c r="CC38" s="281">
        <v>1</v>
      </c>
      <c r="CD38" s="278">
        <v>1</v>
      </c>
      <c r="CE38" s="280">
        <v>0</v>
      </c>
      <c r="CF38" s="281">
        <v>13</v>
      </c>
      <c r="CG38" s="281">
        <v>22</v>
      </c>
      <c r="CH38" s="281">
        <v>27</v>
      </c>
      <c r="CI38" s="281">
        <v>13</v>
      </c>
      <c r="CJ38" s="281">
        <v>12</v>
      </c>
      <c r="CK38" s="278">
        <v>87</v>
      </c>
      <c r="CL38" s="283">
        <v>88</v>
      </c>
      <c r="CM38" s="277">
        <v>0</v>
      </c>
      <c r="CN38" s="281">
        <v>0</v>
      </c>
      <c r="CO38" s="278">
        <v>0</v>
      </c>
      <c r="CP38" s="280">
        <v>0</v>
      </c>
      <c r="CQ38" s="281">
        <v>1</v>
      </c>
      <c r="CR38" s="281">
        <v>1</v>
      </c>
      <c r="CS38" s="281">
        <v>1</v>
      </c>
      <c r="CT38" s="281">
        <v>0</v>
      </c>
      <c r="CU38" s="281">
        <v>0</v>
      </c>
      <c r="CV38" s="278">
        <v>3</v>
      </c>
      <c r="CW38" s="283">
        <v>3</v>
      </c>
      <c r="CX38" s="277">
        <v>0</v>
      </c>
      <c r="CY38" s="281">
        <v>0</v>
      </c>
      <c r="CZ38" s="278">
        <v>0</v>
      </c>
      <c r="DA38" s="280">
        <v>0</v>
      </c>
      <c r="DB38" s="281">
        <v>0</v>
      </c>
      <c r="DC38" s="281">
        <v>0</v>
      </c>
      <c r="DD38" s="281">
        <v>0</v>
      </c>
      <c r="DE38" s="281">
        <v>0</v>
      </c>
      <c r="DF38" s="281">
        <v>0</v>
      </c>
      <c r="DG38" s="278">
        <v>0</v>
      </c>
      <c r="DH38" s="283">
        <v>0</v>
      </c>
      <c r="DI38" s="277">
        <v>0</v>
      </c>
      <c r="DJ38" s="281">
        <v>0</v>
      </c>
      <c r="DK38" s="278">
        <v>0</v>
      </c>
      <c r="DL38" s="280">
        <v>0</v>
      </c>
      <c r="DM38" s="281">
        <v>0</v>
      </c>
      <c r="DN38" s="281">
        <v>0</v>
      </c>
      <c r="DO38" s="281">
        <v>0</v>
      </c>
      <c r="DP38" s="281">
        <v>0</v>
      </c>
      <c r="DQ38" s="281">
        <v>0</v>
      </c>
      <c r="DR38" s="278">
        <v>0</v>
      </c>
      <c r="DS38" s="283">
        <v>0</v>
      </c>
      <c r="DT38" s="277">
        <v>33</v>
      </c>
      <c r="DU38" s="281">
        <v>98</v>
      </c>
      <c r="DV38" s="278">
        <v>131</v>
      </c>
      <c r="DW38" s="280">
        <v>0</v>
      </c>
      <c r="DX38" s="281">
        <v>155</v>
      </c>
      <c r="DY38" s="281">
        <v>161</v>
      </c>
      <c r="DZ38" s="281">
        <v>107</v>
      </c>
      <c r="EA38" s="281">
        <v>74</v>
      </c>
      <c r="EB38" s="281">
        <v>45</v>
      </c>
      <c r="EC38" s="278">
        <v>542</v>
      </c>
      <c r="ED38" s="283">
        <v>673</v>
      </c>
      <c r="EE38" s="277">
        <v>1</v>
      </c>
      <c r="EF38" s="281">
        <v>2</v>
      </c>
      <c r="EG38" s="278">
        <v>3</v>
      </c>
      <c r="EH38" s="280">
        <v>0</v>
      </c>
      <c r="EI38" s="281">
        <v>9</v>
      </c>
      <c r="EJ38" s="281">
        <v>15</v>
      </c>
      <c r="EK38" s="281">
        <v>18</v>
      </c>
      <c r="EL38" s="281">
        <v>6</v>
      </c>
      <c r="EM38" s="281">
        <v>6</v>
      </c>
      <c r="EN38" s="278">
        <v>54</v>
      </c>
      <c r="EO38" s="283">
        <v>57</v>
      </c>
      <c r="EP38" s="277">
        <v>48</v>
      </c>
      <c r="EQ38" s="281">
        <v>119</v>
      </c>
      <c r="ER38" s="278">
        <v>167</v>
      </c>
      <c r="ES38" s="280">
        <v>0</v>
      </c>
      <c r="ET38" s="281">
        <v>269</v>
      </c>
      <c r="EU38" s="281">
        <v>227</v>
      </c>
      <c r="EV38" s="281">
        <v>145</v>
      </c>
      <c r="EW38" s="281">
        <v>86</v>
      </c>
      <c r="EX38" s="281">
        <v>58</v>
      </c>
      <c r="EY38" s="278">
        <v>785</v>
      </c>
      <c r="EZ38" s="283">
        <v>952</v>
      </c>
    </row>
    <row r="39" spans="2:156" ht="19.5" customHeight="1" thickBot="1" x14ac:dyDescent="0.25">
      <c r="B39" s="263" t="s">
        <v>37</v>
      </c>
      <c r="C39" s="284">
        <v>0</v>
      </c>
      <c r="D39" s="288">
        <v>0</v>
      </c>
      <c r="E39" s="386">
        <v>0</v>
      </c>
      <c r="F39" s="287">
        <v>0</v>
      </c>
      <c r="G39" s="288">
        <v>5</v>
      </c>
      <c r="H39" s="288">
        <v>5</v>
      </c>
      <c r="I39" s="288">
        <v>6</v>
      </c>
      <c r="J39" s="288">
        <v>3</v>
      </c>
      <c r="K39" s="288">
        <v>3</v>
      </c>
      <c r="L39" s="289">
        <v>22</v>
      </c>
      <c r="M39" s="290">
        <v>22</v>
      </c>
      <c r="N39" s="284">
        <v>0</v>
      </c>
      <c r="O39" s="288">
        <v>0</v>
      </c>
      <c r="P39" s="285">
        <v>0</v>
      </c>
      <c r="Q39" s="287">
        <v>0</v>
      </c>
      <c r="R39" s="288">
        <v>0</v>
      </c>
      <c r="S39" s="288">
        <v>0</v>
      </c>
      <c r="T39" s="288">
        <v>1</v>
      </c>
      <c r="U39" s="288">
        <v>0</v>
      </c>
      <c r="V39" s="288">
        <v>0</v>
      </c>
      <c r="W39" s="285">
        <v>1</v>
      </c>
      <c r="X39" s="290">
        <v>1</v>
      </c>
      <c r="Y39" s="284">
        <v>1</v>
      </c>
      <c r="Z39" s="288">
        <v>2</v>
      </c>
      <c r="AA39" s="285">
        <v>3</v>
      </c>
      <c r="AB39" s="287">
        <v>0</v>
      </c>
      <c r="AC39" s="288">
        <v>4</v>
      </c>
      <c r="AD39" s="288">
        <v>4</v>
      </c>
      <c r="AE39" s="288">
        <v>3</v>
      </c>
      <c r="AF39" s="288">
        <v>4</v>
      </c>
      <c r="AG39" s="288">
        <v>1</v>
      </c>
      <c r="AH39" s="285">
        <v>16</v>
      </c>
      <c r="AI39" s="290">
        <v>19</v>
      </c>
      <c r="AJ39" s="284">
        <v>0</v>
      </c>
      <c r="AK39" s="288">
        <v>0</v>
      </c>
      <c r="AL39" s="285">
        <v>0</v>
      </c>
      <c r="AM39" s="287">
        <v>0</v>
      </c>
      <c r="AN39" s="288">
        <v>2</v>
      </c>
      <c r="AO39" s="288">
        <v>2</v>
      </c>
      <c r="AP39" s="288">
        <v>2</v>
      </c>
      <c r="AQ39" s="288">
        <v>1</v>
      </c>
      <c r="AR39" s="288">
        <v>0</v>
      </c>
      <c r="AS39" s="285">
        <v>7</v>
      </c>
      <c r="AT39" s="290">
        <v>7</v>
      </c>
      <c r="AU39" s="284">
        <v>1</v>
      </c>
      <c r="AV39" s="288">
        <v>0</v>
      </c>
      <c r="AW39" s="285">
        <v>1</v>
      </c>
      <c r="AX39" s="287">
        <v>0</v>
      </c>
      <c r="AY39" s="288">
        <v>2</v>
      </c>
      <c r="AZ39" s="288">
        <v>3</v>
      </c>
      <c r="BA39" s="288">
        <v>6</v>
      </c>
      <c r="BB39" s="288">
        <v>4</v>
      </c>
      <c r="BC39" s="288">
        <v>3</v>
      </c>
      <c r="BD39" s="289">
        <v>18</v>
      </c>
      <c r="BE39" s="290">
        <v>19</v>
      </c>
      <c r="BF39" s="284">
        <v>0</v>
      </c>
      <c r="BG39" s="288">
        <v>0</v>
      </c>
      <c r="BH39" s="285">
        <v>0</v>
      </c>
      <c r="BI39" s="287">
        <v>0</v>
      </c>
      <c r="BJ39" s="288">
        <v>7</v>
      </c>
      <c r="BK39" s="288">
        <v>2</v>
      </c>
      <c r="BL39" s="288">
        <v>5</v>
      </c>
      <c r="BM39" s="288">
        <v>2</v>
      </c>
      <c r="BN39" s="288">
        <v>1</v>
      </c>
      <c r="BO39" s="285">
        <v>17</v>
      </c>
      <c r="BP39" s="290">
        <v>17</v>
      </c>
      <c r="BQ39" s="284">
        <v>2</v>
      </c>
      <c r="BR39" s="288">
        <v>0</v>
      </c>
      <c r="BS39" s="285">
        <v>2</v>
      </c>
      <c r="BT39" s="287">
        <v>0</v>
      </c>
      <c r="BU39" s="288">
        <v>7</v>
      </c>
      <c r="BV39" s="288">
        <v>2</v>
      </c>
      <c r="BW39" s="288">
        <v>4</v>
      </c>
      <c r="BX39" s="288">
        <v>2</v>
      </c>
      <c r="BY39" s="288">
        <v>0</v>
      </c>
      <c r="BZ39" s="285">
        <v>15</v>
      </c>
      <c r="CA39" s="290">
        <v>17</v>
      </c>
      <c r="CB39" s="284">
        <v>0</v>
      </c>
      <c r="CC39" s="288">
        <v>0</v>
      </c>
      <c r="CD39" s="285">
        <v>0</v>
      </c>
      <c r="CE39" s="287">
        <v>0</v>
      </c>
      <c r="CF39" s="288">
        <v>2</v>
      </c>
      <c r="CG39" s="288">
        <v>1</v>
      </c>
      <c r="CH39" s="288">
        <v>4</v>
      </c>
      <c r="CI39" s="288">
        <v>1</v>
      </c>
      <c r="CJ39" s="288">
        <v>1</v>
      </c>
      <c r="CK39" s="285">
        <v>9</v>
      </c>
      <c r="CL39" s="290">
        <v>9</v>
      </c>
      <c r="CM39" s="284">
        <v>0</v>
      </c>
      <c r="CN39" s="288">
        <v>0</v>
      </c>
      <c r="CO39" s="285">
        <v>0</v>
      </c>
      <c r="CP39" s="287">
        <v>0</v>
      </c>
      <c r="CQ39" s="288">
        <v>1</v>
      </c>
      <c r="CR39" s="288">
        <v>0</v>
      </c>
      <c r="CS39" s="288">
        <v>0</v>
      </c>
      <c r="CT39" s="288">
        <v>1</v>
      </c>
      <c r="CU39" s="288">
        <v>0</v>
      </c>
      <c r="CV39" s="285">
        <v>2</v>
      </c>
      <c r="CW39" s="290">
        <v>2</v>
      </c>
      <c r="CX39" s="284">
        <v>0</v>
      </c>
      <c r="CY39" s="288">
        <v>0</v>
      </c>
      <c r="CZ39" s="285">
        <v>0</v>
      </c>
      <c r="DA39" s="287">
        <v>0</v>
      </c>
      <c r="DB39" s="288">
        <v>0</v>
      </c>
      <c r="DC39" s="288">
        <v>0</v>
      </c>
      <c r="DD39" s="288">
        <v>0</v>
      </c>
      <c r="DE39" s="288">
        <v>0</v>
      </c>
      <c r="DF39" s="288">
        <v>0</v>
      </c>
      <c r="DG39" s="285">
        <v>0</v>
      </c>
      <c r="DH39" s="290">
        <v>0</v>
      </c>
      <c r="DI39" s="284">
        <v>0</v>
      </c>
      <c r="DJ39" s="288">
        <v>0</v>
      </c>
      <c r="DK39" s="285">
        <v>0</v>
      </c>
      <c r="DL39" s="287">
        <v>0</v>
      </c>
      <c r="DM39" s="288">
        <v>0</v>
      </c>
      <c r="DN39" s="288">
        <v>0</v>
      </c>
      <c r="DO39" s="288">
        <v>0</v>
      </c>
      <c r="DP39" s="288">
        <v>0</v>
      </c>
      <c r="DQ39" s="288">
        <v>0</v>
      </c>
      <c r="DR39" s="285">
        <v>0</v>
      </c>
      <c r="DS39" s="290">
        <v>0</v>
      </c>
      <c r="DT39" s="284">
        <v>7</v>
      </c>
      <c r="DU39" s="288">
        <v>4</v>
      </c>
      <c r="DV39" s="285">
        <v>11</v>
      </c>
      <c r="DW39" s="287">
        <v>0</v>
      </c>
      <c r="DX39" s="288">
        <v>26</v>
      </c>
      <c r="DY39" s="288">
        <v>15</v>
      </c>
      <c r="DZ39" s="288">
        <v>16</v>
      </c>
      <c r="EA39" s="288">
        <v>6</v>
      </c>
      <c r="EB39" s="288">
        <v>4</v>
      </c>
      <c r="EC39" s="285">
        <v>67</v>
      </c>
      <c r="ED39" s="290">
        <v>78</v>
      </c>
      <c r="EE39" s="284">
        <v>0</v>
      </c>
      <c r="EF39" s="288">
        <v>0</v>
      </c>
      <c r="EG39" s="285">
        <v>0</v>
      </c>
      <c r="EH39" s="287">
        <v>0</v>
      </c>
      <c r="EI39" s="288">
        <v>0</v>
      </c>
      <c r="EJ39" s="288">
        <v>0</v>
      </c>
      <c r="EK39" s="288">
        <v>0</v>
      </c>
      <c r="EL39" s="288">
        <v>1</v>
      </c>
      <c r="EM39" s="288">
        <v>1</v>
      </c>
      <c r="EN39" s="285">
        <v>2</v>
      </c>
      <c r="EO39" s="290">
        <v>2</v>
      </c>
      <c r="EP39" s="284">
        <v>10</v>
      </c>
      <c r="EQ39" s="288">
        <v>5</v>
      </c>
      <c r="ER39" s="285">
        <v>15</v>
      </c>
      <c r="ES39" s="287">
        <v>0</v>
      </c>
      <c r="ET39" s="288">
        <v>36</v>
      </c>
      <c r="EU39" s="288">
        <v>18</v>
      </c>
      <c r="EV39" s="288">
        <v>19</v>
      </c>
      <c r="EW39" s="288">
        <v>8</v>
      </c>
      <c r="EX39" s="288">
        <v>4</v>
      </c>
      <c r="EY39" s="285">
        <v>85</v>
      </c>
      <c r="EZ39" s="290">
        <v>100</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10.21875" style="256" customWidth="1"/>
    <col min="8" max="8" width="10.4414062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21875" style="256" customWidth="1"/>
    <col min="51" max="60" width="9" style="256"/>
    <col min="61" max="61" width="7.2187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04" width="9" style="256"/>
    <col min="105" max="105" width="7.44140625" style="256" customWidth="1"/>
    <col min="106" max="115" width="9" style="256"/>
    <col min="116" max="116" width="7.44140625" style="256" customWidth="1"/>
    <col min="117" max="126" width="9" style="256"/>
    <col min="127" max="127" width="7.44140625" style="256" customWidth="1"/>
    <col min="128" max="137" width="9" style="256"/>
    <col min="138" max="138" width="7.33203125" style="256" customWidth="1"/>
    <col min="139" max="148" width="9" style="256"/>
    <col min="149" max="149" width="7.77734375" style="256" customWidth="1"/>
    <col min="150" max="16384" width="9" style="256"/>
  </cols>
  <sheetData>
    <row r="1" spans="2:156" ht="24" customHeight="1" x14ac:dyDescent="0.2">
      <c r="B1" s="291" t="s">
        <v>122</v>
      </c>
      <c r="I1" s="528">
        <f>第１表!F2</f>
        <v>4</v>
      </c>
      <c r="J1" s="528"/>
      <c r="K1" s="248">
        <f>第１表!G2</f>
        <v>7</v>
      </c>
      <c r="L1" s="529">
        <f>IF(K1&lt;3,K1+12-2,K1-2)</f>
        <v>5</v>
      </c>
      <c r="M1" s="529"/>
    </row>
    <row r="2" spans="2:156" ht="24" customHeight="1" thickBot="1" x14ac:dyDescent="0.25">
      <c r="B2" s="291" t="s">
        <v>131</v>
      </c>
      <c r="G2" s="247"/>
      <c r="H2" s="248"/>
      <c r="J2" s="323"/>
      <c r="K2" s="323"/>
    </row>
    <row r="3" spans="2:156" ht="23.25" customHeight="1" thickBot="1" x14ac:dyDescent="0.25">
      <c r="B3" s="542"/>
      <c r="C3" s="533" t="s">
        <v>70</v>
      </c>
      <c r="D3" s="534"/>
      <c r="E3" s="534"/>
      <c r="F3" s="534"/>
      <c r="G3" s="534"/>
      <c r="H3" s="534"/>
      <c r="I3" s="534"/>
      <c r="J3" s="534"/>
      <c r="K3" s="534"/>
      <c r="L3" s="534"/>
      <c r="M3" s="535"/>
      <c r="N3" s="533" t="s">
        <v>71</v>
      </c>
      <c r="O3" s="534"/>
      <c r="P3" s="534"/>
      <c r="Q3" s="534"/>
      <c r="R3" s="534"/>
      <c r="S3" s="534"/>
      <c r="T3" s="534"/>
      <c r="U3" s="534"/>
      <c r="V3" s="534"/>
      <c r="W3" s="534"/>
      <c r="X3" s="535"/>
      <c r="Y3" s="533" t="s">
        <v>72</v>
      </c>
      <c r="Z3" s="534"/>
      <c r="AA3" s="534"/>
      <c r="AB3" s="534"/>
      <c r="AC3" s="534"/>
      <c r="AD3" s="534"/>
      <c r="AE3" s="534"/>
      <c r="AF3" s="534"/>
      <c r="AG3" s="534"/>
      <c r="AH3" s="534"/>
      <c r="AI3" s="535"/>
      <c r="AJ3" s="533" t="s">
        <v>73</v>
      </c>
      <c r="AK3" s="534"/>
      <c r="AL3" s="534"/>
      <c r="AM3" s="534"/>
      <c r="AN3" s="534"/>
      <c r="AO3" s="534"/>
      <c r="AP3" s="534"/>
      <c r="AQ3" s="534"/>
      <c r="AR3" s="534"/>
      <c r="AS3" s="534"/>
      <c r="AT3" s="535"/>
      <c r="AU3" s="533" t="s">
        <v>74</v>
      </c>
      <c r="AV3" s="534"/>
      <c r="AW3" s="534"/>
      <c r="AX3" s="534"/>
      <c r="AY3" s="534"/>
      <c r="AZ3" s="534"/>
      <c r="BA3" s="534"/>
      <c r="BB3" s="534"/>
      <c r="BC3" s="534"/>
      <c r="BD3" s="534"/>
      <c r="BE3" s="535"/>
      <c r="BF3" s="533" t="s">
        <v>75</v>
      </c>
      <c r="BG3" s="534"/>
      <c r="BH3" s="534"/>
      <c r="BI3" s="534"/>
      <c r="BJ3" s="534"/>
      <c r="BK3" s="534"/>
      <c r="BL3" s="534"/>
      <c r="BM3" s="534"/>
      <c r="BN3" s="534"/>
      <c r="BO3" s="534"/>
      <c r="BP3" s="535"/>
      <c r="BQ3" s="533" t="s">
        <v>76</v>
      </c>
      <c r="BR3" s="534"/>
      <c r="BS3" s="534"/>
      <c r="BT3" s="534"/>
      <c r="BU3" s="534"/>
      <c r="BV3" s="534"/>
      <c r="BW3" s="534"/>
      <c r="BX3" s="534"/>
      <c r="BY3" s="534"/>
      <c r="BZ3" s="534"/>
      <c r="CA3" s="535"/>
      <c r="CB3" s="533" t="s">
        <v>77</v>
      </c>
      <c r="CC3" s="534"/>
      <c r="CD3" s="534"/>
      <c r="CE3" s="534"/>
      <c r="CF3" s="534"/>
      <c r="CG3" s="534"/>
      <c r="CH3" s="534"/>
      <c r="CI3" s="534"/>
      <c r="CJ3" s="534"/>
      <c r="CK3" s="534"/>
      <c r="CL3" s="535"/>
      <c r="CM3" s="533" t="s">
        <v>78</v>
      </c>
      <c r="CN3" s="534"/>
      <c r="CO3" s="534"/>
      <c r="CP3" s="534"/>
      <c r="CQ3" s="534"/>
      <c r="CR3" s="534"/>
      <c r="CS3" s="534"/>
      <c r="CT3" s="534"/>
      <c r="CU3" s="534"/>
      <c r="CV3" s="534"/>
      <c r="CW3" s="535"/>
      <c r="CX3" s="533" t="s">
        <v>79</v>
      </c>
      <c r="CY3" s="534"/>
      <c r="CZ3" s="534"/>
      <c r="DA3" s="534"/>
      <c r="DB3" s="534"/>
      <c r="DC3" s="534"/>
      <c r="DD3" s="534"/>
      <c r="DE3" s="534"/>
      <c r="DF3" s="534"/>
      <c r="DG3" s="534"/>
      <c r="DH3" s="535"/>
      <c r="DI3" s="533" t="s">
        <v>152</v>
      </c>
      <c r="DJ3" s="534"/>
      <c r="DK3" s="534"/>
      <c r="DL3" s="534"/>
      <c r="DM3" s="534"/>
      <c r="DN3" s="534"/>
      <c r="DO3" s="534"/>
      <c r="DP3" s="534"/>
      <c r="DQ3" s="534"/>
      <c r="DR3" s="534"/>
      <c r="DS3" s="535"/>
      <c r="DT3" s="533" t="s">
        <v>80</v>
      </c>
      <c r="DU3" s="534"/>
      <c r="DV3" s="534"/>
      <c r="DW3" s="534"/>
      <c r="DX3" s="534"/>
      <c r="DY3" s="534"/>
      <c r="DZ3" s="534"/>
      <c r="EA3" s="534"/>
      <c r="EB3" s="534"/>
      <c r="EC3" s="534"/>
      <c r="ED3" s="535"/>
      <c r="EE3" s="533" t="s">
        <v>68</v>
      </c>
      <c r="EF3" s="534"/>
      <c r="EG3" s="534"/>
      <c r="EH3" s="534"/>
      <c r="EI3" s="534"/>
      <c r="EJ3" s="534"/>
      <c r="EK3" s="534"/>
      <c r="EL3" s="534"/>
      <c r="EM3" s="534"/>
      <c r="EN3" s="534"/>
      <c r="EO3" s="535"/>
      <c r="EP3" s="530" t="s">
        <v>69</v>
      </c>
      <c r="EQ3" s="531"/>
      <c r="ER3" s="531"/>
      <c r="ES3" s="531"/>
      <c r="ET3" s="531"/>
      <c r="EU3" s="531"/>
      <c r="EV3" s="531"/>
      <c r="EW3" s="531"/>
      <c r="EX3" s="531"/>
      <c r="EY3" s="531"/>
      <c r="EZ3" s="532"/>
    </row>
    <row r="4" spans="2:156"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38"/>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c r="DI4" s="541" t="s">
        <v>61</v>
      </c>
      <c r="DJ4" s="537"/>
      <c r="DK4" s="538"/>
      <c r="DL4" s="536" t="s">
        <v>62</v>
      </c>
      <c r="DM4" s="537"/>
      <c r="DN4" s="537"/>
      <c r="DO4" s="537"/>
      <c r="DP4" s="537"/>
      <c r="DQ4" s="537"/>
      <c r="DR4" s="538"/>
      <c r="DS4" s="539" t="s">
        <v>52</v>
      </c>
      <c r="DT4" s="541" t="s">
        <v>61</v>
      </c>
      <c r="DU4" s="537"/>
      <c r="DV4" s="538"/>
      <c r="DW4" s="536" t="s">
        <v>62</v>
      </c>
      <c r="DX4" s="537"/>
      <c r="DY4" s="537"/>
      <c r="DZ4" s="537"/>
      <c r="EA4" s="537"/>
      <c r="EB4" s="537"/>
      <c r="EC4" s="538"/>
      <c r="ED4" s="539" t="s">
        <v>52</v>
      </c>
      <c r="EE4" s="541" t="s">
        <v>61</v>
      </c>
      <c r="EF4" s="537"/>
      <c r="EG4" s="538"/>
      <c r="EH4" s="536" t="s">
        <v>62</v>
      </c>
      <c r="EI4" s="537"/>
      <c r="EJ4" s="537"/>
      <c r="EK4" s="537"/>
      <c r="EL4" s="537"/>
      <c r="EM4" s="537"/>
      <c r="EN4" s="538"/>
      <c r="EO4" s="539" t="s">
        <v>52</v>
      </c>
      <c r="EP4" s="541" t="s">
        <v>61</v>
      </c>
      <c r="EQ4" s="537"/>
      <c r="ER4" s="538"/>
      <c r="ES4" s="536" t="s">
        <v>62</v>
      </c>
      <c r="ET4" s="537"/>
      <c r="EU4" s="537"/>
      <c r="EV4" s="537"/>
      <c r="EW4" s="537"/>
      <c r="EX4" s="537"/>
      <c r="EY4" s="538"/>
      <c r="EZ4" s="539" t="s">
        <v>52</v>
      </c>
    </row>
    <row r="5" spans="2:156" ht="34.5" customHeight="1" thickBot="1" x14ac:dyDescent="0.25">
      <c r="B5" s="544"/>
      <c r="C5" s="324" t="s">
        <v>43</v>
      </c>
      <c r="D5" s="260" t="s">
        <v>44</v>
      </c>
      <c r="E5" s="383" t="s">
        <v>45</v>
      </c>
      <c r="F5" s="268" t="s">
        <v>83</v>
      </c>
      <c r="G5" s="260" t="s">
        <v>47</v>
      </c>
      <c r="H5" s="260" t="s">
        <v>48</v>
      </c>
      <c r="I5" s="260" t="s">
        <v>49</v>
      </c>
      <c r="J5" s="260" t="s">
        <v>50</v>
      </c>
      <c r="K5" s="260" t="s">
        <v>51</v>
      </c>
      <c r="L5" s="269" t="s">
        <v>45</v>
      </c>
      <c r="M5" s="540"/>
      <c r="N5" s="324" t="s">
        <v>43</v>
      </c>
      <c r="O5" s="260" t="s">
        <v>44</v>
      </c>
      <c r="P5" s="266" t="s">
        <v>45</v>
      </c>
      <c r="Q5" s="268" t="s">
        <v>83</v>
      </c>
      <c r="R5" s="260" t="s">
        <v>47</v>
      </c>
      <c r="S5" s="260" t="s">
        <v>48</v>
      </c>
      <c r="T5" s="260" t="s">
        <v>49</v>
      </c>
      <c r="U5" s="260" t="s">
        <v>50</v>
      </c>
      <c r="V5" s="260" t="s">
        <v>51</v>
      </c>
      <c r="W5" s="266" t="s">
        <v>45</v>
      </c>
      <c r="X5" s="540"/>
      <c r="Y5" s="324" t="s">
        <v>43</v>
      </c>
      <c r="Z5" s="260" t="s">
        <v>44</v>
      </c>
      <c r="AA5" s="266" t="s">
        <v>45</v>
      </c>
      <c r="AB5" s="268" t="s">
        <v>83</v>
      </c>
      <c r="AC5" s="260" t="s">
        <v>47</v>
      </c>
      <c r="AD5" s="260" t="s">
        <v>48</v>
      </c>
      <c r="AE5" s="260" t="s">
        <v>49</v>
      </c>
      <c r="AF5" s="260" t="s">
        <v>50</v>
      </c>
      <c r="AG5" s="260" t="s">
        <v>51</v>
      </c>
      <c r="AH5" s="266" t="s">
        <v>45</v>
      </c>
      <c r="AI5" s="540"/>
      <c r="AJ5" s="324" t="s">
        <v>43</v>
      </c>
      <c r="AK5" s="260" t="s">
        <v>44</v>
      </c>
      <c r="AL5" s="266" t="s">
        <v>45</v>
      </c>
      <c r="AM5" s="268" t="s">
        <v>83</v>
      </c>
      <c r="AN5" s="260" t="s">
        <v>47</v>
      </c>
      <c r="AO5" s="260" t="s">
        <v>48</v>
      </c>
      <c r="AP5" s="260" t="s">
        <v>49</v>
      </c>
      <c r="AQ5" s="260" t="s">
        <v>50</v>
      </c>
      <c r="AR5" s="260" t="s">
        <v>51</v>
      </c>
      <c r="AS5" s="266" t="s">
        <v>45</v>
      </c>
      <c r="AT5" s="540"/>
      <c r="AU5" s="324" t="s">
        <v>43</v>
      </c>
      <c r="AV5" s="260" t="s">
        <v>44</v>
      </c>
      <c r="AW5" s="266" t="s">
        <v>45</v>
      </c>
      <c r="AX5" s="268" t="s">
        <v>83</v>
      </c>
      <c r="AY5" s="260" t="s">
        <v>47</v>
      </c>
      <c r="AZ5" s="260" t="s">
        <v>48</v>
      </c>
      <c r="BA5" s="260" t="s">
        <v>49</v>
      </c>
      <c r="BB5" s="260" t="s">
        <v>50</v>
      </c>
      <c r="BC5" s="260" t="s">
        <v>51</v>
      </c>
      <c r="BD5" s="269" t="s">
        <v>45</v>
      </c>
      <c r="BE5" s="540"/>
      <c r="BF5" s="324" t="s">
        <v>43</v>
      </c>
      <c r="BG5" s="260" t="s">
        <v>44</v>
      </c>
      <c r="BH5" s="266" t="s">
        <v>45</v>
      </c>
      <c r="BI5" s="268" t="s">
        <v>83</v>
      </c>
      <c r="BJ5" s="260" t="s">
        <v>47</v>
      </c>
      <c r="BK5" s="260" t="s">
        <v>48</v>
      </c>
      <c r="BL5" s="260" t="s">
        <v>49</v>
      </c>
      <c r="BM5" s="260" t="s">
        <v>50</v>
      </c>
      <c r="BN5" s="260" t="s">
        <v>51</v>
      </c>
      <c r="BO5" s="266" t="s">
        <v>45</v>
      </c>
      <c r="BP5" s="540"/>
      <c r="BQ5" s="324" t="s">
        <v>43</v>
      </c>
      <c r="BR5" s="260" t="s">
        <v>44</v>
      </c>
      <c r="BS5" s="266" t="s">
        <v>45</v>
      </c>
      <c r="BT5" s="268" t="s">
        <v>83</v>
      </c>
      <c r="BU5" s="260" t="s">
        <v>47</v>
      </c>
      <c r="BV5" s="260" t="s">
        <v>48</v>
      </c>
      <c r="BW5" s="260" t="s">
        <v>49</v>
      </c>
      <c r="BX5" s="260" t="s">
        <v>50</v>
      </c>
      <c r="BY5" s="260" t="s">
        <v>51</v>
      </c>
      <c r="BZ5" s="266" t="s">
        <v>45</v>
      </c>
      <c r="CA5" s="540"/>
      <c r="CB5" s="324" t="s">
        <v>43</v>
      </c>
      <c r="CC5" s="260" t="s">
        <v>44</v>
      </c>
      <c r="CD5" s="266" t="s">
        <v>45</v>
      </c>
      <c r="CE5" s="268" t="s">
        <v>83</v>
      </c>
      <c r="CF5" s="260" t="s">
        <v>47</v>
      </c>
      <c r="CG5" s="260" t="s">
        <v>48</v>
      </c>
      <c r="CH5" s="260" t="s">
        <v>49</v>
      </c>
      <c r="CI5" s="260" t="s">
        <v>50</v>
      </c>
      <c r="CJ5" s="260" t="s">
        <v>51</v>
      </c>
      <c r="CK5" s="266" t="s">
        <v>45</v>
      </c>
      <c r="CL5" s="540"/>
      <c r="CM5" s="324" t="s">
        <v>43</v>
      </c>
      <c r="CN5" s="260" t="s">
        <v>44</v>
      </c>
      <c r="CO5" s="266" t="s">
        <v>45</v>
      </c>
      <c r="CP5" s="268" t="s">
        <v>83</v>
      </c>
      <c r="CQ5" s="260" t="s">
        <v>47</v>
      </c>
      <c r="CR5" s="260" t="s">
        <v>48</v>
      </c>
      <c r="CS5" s="260" t="s">
        <v>49</v>
      </c>
      <c r="CT5" s="260" t="s">
        <v>50</v>
      </c>
      <c r="CU5" s="260" t="s">
        <v>51</v>
      </c>
      <c r="CV5" s="266" t="s">
        <v>45</v>
      </c>
      <c r="CW5" s="540"/>
      <c r="CX5" s="324" t="s">
        <v>43</v>
      </c>
      <c r="CY5" s="260" t="s">
        <v>44</v>
      </c>
      <c r="CZ5" s="266" t="s">
        <v>45</v>
      </c>
      <c r="DA5" s="268" t="s">
        <v>83</v>
      </c>
      <c r="DB5" s="260" t="s">
        <v>47</v>
      </c>
      <c r="DC5" s="260" t="s">
        <v>48</v>
      </c>
      <c r="DD5" s="260" t="s">
        <v>49</v>
      </c>
      <c r="DE5" s="260" t="s">
        <v>50</v>
      </c>
      <c r="DF5" s="260" t="s">
        <v>51</v>
      </c>
      <c r="DG5" s="266" t="s">
        <v>45</v>
      </c>
      <c r="DH5" s="540"/>
      <c r="DI5" s="345" t="s">
        <v>43</v>
      </c>
      <c r="DJ5" s="260" t="s">
        <v>44</v>
      </c>
      <c r="DK5" s="266" t="s">
        <v>45</v>
      </c>
      <c r="DL5" s="268" t="s">
        <v>83</v>
      </c>
      <c r="DM5" s="260" t="s">
        <v>47</v>
      </c>
      <c r="DN5" s="260" t="s">
        <v>48</v>
      </c>
      <c r="DO5" s="260" t="s">
        <v>49</v>
      </c>
      <c r="DP5" s="260" t="s">
        <v>50</v>
      </c>
      <c r="DQ5" s="260" t="s">
        <v>51</v>
      </c>
      <c r="DR5" s="266" t="s">
        <v>45</v>
      </c>
      <c r="DS5" s="540"/>
      <c r="DT5" s="324" t="s">
        <v>43</v>
      </c>
      <c r="DU5" s="260" t="s">
        <v>44</v>
      </c>
      <c r="DV5" s="266" t="s">
        <v>45</v>
      </c>
      <c r="DW5" s="268" t="s">
        <v>83</v>
      </c>
      <c r="DX5" s="260" t="s">
        <v>47</v>
      </c>
      <c r="DY5" s="260" t="s">
        <v>48</v>
      </c>
      <c r="DZ5" s="260" t="s">
        <v>49</v>
      </c>
      <c r="EA5" s="260" t="s">
        <v>50</v>
      </c>
      <c r="EB5" s="260" t="s">
        <v>51</v>
      </c>
      <c r="EC5" s="266" t="s">
        <v>45</v>
      </c>
      <c r="ED5" s="540"/>
      <c r="EE5" s="324" t="s">
        <v>43</v>
      </c>
      <c r="EF5" s="260" t="s">
        <v>44</v>
      </c>
      <c r="EG5" s="266" t="s">
        <v>45</v>
      </c>
      <c r="EH5" s="268" t="s">
        <v>83</v>
      </c>
      <c r="EI5" s="260" t="s">
        <v>47</v>
      </c>
      <c r="EJ5" s="260" t="s">
        <v>48</v>
      </c>
      <c r="EK5" s="260" t="s">
        <v>49</v>
      </c>
      <c r="EL5" s="260" t="s">
        <v>50</v>
      </c>
      <c r="EM5" s="260" t="s">
        <v>51</v>
      </c>
      <c r="EN5" s="266" t="s">
        <v>45</v>
      </c>
      <c r="EO5" s="540"/>
      <c r="EP5" s="324" t="s">
        <v>43</v>
      </c>
      <c r="EQ5" s="260" t="s">
        <v>44</v>
      </c>
      <c r="ER5" s="266" t="s">
        <v>45</v>
      </c>
      <c r="ES5" s="268" t="s">
        <v>83</v>
      </c>
      <c r="ET5" s="260" t="s">
        <v>47</v>
      </c>
      <c r="EU5" s="260" t="s">
        <v>48</v>
      </c>
      <c r="EV5" s="260" t="s">
        <v>49</v>
      </c>
      <c r="EW5" s="260" t="s">
        <v>50</v>
      </c>
      <c r="EX5" s="260" t="s">
        <v>51</v>
      </c>
      <c r="EY5" s="266" t="s">
        <v>45</v>
      </c>
      <c r="EZ5" s="540"/>
    </row>
    <row r="6" spans="2:156" ht="19.5" customHeight="1" x14ac:dyDescent="0.2">
      <c r="B6" s="261" t="s">
        <v>4</v>
      </c>
      <c r="C6" s="270">
        <v>0</v>
      </c>
      <c r="D6" s="274">
        <v>0</v>
      </c>
      <c r="E6" s="384">
        <v>0</v>
      </c>
      <c r="F6" s="273">
        <v>0</v>
      </c>
      <c r="G6" s="274">
        <v>1292</v>
      </c>
      <c r="H6" s="274">
        <v>1353</v>
      </c>
      <c r="I6" s="274">
        <v>811</v>
      </c>
      <c r="J6" s="274">
        <v>575</v>
      </c>
      <c r="K6" s="274">
        <v>394</v>
      </c>
      <c r="L6" s="275">
        <v>4425</v>
      </c>
      <c r="M6" s="276">
        <v>4425</v>
      </c>
      <c r="N6" s="270">
        <v>0</v>
      </c>
      <c r="O6" s="274">
        <v>2</v>
      </c>
      <c r="P6" s="271">
        <v>2</v>
      </c>
      <c r="Q6" s="273">
        <v>0</v>
      </c>
      <c r="R6" s="274">
        <v>5</v>
      </c>
      <c r="S6" s="274">
        <v>35</v>
      </c>
      <c r="T6" s="274">
        <v>68</v>
      </c>
      <c r="U6" s="274">
        <v>133</v>
      </c>
      <c r="V6" s="274">
        <v>216</v>
      </c>
      <c r="W6" s="271">
        <v>457</v>
      </c>
      <c r="X6" s="276">
        <v>459</v>
      </c>
      <c r="Y6" s="270">
        <v>181</v>
      </c>
      <c r="Z6" s="274">
        <v>350</v>
      </c>
      <c r="AA6" s="271">
        <v>531</v>
      </c>
      <c r="AB6" s="273">
        <v>0</v>
      </c>
      <c r="AC6" s="274">
        <v>920</v>
      </c>
      <c r="AD6" s="274">
        <v>1170</v>
      </c>
      <c r="AE6" s="274">
        <v>739</v>
      </c>
      <c r="AF6" s="274">
        <v>612</v>
      </c>
      <c r="AG6" s="274">
        <v>382</v>
      </c>
      <c r="AH6" s="271">
        <v>3823</v>
      </c>
      <c r="AI6" s="276">
        <v>4354</v>
      </c>
      <c r="AJ6" s="270">
        <v>21</v>
      </c>
      <c r="AK6" s="274">
        <v>48</v>
      </c>
      <c r="AL6" s="271">
        <v>69</v>
      </c>
      <c r="AM6" s="273">
        <v>0</v>
      </c>
      <c r="AN6" s="274">
        <v>65</v>
      </c>
      <c r="AO6" s="274">
        <v>116</v>
      </c>
      <c r="AP6" s="274">
        <v>71</v>
      </c>
      <c r="AQ6" s="274">
        <v>76</v>
      </c>
      <c r="AR6" s="274">
        <v>30</v>
      </c>
      <c r="AS6" s="271">
        <v>358</v>
      </c>
      <c r="AT6" s="276">
        <v>427</v>
      </c>
      <c r="AU6" s="270">
        <v>304</v>
      </c>
      <c r="AV6" s="274">
        <v>320</v>
      </c>
      <c r="AW6" s="271">
        <v>624</v>
      </c>
      <c r="AX6" s="273">
        <v>0</v>
      </c>
      <c r="AY6" s="274">
        <v>1337</v>
      </c>
      <c r="AZ6" s="274">
        <v>1612</v>
      </c>
      <c r="BA6" s="274">
        <v>1464</v>
      </c>
      <c r="BB6" s="274">
        <v>1273</v>
      </c>
      <c r="BC6" s="274">
        <v>806</v>
      </c>
      <c r="BD6" s="275">
        <v>6492</v>
      </c>
      <c r="BE6" s="276">
        <v>7116</v>
      </c>
      <c r="BF6" s="270">
        <v>0</v>
      </c>
      <c r="BG6" s="274">
        <v>0</v>
      </c>
      <c r="BH6" s="271">
        <v>0</v>
      </c>
      <c r="BI6" s="273">
        <v>0</v>
      </c>
      <c r="BJ6" s="274">
        <v>1608</v>
      </c>
      <c r="BK6" s="274">
        <v>1397</v>
      </c>
      <c r="BL6" s="274">
        <v>836</v>
      </c>
      <c r="BM6" s="274">
        <v>402</v>
      </c>
      <c r="BN6" s="274">
        <v>147</v>
      </c>
      <c r="BO6" s="271">
        <v>4390</v>
      </c>
      <c r="BP6" s="276">
        <v>4390</v>
      </c>
      <c r="BQ6" s="270">
        <v>124</v>
      </c>
      <c r="BR6" s="274">
        <v>152</v>
      </c>
      <c r="BS6" s="271">
        <v>276</v>
      </c>
      <c r="BT6" s="273">
        <v>0</v>
      </c>
      <c r="BU6" s="274">
        <v>394</v>
      </c>
      <c r="BV6" s="274">
        <v>531</v>
      </c>
      <c r="BW6" s="274">
        <v>312</v>
      </c>
      <c r="BX6" s="274">
        <v>178</v>
      </c>
      <c r="BY6" s="274">
        <v>47</v>
      </c>
      <c r="BZ6" s="271">
        <v>1462</v>
      </c>
      <c r="CA6" s="276">
        <v>1738</v>
      </c>
      <c r="CB6" s="270">
        <v>11</v>
      </c>
      <c r="CC6" s="274">
        <v>25</v>
      </c>
      <c r="CD6" s="271">
        <v>36</v>
      </c>
      <c r="CE6" s="273">
        <v>0</v>
      </c>
      <c r="CF6" s="274">
        <v>178</v>
      </c>
      <c r="CG6" s="274">
        <v>231</v>
      </c>
      <c r="CH6" s="274">
        <v>320</v>
      </c>
      <c r="CI6" s="274">
        <v>226</v>
      </c>
      <c r="CJ6" s="274">
        <v>82</v>
      </c>
      <c r="CK6" s="271">
        <v>1037</v>
      </c>
      <c r="CL6" s="276">
        <v>1073</v>
      </c>
      <c r="CM6" s="270">
        <v>0</v>
      </c>
      <c r="CN6" s="274">
        <v>1</v>
      </c>
      <c r="CO6" s="271">
        <v>1</v>
      </c>
      <c r="CP6" s="273">
        <v>0</v>
      </c>
      <c r="CQ6" s="274">
        <v>21</v>
      </c>
      <c r="CR6" s="274">
        <v>41</v>
      </c>
      <c r="CS6" s="274">
        <v>55</v>
      </c>
      <c r="CT6" s="274">
        <v>43</v>
      </c>
      <c r="CU6" s="274">
        <v>19</v>
      </c>
      <c r="CV6" s="271">
        <v>179</v>
      </c>
      <c r="CW6" s="276">
        <v>180</v>
      </c>
      <c r="CX6" s="270">
        <v>0</v>
      </c>
      <c r="CY6" s="274">
        <v>0</v>
      </c>
      <c r="CZ6" s="271">
        <v>0</v>
      </c>
      <c r="DA6" s="273">
        <v>0</v>
      </c>
      <c r="DB6" s="274">
        <v>0</v>
      </c>
      <c r="DC6" s="274">
        <v>0</v>
      </c>
      <c r="DD6" s="274">
        <v>0</v>
      </c>
      <c r="DE6" s="274">
        <v>0</v>
      </c>
      <c r="DF6" s="274">
        <v>0</v>
      </c>
      <c r="DG6" s="271">
        <v>0</v>
      </c>
      <c r="DH6" s="276">
        <v>0</v>
      </c>
      <c r="DI6" s="270">
        <v>0</v>
      </c>
      <c r="DJ6" s="274">
        <v>0</v>
      </c>
      <c r="DK6" s="271">
        <v>0</v>
      </c>
      <c r="DL6" s="273">
        <v>0</v>
      </c>
      <c r="DM6" s="274">
        <v>0</v>
      </c>
      <c r="DN6" s="274">
        <v>0</v>
      </c>
      <c r="DO6" s="274">
        <v>0</v>
      </c>
      <c r="DP6" s="274">
        <v>0</v>
      </c>
      <c r="DQ6" s="274">
        <v>0</v>
      </c>
      <c r="DR6" s="271">
        <v>0</v>
      </c>
      <c r="DS6" s="276">
        <v>0</v>
      </c>
      <c r="DT6" s="270">
        <v>637</v>
      </c>
      <c r="DU6" s="274">
        <v>1193</v>
      </c>
      <c r="DV6" s="271">
        <v>1830</v>
      </c>
      <c r="DW6" s="273">
        <v>0</v>
      </c>
      <c r="DX6" s="274">
        <v>1825</v>
      </c>
      <c r="DY6" s="274">
        <v>3004</v>
      </c>
      <c r="DZ6" s="274">
        <v>1916</v>
      </c>
      <c r="EA6" s="274">
        <v>1370</v>
      </c>
      <c r="EB6" s="274">
        <v>728</v>
      </c>
      <c r="EC6" s="271">
        <v>8843</v>
      </c>
      <c r="ED6" s="276">
        <v>10673</v>
      </c>
      <c r="EE6" s="270">
        <v>192</v>
      </c>
      <c r="EF6" s="274">
        <v>138</v>
      </c>
      <c r="EG6" s="271">
        <v>330</v>
      </c>
      <c r="EH6" s="273">
        <v>0</v>
      </c>
      <c r="EI6" s="274">
        <v>562</v>
      </c>
      <c r="EJ6" s="274">
        <v>514</v>
      </c>
      <c r="EK6" s="274">
        <v>468</v>
      </c>
      <c r="EL6" s="274">
        <v>431</v>
      </c>
      <c r="EM6" s="274">
        <v>243</v>
      </c>
      <c r="EN6" s="271">
        <v>2218</v>
      </c>
      <c r="EO6" s="276">
        <v>2548</v>
      </c>
      <c r="EP6" s="270">
        <v>907</v>
      </c>
      <c r="EQ6" s="274">
        <v>1518</v>
      </c>
      <c r="ER6" s="271">
        <v>2425</v>
      </c>
      <c r="ES6" s="273">
        <v>0</v>
      </c>
      <c r="ET6" s="274">
        <v>4256</v>
      </c>
      <c r="EU6" s="274">
        <v>4228</v>
      </c>
      <c r="EV6" s="274">
        <v>2318</v>
      </c>
      <c r="EW6" s="274">
        <v>1475</v>
      </c>
      <c r="EX6" s="274">
        <v>739</v>
      </c>
      <c r="EY6" s="271">
        <v>13016</v>
      </c>
      <c r="EZ6" s="276">
        <v>15441</v>
      </c>
    </row>
    <row r="7" spans="2:156" ht="19.5" customHeight="1" x14ac:dyDescent="0.2">
      <c r="B7" s="262" t="s">
        <v>5</v>
      </c>
      <c r="C7" s="277">
        <v>0</v>
      </c>
      <c r="D7" s="281">
        <v>0</v>
      </c>
      <c r="E7" s="385">
        <v>0</v>
      </c>
      <c r="F7" s="280">
        <v>0</v>
      </c>
      <c r="G7" s="281">
        <v>528</v>
      </c>
      <c r="H7" s="281">
        <v>677</v>
      </c>
      <c r="I7" s="281">
        <v>379</v>
      </c>
      <c r="J7" s="281">
        <v>251</v>
      </c>
      <c r="K7" s="281">
        <v>166</v>
      </c>
      <c r="L7" s="282">
        <v>2001</v>
      </c>
      <c r="M7" s="283">
        <v>2001</v>
      </c>
      <c r="N7" s="277">
        <v>0</v>
      </c>
      <c r="O7" s="281">
        <v>2</v>
      </c>
      <c r="P7" s="278">
        <v>2</v>
      </c>
      <c r="Q7" s="280">
        <v>0</v>
      </c>
      <c r="R7" s="281">
        <v>2</v>
      </c>
      <c r="S7" s="281">
        <v>13</v>
      </c>
      <c r="T7" s="281">
        <v>26</v>
      </c>
      <c r="U7" s="281">
        <v>51</v>
      </c>
      <c r="V7" s="281">
        <v>98</v>
      </c>
      <c r="W7" s="278">
        <v>190</v>
      </c>
      <c r="X7" s="283">
        <v>192</v>
      </c>
      <c r="Y7" s="277">
        <v>85</v>
      </c>
      <c r="Z7" s="281">
        <v>193</v>
      </c>
      <c r="AA7" s="278">
        <v>278</v>
      </c>
      <c r="AB7" s="280">
        <v>0</v>
      </c>
      <c r="AC7" s="281">
        <v>359</v>
      </c>
      <c r="AD7" s="281">
        <v>619</v>
      </c>
      <c r="AE7" s="281">
        <v>361</v>
      </c>
      <c r="AF7" s="281">
        <v>293</v>
      </c>
      <c r="AG7" s="281">
        <v>173</v>
      </c>
      <c r="AH7" s="278">
        <v>1805</v>
      </c>
      <c r="AI7" s="283">
        <v>2083</v>
      </c>
      <c r="AJ7" s="277">
        <v>10</v>
      </c>
      <c r="AK7" s="281">
        <v>27</v>
      </c>
      <c r="AL7" s="278">
        <v>37</v>
      </c>
      <c r="AM7" s="280">
        <v>0</v>
      </c>
      <c r="AN7" s="281">
        <v>13</v>
      </c>
      <c r="AO7" s="281">
        <v>56</v>
      </c>
      <c r="AP7" s="281">
        <v>29</v>
      </c>
      <c r="AQ7" s="281">
        <v>32</v>
      </c>
      <c r="AR7" s="281">
        <v>13</v>
      </c>
      <c r="AS7" s="278">
        <v>143</v>
      </c>
      <c r="AT7" s="283">
        <v>180</v>
      </c>
      <c r="AU7" s="277">
        <v>135</v>
      </c>
      <c r="AV7" s="281">
        <v>160</v>
      </c>
      <c r="AW7" s="278">
        <v>295</v>
      </c>
      <c r="AX7" s="280">
        <v>0</v>
      </c>
      <c r="AY7" s="281">
        <v>471</v>
      </c>
      <c r="AZ7" s="281">
        <v>756</v>
      </c>
      <c r="BA7" s="281">
        <v>644</v>
      </c>
      <c r="BB7" s="281">
        <v>535</v>
      </c>
      <c r="BC7" s="281">
        <v>346</v>
      </c>
      <c r="BD7" s="282">
        <v>2752</v>
      </c>
      <c r="BE7" s="283">
        <v>3047</v>
      </c>
      <c r="BF7" s="277">
        <v>0</v>
      </c>
      <c r="BG7" s="281">
        <v>0</v>
      </c>
      <c r="BH7" s="278">
        <v>0</v>
      </c>
      <c r="BI7" s="280">
        <v>0</v>
      </c>
      <c r="BJ7" s="281">
        <v>606</v>
      </c>
      <c r="BK7" s="281">
        <v>618</v>
      </c>
      <c r="BL7" s="281">
        <v>333</v>
      </c>
      <c r="BM7" s="281">
        <v>156</v>
      </c>
      <c r="BN7" s="281">
        <v>59</v>
      </c>
      <c r="BO7" s="278">
        <v>1772</v>
      </c>
      <c r="BP7" s="283">
        <v>1772</v>
      </c>
      <c r="BQ7" s="277">
        <v>63</v>
      </c>
      <c r="BR7" s="281">
        <v>90</v>
      </c>
      <c r="BS7" s="278">
        <v>153</v>
      </c>
      <c r="BT7" s="280">
        <v>0</v>
      </c>
      <c r="BU7" s="281">
        <v>143</v>
      </c>
      <c r="BV7" s="281">
        <v>237</v>
      </c>
      <c r="BW7" s="281">
        <v>158</v>
      </c>
      <c r="BX7" s="281">
        <v>76</v>
      </c>
      <c r="BY7" s="281">
        <v>20</v>
      </c>
      <c r="BZ7" s="278">
        <v>634</v>
      </c>
      <c r="CA7" s="283">
        <v>787</v>
      </c>
      <c r="CB7" s="277">
        <v>4</v>
      </c>
      <c r="CC7" s="281">
        <v>16</v>
      </c>
      <c r="CD7" s="278">
        <v>20</v>
      </c>
      <c r="CE7" s="280">
        <v>0</v>
      </c>
      <c r="CF7" s="281">
        <v>53</v>
      </c>
      <c r="CG7" s="281">
        <v>85</v>
      </c>
      <c r="CH7" s="281">
        <v>136</v>
      </c>
      <c r="CI7" s="281">
        <v>95</v>
      </c>
      <c r="CJ7" s="281">
        <v>33</v>
      </c>
      <c r="CK7" s="278">
        <v>402</v>
      </c>
      <c r="CL7" s="283">
        <v>422</v>
      </c>
      <c r="CM7" s="277">
        <v>0</v>
      </c>
      <c r="CN7" s="281">
        <v>1</v>
      </c>
      <c r="CO7" s="278">
        <v>1</v>
      </c>
      <c r="CP7" s="280">
        <v>0</v>
      </c>
      <c r="CQ7" s="281">
        <v>8</v>
      </c>
      <c r="CR7" s="281">
        <v>22</v>
      </c>
      <c r="CS7" s="281">
        <v>34</v>
      </c>
      <c r="CT7" s="281">
        <v>25</v>
      </c>
      <c r="CU7" s="281">
        <v>11</v>
      </c>
      <c r="CV7" s="278">
        <v>100</v>
      </c>
      <c r="CW7" s="283">
        <v>101</v>
      </c>
      <c r="CX7" s="277">
        <v>0</v>
      </c>
      <c r="CY7" s="281">
        <v>0</v>
      </c>
      <c r="CZ7" s="278">
        <v>0</v>
      </c>
      <c r="DA7" s="280">
        <v>0</v>
      </c>
      <c r="DB7" s="281">
        <v>0</v>
      </c>
      <c r="DC7" s="281">
        <v>0</v>
      </c>
      <c r="DD7" s="281">
        <v>0</v>
      </c>
      <c r="DE7" s="281">
        <v>0</v>
      </c>
      <c r="DF7" s="281">
        <v>0</v>
      </c>
      <c r="DG7" s="278">
        <v>0</v>
      </c>
      <c r="DH7" s="283">
        <v>0</v>
      </c>
      <c r="DI7" s="277">
        <v>0</v>
      </c>
      <c r="DJ7" s="281">
        <v>0</v>
      </c>
      <c r="DK7" s="278">
        <v>0</v>
      </c>
      <c r="DL7" s="280">
        <v>0</v>
      </c>
      <c r="DM7" s="281">
        <v>0</v>
      </c>
      <c r="DN7" s="281">
        <v>0</v>
      </c>
      <c r="DO7" s="281">
        <v>0</v>
      </c>
      <c r="DP7" s="281">
        <v>0</v>
      </c>
      <c r="DQ7" s="281">
        <v>0</v>
      </c>
      <c r="DR7" s="278">
        <v>0</v>
      </c>
      <c r="DS7" s="283">
        <v>0</v>
      </c>
      <c r="DT7" s="277">
        <v>234</v>
      </c>
      <c r="DU7" s="281">
        <v>572</v>
      </c>
      <c r="DV7" s="278">
        <v>806</v>
      </c>
      <c r="DW7" s="280">
        <v>0</v>
      </c>
      <c r="DX7" s="281">
        <v>564</v>
      </c>
      <c r="DY7" s="281">
        <v>1355</v>
      </c>
      <c r="DZ7" s="281">
        <v>831</v>
      </c>
      <c r="EA7" s="281">
        <v>574</v>
      </c>
      <c r="EB7" s="281">
        <v>322</v>
      </c>
      <c r="EC7" s="278">
        <v>3646</v>
      </c>
      <c r="ED7" s="283">
        <v>4452</v>
      </c>
      <c r="EE7" s="277">
        <v>77</v>
      </c>
      <c r="EF7" s="281">
        <v>59</v>
      </c>
      <c r="EG7" s="278">
        <v>136</v>
      </c>
      <c r="EH7" s="280">
        <v>0</v>
      </c>
      <c r="EI7" s="281">
        <v>211</v>
      </c>
      <c r="EJ7" s="281">
        <v>238</v>
      </c>
      <c r="EK7" s="281">
        <v>234</v>
      </c>
      <c r="EL7" s="281">
        <v>202</v>
      </c>
      <c r="EM7" s="281">
        <v>108</v>
      </c>
      <c r="EN7" s="278">
        <v>993</v>
      </c>
      <c r="EO7" s="283">
        <v>1129</v>
      </c>
      <c r="EP7" s="277">
        <v>368</v>
      </c>
      <c r="EQ7" s="281">
        <v>761</v>
      </c>
      <c r="ER7" s="278">
        <v>1129</v>
      </c>
      <c r="ES7" s="280">
        <v>0</v>
      </c>
      <c r="ET7" s="281">
        <v>1582</v>
      </c>
      <c r="EU7" s="281">
        <v>1986</v>
      </c>
      <c r="EV7" s="281">
        <v>1034</v>
      </c>
      <c r="EW7" s="281">
        <v>629</v>
      </c>
      <c r="EX7" s="281">
        <v>322</v>
      </c>
      <c r="EY7" s="278">
        <v>5553</v>
      </c>
      <c r="EZ7" s="283">
        <v>6682</v>
      </c>
    </row>
    <row r="8" spans="2:156" ht="19.5" customHeight="1" x14ac:dyDescent="0.2">
      <c r="B8" s="262" t="s">
        <v>6</v>
      </c>
      <c r="C8" s="277">
        <v>0</v>
      </c>
      <c r="D8" s="281">
        <v>0</v>
      </c>
      <c r="E8" s="385">
        <v>0</v>
      </c>
      <c r="F8" s="280">
        <v>0</v>
      </c>
      <c r="G8" s="281">
        <v>182</v>
      </c>
      <c r="H8" s="281">
        <v>143</v>
      </c>
      <c r="I8" s="281">
        <v>95</v>
      </c>
      <c r="J8" s="281">
        <v>86</v>
      </c>
      <c r="K8" s="281">
        <v>54</v>
      </c>
      <c r="L8" s="282">
        <v>560</v>
      </c>
      <c r="M8" s="283">
        <v>560</v>
      </c>
      <c r="N8" s="277">
        <v>0</v>
      </c>
      <c r="O8" s="281">
        <v>0</v>
      </c>
      <c r="P8" s="278">
        <v>0</v>
      </c>
      <c r="Q8" s="280">
        <v>0</v>
      </c>
      <c r="R8" s="281">
        <v>2</v>
      </c>
      <c r="S8" s="281">
        <v>3</v>
      </c>
      <c r="T8" s="281">
        <v>4</v>
      </c>
      <c r="U8" s="281">
        <v>14</v>
      </c>
      <c r="V8" s="281">
        <v>26</v>
      </c>
      <c r="W8" s="278">
        <v>49</v>
      </c>
      <c r="X8" s="283">
        <v>49</v>
      </c>
      <c r="Y8" s="277">
        <v>19</v>
      </c>
      <c r="Z8" s="281">
        <v>35</v>
      </c>
      <c r="AA8" s="278">
        <v>54</v>
      </c>
      <c r="AB8" s="280">
        <v>0</v>
      </c>
      <c r="AC8" s="281">
        <v>140</v>
      </c>
      <c r="AD8" s="281">
        <v>117</v>
      </c>
      <c r="AE8" s="281">
        <v>73</v>
      </c>
      <c r="AF8" s="281">
        <v>86</v>
      </c>
      <c r="AG8" s="281">
        <v>56</v>
      </c>
      <c r="AH8" s="278">
        <v>472</v>
      </c>
      <c r="AI8" s="283">
        <v>526</v>
      </c>
      <c r="AJ8" s="277">
        <v>1</v>
      </c>
      <c r="AK8" s="281">
        <v>1</v>
      </c>
      <c r="AL8" s="278">
        <v>2</v>
      </c>
      <c r="AM8" s="280">
        <v>0</v>
      </c>
      <c r="AN8" s="281">
        <v>11</v>
      </c>
      <c r="AO8" s="281">
        <v>14</v>
      </c>
      <c r="AP8" s="281">
        <v>5</v>
      </c>
      <c r="AQ8" s="281">
        <v>8</v>
      </c>
      <c r="AR8" s="281">
        <v>4</v>
      </c>
      <c r="AS8" s="278">
        <v>42</v>
      </c>
      <c r="AT8" s="283">
        <v>44</v>
      </c>
      <c r="AU8" s="277">
        <v>55</v>
      </c>
      <c r="AV8" s="281">
        <v>40</v>
      </c>
      <c r="AW8" s="278">
        <v>95</v>
      </c>
      <c r="AX8" s="280">
        <v>0</v>
      </c>
      <c r="AY8" s="281">
        <v>211</v>
      </c>
      <c r="AZ8" s="281">
        <v>212</v>
      </c>
      <c r="BA8" s="281">
        <v>203</v>
      </c>
      <c r="BB8" s="281">
        <v>203</v>
      </c>
      <c r="BC8" s="281">
        <v>134</v>
      </c>
      <c r="BD8" s="282">
        <v>963</v>
      </c>
      <c r="BE8" s="283">
        <v>1058</v>
      </c>
      <c r="BF8" s="277">
        <v>0</v>
      </c>
      <c r="BG8" s="281">
        <v>0</v>
      </c>
      <c r="BH8" s="278">
        <v>0</v>
      </c>
      <c r="BI8" s="280">
        <v>0</v>
      </c>
      <c r="BJ8" s="281">
        <v>217</v>
      </c>
      <c r="BK8" s="281">
        <v>156</v>
      </c>
      <c r="BL8" s="281">
        <v>106</v>
      </c>
      <c r="BM8" s="281">
        <v>60</v>
      </c>
      <c r="BN8" s="281">
        <v>25</v>
      </c>
      <c r="BO8" s="278">
        <v>564</v>
      </c>
      <c r="BP8" s="283">
        <v>564</v>
      </c>
      <c r="BQ8" s="277">
        <v>5</v>
      </c>
      <c r="BR8" s="281">
        <v>10</v>
      </c>
      <c r="BS8" s="278">
        <v>15</v>
      </c>
      <c r="BT8" s="280">
        <v>0</v>
      </c>
      <c r="BU8" s="281">
        <v>48</v>
      </c>
      <c r="BV8" s="281">
        <v>57</v>
      </c>
      <c r="BW8" s="281">
        <v>38</v>
      </c>
      <c r="BX8" s="281">
        <v>23</v>
      </c>
      <c r="BY8" s="281">
        <v>11</v>
      </c>
      <c r="BZ8" s="278">
        <v>177</v>
      </c>
      <c r="CA8" s="283">
        <v>192</v>
      </c>
      <c r="CB8" s="277">
        <v>2</v>
      </c>
      <c r="CC8" s="281">
        <v>3</v>
      </c>
      <c r="CD8" s="278">
        <v>5</v>
      </c>
      <c r="CE8" s="280">
        <v>0</v>
      </c>
      <c r="CF8" s="281">
        <v>18</v>
      </c>
      <c r="CG8" s="281">
        <v>22</v>
      </c>
      <c r="CH8" s="281">
        <v>26</v>
      </c>
      <c r="CI8" s="281">
        <v>15</v>
      </c>
      <c r="CJ8" s="281">
        <v>12</v>
      </c>
      <c r="CK8" s="278">
        <v>93</v>
      </c>
      <c r="CL8" s="283">
        <v>98</v>
      </c>
      <c r="CM8" s="277">
        <v>0</v>
      </c>
      <c r="CN8" s="281">
        <v>0</v>
      </c>
      <c r="CO8" s="278">
        <v>0</v>
      </c>
      <c r="CP8" s="280">
        <v>0</v>
      </c>
      <c r="CQ8" s="281">
        <v>4</v>
      </c>
      <c r="CR8" s="281">
        <v>3</v>
      </c>
      <c r="CS8" s="281">
        <v>6</v>
      </c>
      <c r="CT8" s="281">
        <v>4</v>
      </c>
      <c r="CU8" s="281">
        <v>5</v>
      </c>
      <c r="CV8" s="278">
        <v>22</v>
      </c>
      <c r="CW8" s="283">
        <v>22</v>
      </c>
      <c r="CX8" s="277">
        <v>0</v>
      </c>
      <c r="CY8" s="281">
        <v>0</v>
      </c>
      <c r="CZ8" s="278">
        <v>0</v>
      </c>
      <c r="DA8" s="280">
        <v>0</v>
      </c>
      <c r="DB8" s="281">
        <v>0</v>
      </c>
      <c r="DC8" s="281">
        <v>0</v>
      </c>
      <c r="DD8" s="281">
        <v>0</v>
      </c>
      <c r="DE8" s="281">
        <v>0</v>
      </c>
      <c r="DF8" s="281">
        <v>0</v>
      </c>
      <c r="DG8" s="278">
        <v>0</v>
      </c>
      <c r="DH8" s="283">
        <v>0</v>
      </c>
      <c r="DI8" s="277">
        <v>0</v>
      </c>
      <c r="DJ8" s="281">
        <v>0</v>
      </c>
      <c r="DK8" s="278">
        <v>0</v>
      </c>
      <c r="DL8" s="280">
        <v>0</v>
      </c>
      <c r="DM8" s="281">
        <v>0</v>
      </c>
      <c r="DN8" s="281">
        <v>0</v>
      </c>
      <c r="DO8" s="281">
        <v>0</v>
      </c>
      <c r="DP8" s="281">
        <v>0</v>
      </c>
      <c r="DQ8" s="281">
        <v>0</v>
      </c>
      <c r="DR8" s="278">
        <v>0</v>
      </c>
      <c r="DS8" s="283">
        <v>0</v>
      </c>
      <c r="DT8" s="277">
        <v>79</v>
      </c>
      <c r="DU8" s="281">
        <v>127</v>
      </c>
      <c r="DV8" s="278">
        <v>206</v>
      </c>
      <c r="DW8" s="280">
        <v>0</v>
      </c>
      <c r="DX8" s="281">
        <v>286</v>
      </c>
      <c r="DY8" s="281">
        <v>333</v>
      </c>
      <c r="DZ8" s="281">
        <v>221</v>
      </c>
      <c r="EA8" s="281">
        <v>199</v>
      </c>
      <c r="EB8" s="281">
        <v>110</v>
      </c>
      <c r="EC8" s="278">
        <v>1149</v>
      </c>
      <c r="ED8" s="283">
        <v>1355</v>
      </c>
      <c r="EE8" s="277">
        <v>42</v>
      </c>
      <c r="EF8" s="281">
        <v>16</v>
      </c>
      <c r="EG8" s="278">
        <v>58</v>
      </c>
      <c r="EH8" s="280">
        <v>0</v>
      </c>
      <c r="EI8" s="281">
        <v>70</v>
      </c>
      <c r="EJ8" s="281">
        <v>65</v>
      </c>
      <c r="EK8" s="281">
        <v>55</v>
      </c>
      <c r="EL8" s="281">
        <v>56</v>
      </c>
      <c r="EM8" s="281">
        <v>34</v>
      </c>
      <c r="EN8" s="278">
        <v>280</v>
      </c>
      <c r="EO8" s="283">
        <v>338</v>
      </c>
      <c r="EP8" s="277">
        <v>94</v>
      </c>
      <c r="EQ8" s="281">
        <v>153</v>
      </c>
      <c r="ER8" s="278">
        <v>247</v>
      </c>
      <c r="ES8" s="280">
        <v>0</v>
      </c>
      <c r="ET8" s="281">
        <v>586</v>
      </c>
      <c r="EU8" s="281">
        <v>447</v>
      </c>
      <c r="EV8" s="281">
        <v>263</v>
      </c>
      <c r="EW8" s="281">
        <v>203</v>
      </c>
      <c r="EX8" s="281">
        <v>120</v>
      </c>
      <c r="EY8" s="278">
        <v>1619</v>
      </c>
      <c r="EZ8" s="283">
        <v>1866</v>
      </c>
    </row>
    <row r="9" spans="2:156" ht="19.5" customHeight="1" x14ac:dyDescent="0.2">
      <c r="B9" s="262" t="s">
        <v>14</v>
      </c>
      <c r="C9" s="277">
        <v>0</v>
      </c>
      <c r="D9" s="281">
        <v>0</v>
      </c>
      <c r="E9" s="385">
        <v>0</v>
      </c>
      <c r="F9" s="280">
        <v>0</v>
      </c>
      <c r="G9" s="281">
        <v>74</v>
      </c>
      <c r="H9" s="281">
        <v>95</v>
      </c>
      <c r="I9" s="281">
        <v>48</v>
      </c>
      <c r="J9" s="281">
        <v>18</v>
      </c>
      <c r="K9" s="281">
        <v>30</v>
      </c>
      <c r="L9" s="282">
        <v>265</v>
      </c>
      <c r="M9" s="283">
        <v>265</v>
      </c>
      <c r="N9" s="277">
        <v>0</v>
      </c>
      <c r="O9" s="281">
        <v>0</v>
      </c>
      <c r="P9" s="278">
        <v>0</v>
      </c>
      <c r="Q9" s="280">
        <v>0</v>
      </c>
      <c r="R9" s="281">
        <v>0</v>
      </c>
      <c r="S9" s="281">
        <v>2</v>
      </c>
      <c r="T9" s="281">
        <v>2</v>
      </c>
      <c r="U9" s="281">
        <v>4</v>
      </c>
      <c r="V9" s="281">
        <v>8</v>
      </c>
      <c r="W9" s="278">
        <v>16</v>
      </c>
      <c r="X9" s="283">
        <v>16</v>
      </c>
      <c r="Y9" s="277">
        <v>8</v>
      </c>
      <c r="Z9" s="281">
        <v>27</v>
      </c>
      <c r="AA9" s="278">
        <v>35</v>
      </c>
      <c r="AB9" s="280">
        <v>0</v>
      </c>
      <c r="AC9" s="281">
        <v>56</v>
      </c>
      <c r="AD9" s="281">
        <v>77</v>
      </c>
      <c r="AE9" s="281">
        <v>56</v>
      </c>
      <c r="AF9" s="281">
        <v>33</v>
      </c>
      <c r="AG9" s="281">
        <v>29</v>
      </c>
      <c r="AH9" s="278">
        <v>251</v>
      </c>
      <c r="AI9" s="283">
        <v>286</v>
      </c>
      <c r="AJ9" s="277">
        <v>1</v>
      </c>
      <c r="AK9" s="281">
        <v>3</v>
      </c>
      <c r="AL9" s="278">
        <v>4</v>
      </c>
      <c r="AM9" s="280">
        <v>0</v>
      </c>
      <c r="AN9" s="281">
        <v>0</v>
      </c>
      <c r="AO9" s="281">
        <v>1</v>
      </c>
      <c r="AP9" s="281">
        <v>2</v>
      </c>
      <c r="AQ9" s="281">
        <v>3</v>
      </c>
      <c r="AR9" s="281">
        <v>0</v>
      </c>
      <c r="AS9" s="278">
        <v>6</v>
      </c>
      <c r="AT9" s="283">
        <v>10</v>
      </c>
      <c r="AU9" s="277">
        <v>21</v>
      </c>
      <c r="AV9" s="281">
        <v>24</v>
      </c>
      <c r="AW9" s="278">
        <v>45</v>
      </c>
      <c r="AX9" s="280">
        <v>0</v>
      </c>
      <c r="AY9" s="281">
        <v>102</v>
      </c>
      <c r="AZ9" s="281">
        <v>119</v>
      </c>
      <c r="BA9" s="281">
        <v>107</v>
      </c>
      <c r="BB9" s="281">
        <v>67</v>
      </c>
      <c r="BC9" s="281">
        <v>54</v>
      </c>
      <c r="BD9" s="282">
        <v>449</v>
      </c>
      <c r="BE9" s="283">
        <v>494</v>
      </c>
      <c r="BF9" s="277">
        <v>0</v>
      </c>
      <c r="BG9" s="281">
        <v>0</v>
      </c>
      <c r="BH9" s="278">
        <v>0</v>
      </c>
      <c r="BI9" s="280">
        <v>0</v>
      </c>
      <c r="BJ9" s="281">
        <v>112</v>
      </c>
      <c r="BK9" s="281">
        <v>110</v>
      </c>
      <c r="BL9" s="281">
        <v>77</v>
      </c>
      <c r="BM9" s="281">
        <v>40</v>
      </c>
      <c r="BN9" s="281">
        <v>10</v>
      </c>
      <c r="BO9" s="278">
        <v>349</v>
      </c>
      <c r="BP9" s="283">
        <v>349</v>
      </c>
      <c r="BQ9" s="277">
        <v>8</v>
      </c>
      <c r="BR9" s="281">
        <v>6</v>
      </c>
      <c r="BS9" s="278">
        <v>14</v>
      </c>
      <c r="BT9" s="280">
        <v>0</v>
      </c>
      <c r="BU9" s="281">
        <v>9</v>
      </c>
      <c r="BV9" s="281">
        <v>28</v>
      </c>
      <c r="BW9" s="281">
        <v>24</v>
      </c>
      <c r="BX9" s="281">
        <v>9</v>
      </c>
      <c r="BY9" s="281">
        <v>3</v>
      </c>
      <c r="BZ9" s="278">
        <v>73</v>
      </c>
      <c r="CA9" s="283">
        <v>87</v>
      </c>
      <c r="CB9" s="277">
        <v>0</v>
      </c>
      <c r="CC9" s="281">
        <v>0</v>
      </c>
      <c r="CD9" s="278">
        <v>0</v>
      </c>
      <c r="CE9" s="280">
        <v>0</v>
      </c>
      <c r="CF9" s="281">
        <v>15</v>
      </c>
      <c r="CG9" s="281">
        <v>19</v>
      </c>
      <c r="CH9" s="281">
        <v>24</v>
      </c>
      <c r="CI9" s="281">
        <v>21</v>
      </c>
      <c r="CJ9" s="281">
        <v>6</v>
      </c>
      <c r="CK9" s="278">
        <v>85</v>
      </c>
      <c r="CL9" s="283">
        <v>85</v>
      </c>
      <c r="CM9" s="277">
        <v>0</v>
      </c>
      <c r="CN9" s="281">
        <v>0</v>
      </c>
      <c r="CO9" s="278">
        <v>0</v>
      </c>
      <c r="CP9" s="280">
        <v>0</v>
      </c>
      <c r="CQ9" s="281">
        <v>1</v>
      </c>
      <c r="CR9" s="281">
        <v>0</v>
      </c>
      <c r="CS9" s="281">
        <v>2</v>
      </c>
      <c r="CT9" s="281">
        <v>1</v>
      </c>
      <c r="CU9" s="281">
        <v>1</v>
      </c>
      <c r="CV9" s="278">
        <v>5</v>
      </c>
      <c r="CW9" s="283">
        <v>5</v>
      </c>
      <c r="CX9" s="277">
        <v>0</v>
      </c>
      <c r="CY9" s="281">
        <v>0</v>
      </c>
      <c r="CZ9" s="278">
        <v>0</v>
      </c>
      <c r="DA9" s="280">
        <v>0</v>
      </c>
      <c r="DB9" s="281">
        <v>0</v>
      </c>
      <c r="DC9" s="281">
        <v>0</v>
      </c>
      <c r="DD9" s="281">
        <v>0</v>
      </c>
      <c r="DE9" s="281">
        <v>0</v>
      </c>
      <c r="DF9" s="281">
        <v>0</v>
      </c>
      <c r="DG9" s="278">
        <v>0</v>
      </c>
      <c r="DH9" s="283">
        <v>0</v>
      </c>
      <c r="DI9" s="277">
        <v>0</v>
      </c>
      <c r="DJ9" s="281">
        <v>0</v>
      </c>
      <c r="DK9" s="278">
        <v>0</v>
      </c>
      <c r="DL9" s="280">
        <v>0</v>
      </c>
      <c r="DM9" s="281">
        <v>0</v>
      </c>
      <c r="DN9" s="281">
        <v>0</v>
      </c>
      <c r="DO9" s="281">
        <v>0</v>
      </c>
      <c r="DP9" s="281">
        <v>0</v>
      </c>
      <c r="DQ9" s="281">
        <v>0</v>
      </c>
      <c r="DR9" s="278">
        <v>0</v>
      </c>
      <c r="DS9" s="283">
        <v>0</v>
      </c>
      <c r="DT9" s="277">
        <v>48</v>
      </c>
      <c r="DU9" s="281">
        <v>103</v>
      </c>
      <c r="DV9" s="278">
        <v>151</v>
      </c>
      <c r="DW9" s="280">
        <v>0</v>
      </c>
      <c r="DX9" s="281">
        <v>118</v>
      </c>
      <c r="DY9" s="281">
        <v>218</v>
      </c>
      <c r="DZ9" s="281">
        <v>150</v>
      </c>
      <c r="EA9" s="281">
        <v>92</v>
      </c>
      <c r="EB9" s="281">
        <v>49</v>
      </c>
      <c r="EC9" s="278">
        <v>627</v>
      </c>
      <c r="ED9" s="283">
        <v>778</v>
      </c>
      <c r="EE9" s="277">
        <v>16</v>
      </c>
      <c r="EF9" s="281">
        <v>11</v>
      </c>
      <c r="EG9" s="278">
        <v>27</v>
      </c>
      <c r="EH9" s="280">
        <v>0</v>
      </c>
      <c r="EI9" s="281">
        <v>39</v>
      </c>
      <c r="EJ9" s="281">
        <v>35</v>
      </c>
      <c r="EK9" s="281">
        <v>24</v>
      </c>
      <c r="EL9" s="281">
        <v>20</v>
      </c>
      <c r="EM9" s="281">
        <v>17</v>
      </c>
      <c r="EN9" s="278">
        <v>135</v>
      </c>
      <c r="EO9" s="283">
        <v>162</v>
      </c>
      <c r="EP9" s="277">
        <v>60</v>
      </c>
      <c r="EQ9" s="281">
        <v>118</v>
      </c>
      <c r="ER9" s="278">
        <v>178</v>
      </c>
      <c r="ES9" s="280">
        <v>0</v>
      </c>
      <c r="ET9" s="281">
        <v>282</v>
      </c>
      <c r="EU9" s="281">
        <v>316</v>
      </c>
      <c r="EV9" s="281">
        <v>188</v>
      </c>
      <c r="EW9" s="281">
        <v>102</v>
      </c>
      <c r="EX9" s="281">
        <v>48</v>
      </c>
      <c r="EY9" s="278">
        <v>936</v>
      </c>
      <c r="EZ9" s="283">
        <v>1114</v>
      </c>
    </row>
    <row r="10" spans="2:156" ht="19.5" customHeight="1" x14ac:dyDescent="0.2">
      <c r="B10" s="262" t="s">
        <v>7</v>
      </c>
      <c r="C10" s="277">
        <v>0</v>
      </c>
      <c r="D10" s="281">
        <v>0</v>
      </c>
      <c r="E10" s="385">
        <v>0</v>
      </c>
      <c r="F10" s="280">
        <v>0</v>
      </c>
      <c r="G10" s="281">
        <v>128</v>
      </c>
      <c r="H10" s="281">
        <v>94</v>
      </c>
      <c r="I10" s="281">
        <v>57</v>
      </c>
      <c r="J10" s="281">
        <v>42</v>
      </c>
      <c r="K10" s="281">
        <v>21</v>
      </c>
      <c r="L10" s="282">
        <v>342</v>
      </c>
      <c r="M10" s="283">
        <v>342</v>
      </c>
      <c r="N10" s="277">
        <v>0</v>
      </c>
      <c r="O10" s="281">
        <v>0</v>
      </c>
      <c r="P10" s="278">
        <v>0</v>
      </c>
      <c r="Q10" s="280">
        <v>0</v>
      </c>
      <c r="R10" s="281">
        <v>1</v>
      </c>
      <c r="S10" s="281">
        <v>4</v>
      </c>
      <c r="T10" s="281">
        <v>9</v>
      </c>
      <c r="U10" s="281">
        <v>15</v>
      </c>
      <c r="V10" s="281">
        <v>13</v>
      </c>
      <c r="W10" s="278">
        <v>42</v>
      </c>
      <c r="X10" s="283">
        <v>42</v>
      </c>
      <c r="Y10" s="277">
        <v>4</v>
      </c>
      <c r="Z10" s="281">
        <v>5</v>
      </c>
      <c r="AA10" s="278">
        <v>9</v>
      </c>
      <c r="AB10" s="280">
        <v>0</v>
      </c>
      <c r="AC10" s="281">
        <v>50</v>
      </c>
      <c r="AD10" s="281">
        <v>51</v>
      </c>
      <c r="AE10" s="281">
        <v>36</v>
      </c>
      <c r="AF10" s="281">
        <v>28</v>
      </c>
      <c r="AG10" s="281">
        <v>14</v>
      </c>
      <c r="AH10" s="278">
        <v>179</v>
      </c>
      <c r="AI10" s="283">
        <v>188</v>
      </c>
      <c r="AJ10" s="277">
        <v>0</v>
      </c>
      <c r="AK10" s="281">
        <v>1</v>
      </c>
      <c r="AL10" s="278">
        <v>1</v>
      </c>
      <c r="AM10" s="280">
        <v>0</v>
      </c>
      <c r="AN10" s="281">
        <v>2</v>
      </c>
      <c r="AO10" s="281">
        <v>1</v>
      </c>
      <c r="AP10" s="281">
        <v>5</v>
      </c>
      <c r="AQ10" s="281">
        <v>5</v>
      </c>
      <c r="AR10" s="281">
        <v>0</v>
      </c>
      <c r="AS10" s="278">
        <v>13</v>
      </c>
      <c r="AT10" s="283">
        <v>14</v>
      </c>
      <c r="AU10" s="277">
        <v>13</v>
      </c>
      <c r="AV10" s="281">
        <v>10</v>
      </c>
      <c r="AW10" s="278">
        <v>23</v>
      </c>
      <c r="AX10" s="280">
        <v>0</v>
      </c>
      <c r="AY10" s="281">
        <v>120</v>
      </c>
      <c r="AZ10" s="281">
        <v>107</v>
      </c>
      <c r="BA10" s="281">
        <v>102</v>
      </c>
      <c r="BB10" s="281">
        <v>90</v>
      </c>
      <c r="BC10" s="281">
        <v>41</v>
      </c>
      <c r="BD10" s="282">
        <v>460</v>
      </c>
      <c r="BE10" s="283">
        <v>483</v>
      </c>
      <c r="BF10" s="277">
        <v>0</v>
      </c>
      <c r="BG10" s="281">
        <v>0</v>
      </c>
      <c r="BH10" s="278">
        <v>0</v>
      </c>
      <c r="BI10" s="280">
        <v>0</v>
      </c>
      <c r="BJ10" s="281">
        <v>138</v>
      </c>
      <c r="BK10" s="281">
        <v>103</v>
      </c>
      <c r="BL10" s="281">
        <v>49</v>
      </c>
      <c r="BM10" s="281">
        <v>24</v>
      </c>
      <c r="BN10" s="281">
        <v>6</v>
      </c>
      <c r="BO10" s="278">
        <v>320</v>
      </c>
      <c r="BP10" s="283">
        <v>320</v>
      </c>
      <c r="BQ10" s="277">
        <v>5</v>
      </c>
      <c r="BR10" s="281">
        <v>0</v>
      </c>
      <c r="BS10" s="278">
        <v>5</v>
      </c>
      <c r="BT10" s="280">
        <v>0</v>
      </c>
      <c r="BU10" s="281">
        <v>29</v>
      </c>
      <c r="BV10" s="281">
        <v>25</v>
      </c>
      <c r="BW10" s="281">
        <v>11</v>
      </c>
      <c r="BX10" s="281">
        <v>5</v>
      </c>
      <c r="BY10" s="281">
        <v>1</v>
      </c>
      <c r="BZ10" s="278">
        <v>71</v>
      </c>
      <c r="CA10" s="283">
        <v>76</v>
      </c>
      <c r="CB10" s="277">
        <v>0</v>
      </c>
      <c r="CC10" s="281">
        <v>0</v>
      </c>
      <c r="CD10" s="278">
        <v>0</v>
      </c>
      <c r="CE10" s="280">
        <v>0</v>
      </c>
      <c r="CF10" s="281">
        <v>23</v>
      </c>
      <c r="CG10" s="281">
        <v>27</v>
      </c>
      <c r="CH10" s="281">
        <v>16</v>
      </c>
      <c r="CI10" s="281">
        <v>14</v>
      </c>
      <c r="CJ10" s="281">
        <v>5</v>
      </c>
      <c r="CK10" s="278">
        <v>85</v>
      </c>
      <c r="CL10" s="283">
        <v>85</v>
      </c>
      <c r="CM10" s="277">
        <v>0</v>
      </c>
      <c r="CN10" s="281">
        <v>0</v>
      </c>
      <c r="CO10" s="278">
        <v>0</v>
      </c>
      <c r="CP10" s="280">
        <v>0</v>
      </c>
      <c r="CQ10" s="281">
        <v>1</v>
      </c>
      <c r="CR10" s="281">
        <v>0</v>
      </c>
      <c r="CS10" s="281">
        <v>0</v>
      </c>
      <c r="CT10" s="281">
        <v>1</v>
      </c>
      <c r="CU10" s="281">
        <v>0</v>
      </c>
      <c r="CV10" s="278">
        <v>2</v>
      </c>
      <c r="CW10" s="283">
        <v>2</v>
      </c>
      <c r="CX10" s="277">
        <v>0</v>
      </c>
      <c r="CY10" s="281">
        <v>0</v>
      </c>
      <c r="CZ10" s="278">
        <v>0</v>
      </c>
      <c r="DA10" s="280">
        <v>0</v>
      </c>
      <c r="DB10" s="281">
        <v>0</v>
      </c>
      <c r="DC10" s="281">
        <v>0</v>
      </c>
      <c r="DD10" s="281">
        <v>0</v>
      </c>
      <c r="DE10" s="281">
        <v>0</v>
      </c>
      <c r="DF10" s="281">
        <v>0</v>
      </c>
      <c r="DG10" s="278">
        <v>0</v>
      </c>
      <c r="DH10" s="283">
        <v>0</v>
      </c>
      <c r="DI10" s="277">
        <v>0</v>
      </c>
      <c r="DJ10" s="281">
        <v>0</v>
      </c>
      <c r="DK10" s="278">
        <v>0</v>
      </c>
      <c r="DL10" s="280">
        <v>0</v>
      </c>
      <c r="DM10" s="281">
        <v>0</v>
      </c>
      <c r="DN10" s="281">
        <v>0</v>
      </c>
      <c r="DO10" s="281">
        <v>0</v>
      </c>
      <c r="DP10" s="281">
        <v>0</v>
      </c>
      <c r="DQ10" s="281">
        <v>0</v>
      </c>
      <c r="DR10" s="278">
        <v>0</v>
      </c>
      <c r="DS10" s="283">
        <v>0</v>
      </c>
      <c r="DT10" s="277">
        <v>21</v>
      </c>
      <c r="DU10" s="281">
        <v>30</v>
      </c>
      <c r="DV10" s="278">
        <v>51</v>
      </c>
      <c r="DW10" s="280">
        <v>0</v>
      </c>
      <c r="DX10" s="281">
        <v>155</v>
      </c>
      <c r="DY10" s="281">
        <v>213</v>
      </c>
      <c r="DZ10" s="281">
        <v>105</v>
      </c>
      <c r="EA10" s="281">
        <v>86</v>
      </c>
      <c r="EB10" s="281">
        <v>35</v>
      </c>
      <c r="EC10" s="278">
        <v>594</v>
      </c>
      <c r="ED10" s="283">
        <v>645</v>
      </c>
      <c r="EE10" s="277">
        <v>8</v>
      </c>
      <c r="EF10" s="281">
        <v>4</v>
      </c>
      <c r="EG10" s="278">
        <v>12</v>
      </c>
      <c r="EH10" s="280">
        <v>0</v>
      </c>
      <c r="EI10" s="281">
        <v>58</v>
      </c>
      <c r="EJ10" s="281">
        <v>34</v>
      </c>
      <c r="EK10" s="281">
        <v>29</v>
      </c>
      <c r="EL10" s="281">
        <v>31</v>
      </c>
      <c r="EM10" s="281">
        <v>12</v>
      </c>
      <c r="EN10" s="278">
        <v>164</v>
      </c>
      <c r="EO10" s="283">
        <v>176</v>
      </c>
      <c r="EP10" s="277">
        <v>29</v>
      </c>
      <c r="EQ10" s="281">
        <v>34</v>
      </c>
      <c r="ER10" s="278">
        <v>63</v>
      </c>
      <c r="ES10" s="280">
        <v>0</v>
      </c>
      <c r="ET10" s="281">
        <v>361</v>
      </c>
      <c r="EU10" s="281">
        <v>279</v>
      </c>
      <c r="EV10" s="281">
        <v>134</v>
      </c>
      <c r="EW10" s="281">
        <v>90</v>
      </c>
      <c r="EX10" s="281">
        <v>36</v>
      </c>
      <c r="EY10" s="278">
        <v>900</v>
      </c>
      <c r="EZ10" s="283">
        <v>963</v>
      </c>
    </row>
    <row r="11" spans="2:156" ht="19.5" customHeight="1" x14ac:dyDescent="0.2">
      <c r="B11" s="262" t="s">
        <v>8</v>
      </c>
      <c r="C11" s="277">
        <v>0</v>
      </c>
      <c r="D11" s="281">
        <v>0</v>
      </c>
      <c r="E11" s="385">
        <v>0</v>
      </c>
      <c r="F11" s="280">
        <v>0</v>
      </c>
      <c r="G11" s="281">
        <v>25</v>
      </c>
      <c r="H11" s="281">
        <v>31</v>
      </c>
      <c r="I11" s="281">
        <v>20</v>
      </c>
      <c r="J11" s="281">
        <v>10</v>
      </c>
      <c r="K11" s="281">
        <v>10</v>
      </c>
      <c r="L11" s="282">
        <v>96</v>
      </c>
      <c r="M11" s="283">
        <v>96</v>
      </c>
      <c r="N11" s="277">
        <v>0</v>
      </c>
      <c r="O11" s="281">
        <v>0</v>
      </c>
      <c r="P11" s="278">
        <v>0</v>
      </c>
      <c r="Q11" s="280">
        <v>0</v>
      </c>
      <c r="R11" s="281">
        <v>0</v>
      </c>
      <c r="S11" s="281">
        <v>2</v>
      </c>
      <c r="T11" s="281">
        <v>4</v>
      </c>
      <c r="U11" s="281">
        <v>4</v>
      </c>
      <c r="V11" s="281">
        <v>4</v>
      </c>
      <c r="W11" s="278">
        <v>14</v>
      </c>
      <c r="X11" s="283">
        <v>14</v>
      </c>
      <c r="Y11" s="277">
        <v>3</v>
      </c>
      <c r="Z11" s="281">
        <v>7</v>
      </c>
      <c r="AA11" s="278">
        <v>10</v>
      </c>
      <c r="AB11" s="280">
        <v>0</v>
      </c>
      <c r="AC11" s="281">
        <v>20</v>
      </c>
      <c r="AD11" s="281">
        <v>21</v>
      </c>
      <c r="AE11" s="281">
        <v>25</v>
      </c>
      <c r="AF11" s="281">
        <v>17</v>
      </c>
      <c r="AG11" s="281">
        <v>6</v>
      </c>
      <c r="AH11" s="278">
        <v>89</v>
      </c>
      <c r="AI11" s="283">
        <v>99</v>
      </c>
      <c r="AJ11" s="277">
        <v>0</v>
      </c>
      <c r="AK11" s="281">
        <v>1</v>
      </c>
      <c r="AL11" s="278">
        <v>1</v>
      </c>
      <c r="AM11" s="280">
        <v>0</v>
      </c>
      <c r="AN11" s="281">
        <v>1</v>
      </c>
      <c r="AO11" s="281">
        <v>4</v>
      </c>
      <c r="AP11" s="281">
        <v>6</v>
      </c>
      <c r="AQ11" s="281">
        <v>1</v>
      </c>
      <c r="AR11" s="281">
        <v>1</v>
      </c>
      <c r="AS11" s="278">
        <v>13</v>
      </c>
      <c r="AT11" s="283">
        <v>14</v>
      </c>
      <c r="AU11" s="277">
        <v>7</v>
      </c>
      <c r="AV11" s="281">
        <v>5</v>
      </c>
      <c r="AW11" s="278">
        <v>12</v>
      </c>
      <c r="AX11" s="280">
        <v>0</v>
      </c>
      <c r="AY11" s="281">
        <v>34</v>
      </c>
      <c r="AZ11" s="281">
        <v>27</v>
      </c>
      <c r="BA11" s="281">
        <v>38</v>
      </c>
      <c r="BB11" s="281">
        <v>28</v>
      </c>
      <c r="BC11" s="281">
        <v>21</v>
      </c>
      <c r="BD11" s="282">
        <v>148</v>
      </c>
      <c r="BE11" s="283">
        <v>160</v>
      </c>
      <c r="BF11" s="277">
        <v>0</v>
      </c>
      <c r="BG11" s="281">
        <v>0</v>
      </c>
      <c r="BH11" s="278">
        <v>0</v>
      </c>
      <c r="BI11" s="280">
        <v>0</v>
      </c>
      <c r="BJ11" s="281">
        <v>37</v>
      </c>
      <c r="BK11" s="281">
        <v>39</v>
      </c>
      <c r="BL11" s="281">
        <v>21</v>
      </c>
      <c r="BM11" s="281">
        <v>10</v>
      </c>
      <c r="BN11" s="281">
        <v>2</v>
      </c>
      <c r="BO11" s="278">
        <v>109</v>
      </c>
      <c r="BP11" s="283">
        <v>109</v>
      </c>
      <c r="BQ11" s="277">
        <v>6</v>
      </c>
      <c r="BR11" s="281">
        <v>3</v>
      </c>
      <c r="BS11" s="278">
        <v>9</v>
      </c>
      <c r="BT11" s="280">
        <v>0</v>
      </c>
      <c r="BU11" s="281">
        <v>9</v>
      </c>
      <c r="BV11" s="281">
        <v>9</v>
      </c>
      <c r="BW11" s="281">
        <v>7</v>
      </c>
      <c r="BX11" s="281">
        <v>4</v>
      </c>
      <c r="BY11" s="281">
        <v>0</v>
      </c>
      <c r="BZ11" s="278">
        <v>29</v>
      </c>
      <c r="CA11" s="283">
        <v>38</v>
      </c>
      <c r="CB11" s="277">
        <v>0</v>
      </c>
      <c r="CC11" s="281">
        <v>1</v>
      </c>
      <c r="CD11" s="278">
        <v>1</v>
      </c>
      <c r="CE11" s="280">
        <v>0</v>
      </c>
      <c r="CF11" s="281">
        <v>5</v>
      </c>
      <c r="CG11" s="281">
        <v>6</v>
      </c>
      <c r="CH11" s="281">
        <v>10</v>
      </c>
      <c r="CI11" s="281">
        <v>5</v>
      </c>
      <c r="CJ11" s="281">
        <v>1</v>
      </c>
      <c r="CK11" s="278">
        <v>27</v>
      </c>
      <c r="CL11" s="283">
        <v>28</v>
      </c>
      <c r="CM11" s="277">
        <v>0</v>
      </c>
      <c r="CN11" s="281">
        <v>0</v>
      </c>
      <c r="CO11" s="278">
        <v>0</v>
      </c>
      <c r="CP11" s="280">
        <v>0</v>
      </c>
      <c r="CQ11" s="281">
        <v>0</v>
      </c>
      <c r="CR11" s="281">
        <v>1</v>
      </c>
      <c r="CS11" s="281">
        <v>1</v>
      </c>
      <c r="CT11" s="281">
        <v>0</v>
      </c>
      <c r="CU11" s="281">
        <v>0</v>
      </c>
      <c r="CV11" s="278">
        <v>2</v>
      </c>
      <c r="CW11" s="283">
        <v>2</v>
      </c>
      <c r="CX11" s="277">
        <v>0</v>
      </c>
      <c r="CY11" s="281">
        <v>0</v>
      </c>
      <c r="CZ11" s="278">
        <v>0</v>
      </c>
      <c r="DA11" s="280">
        <v>0</v>
      </c>
      <c r="DB11" s="281">
        <v>0</v>
      </c>
      <c r="DC11" s="281">
        <v>0</v>
      </c>
      <c r="DD11" s="281">
        <v>0</v>
      </c>
      <c r="DE11" s="281">
        <v>0</v>
      </c>
      <c r="DF11" s="281">
        <v>0</v>
      </c>
      <c r="DG11" s="278">
        <v>0</v>
      </c>
      <c r="DH11" s="283">
        <v>0</v>
      </c>
      <c r="DI11" s="277">
        <v>0</v>
      </c>
      <c r="DJ11" s="281">
        <v>0</v>
      </c>
      <c r="DK11" s="278">
        <v>0</v>
      </c>
      <c r="DL11" s="280">
        <v>0</v>
      </c>
      <c r="DM11" s="281">
        <v>0</v>
      </c>
      <c r="DN11" s="281">
        <v>0</v>
      </c>
      <c r="DO11" s="281">
        <v>0</v>
      </c>
      <c r="DP11" s="281">
        <v>0</v>
      </c>
      <c r="DQ11" s="281">
        <v>0</v>
      </c>
      <c r="DR11" s="278">
        <v>0</v>
      </c>
      <c r="DS11" s="283">
        <v>0</v>
      </c>
      <c r="DT11" s="277">
        <v>19</v>
      </c>
      <c r="DU11" s="281">
        <v>19</v>
      </c>
      <c r="DV11" s="278">
        <v>38</v>
      </c>
      <c r="DW11" s="280">
        <v>0</v>
      </c>
      <c r="DX11" s="281">
        <v>60</v>
      </c>
      <c r="DY11" s="281">
        <v>84</v>
      </c>
      <c r="DZ11" s="281">
        <v>61</v>
      </c>
      <c r="EA11" s="281">
        <v>32</v>
      </c>
      <c r="EB11" s="281">
        <v>16</v>
      </c>
      <c r="EC11" s="278">
        <v>253</v>
      </c>
      <c r="ED11" s="283">
        <v>291</v>
      </c>
      <c r="EE11" s="277">
        <v>5</v>
      </c>
      <c r="EF11" s="281">
        <v>5</v>
      </c>
      <c r="EG11" s="278">
        <v>10</v>
      </c>
      <c r="EH11" s="280">
        <v>0</v>
      </c>
      <c r="EI11" s="281">
        <v>13</v>
      </c>
      <c r="EJ11" s="281">
        <v>6</v>
      </c>
      <c r="EK11" s="281">
        <v>9</v>
      </c>
      <c r="EL11" s="281">
        <v>8</v>
      </c>
      <c r="EM11" s="281">
        <v>6</v>
      </c>
      <c r="EN11" s="278">
        <v>42</v>
      </c>
      <c r="EO11" s="283">
        <v>52</v>
      </c>
      <c r="EP11" s="277">
        <v>27</v>
      </c>
      <c r="EQ11" s="281">
        <v>28</v>
      </c>
      <c r="ER11" s="278">
        <v>55</v>
      </c>
      <c r="ES11" s="280">
        <v>0</v>
      </c>
      <c r="ET11" s="281">
        <v>111</v>
      </c>
      <c r="EU11" s="281">
        <v>104</v>
      </c>
      <c r="EV11" s="281">
        <v>64</v>
      </c>
      <c r="EW11" s="281">
        <v>33</v>
      </c>
      <c r="EX11" s="281">
        <v>14</v>
      </c>
      <c r="EY11" s="278">
        <v>326</v>
      </c>
      <c r="EZ11" s="283">
        <v>381</v>
      </c>
    </row>
    <row r="12" spans="2:156" ht="19.5" customHeight="1" x14ac:dyDescent="0.2">
      <c r="B12" s="262" t="s">
        <v>9</v>
      </c>
      <c r="C12" s="277">
        <v>0</v>
      </c>
      <c r="D12" s="281">
        <v>0</v>
      </c>
      <c r="E12" s="385">
        <v>0</v>
      </c>
      <c r="F12" s="280">
        <v>0</v>
      </c>
      <c r="G12" s="281">
        <v>53</v>
      </c>
      <c r="H12" s="281">
        <v>49</v>
      </c>
      <c r="I12" s="281">
        <v>35</v>
      </c>
      <c r="J12" s="281">
        <v>27</v>
      </c>
      <c r="K12" s="281">
        <v>18</v>
      </c>
      <c r="L12" s="282">
        <v>182</v>
      </c>
      <c r="M12" s="283">
        <v>182</v>
      </c>
      <c r="N12" s="277">
        <v>0</v>
      </c>
      <c r="O12" s="281">
        <v>0</v>
      </c>
      <c r="P12" s="278">
        <v>0</v>
      </c>
      <c r="Q12" s="280">
        <v>0</v>
      </c>
      <c r="R12" s="281">
        <v>0</v>
      </c>
      <c r="S12" s="281">
        <v>0</v>
      </c>
      <c r="T12" s="281">
        <v>3</v>
      </c>
      <c r="U12" s="281">
        <v>0</v>
      </c>
      <c r="V12" s="281">
        <v>8</v>
      </c>
      <c r="W12" s="278">
        <v>11</v>
      </c>
      <c r="X12" s="283">
        <v>11</v>
      </c>
      <c r="Y12" s="277">
        <v>1</v>
      </c>
      <c r="Z12" s="281">
        <v>4</v>
      </c>
      <c r="AA12" s="278">
        <v>5</v>
      </c>
      <c r="AB12" s="280">
        <v>0</v>
      </c>
      <c r="AC12" s="281">
        <v>38</v>
      </c>
      <c r="AD12" s="281">
        <v>27</v>
      </c>
      <c r="AE12" s="281">
        <v>23</v>
      </c>
      <c r="AF12" s="281">
        <v>21</v>
      </c>
      <c r="AG12" s="281">
        <v>17</v>
      </c>
      <c r="AH12" s="278">
        <v>126</v>
      </c>
      <c r="AI12" s="283">
        <v>131</v>
      </c>
      <c r="AJ12" s="277">
        <v>1</v>
      </c>
      <c r="AK12" s="281">
        <v>0</v>
      </c>
      <c r="AL12" s="278">
        <v>1</v>
      </c>
      <c r="AM12" s="280">
        <v>0</v>
      </c>
      <c r="AN12" s="281">
        <v>2</v>
      </c>
      <c r="AO12" s="281">
        <v>5</v>
      </c>
      <c r="AP12" s="281">
        <v>3</v>
      </c>
      <c r="AQ12" s="281">
        <v>5</v>
      </c>
      <c r="AR12" s="281">
        <v>1</v>
      </c>
      <c r="AS12" s="278">
        <v>16</v>
      </c>
      <c r="AT12" s="283">
        <v>17</v>
      </c>
      <c r="AU12" s="277">
        <v>16</v>
      </c>
      <c r="AV12" s="281">
        <v>9</v>
      </c>
      <c r="AW12" s="278">
        <v>25</v>
      </c>
      <c r="AX12" s="280">
        <v>0</v>
      </c>
      <c r="AY12" s="281">
        <v>59</v>
      </c>
      <c r="AZ12" s="281">
        <v>41</v>
      </c>
      <c r="BA12" s="281">
        <v>49</v>
      </c>
      <c r="BB12" s="281">
        <v>38</v>
      </c>
      <c r="BC12" s="281">
        <v>27</v>
      </c>
      <c r="BD12" s="282">
        <v>214</v>
      </c>
      <c r="BE12" s="283">
        <v>239</v>
      </c>
      <c r="BF12" s="277">
        <v>0</v>
      </c>
      <c r="BG12" s="281">
        <v>0</v>
      </c>
      <c r="BH12" s="278">
        <v>0</v>
      </c>
      <c r="BI12" s="280">
        <v>0</v>
      </c>
      <c r="BJ12" s="281">
        <v>46</v>
      </c>
      <c r="BK12" s="281">
        <v>39</v>
      </c>
      <c r="BL12" s="281">
        <v>33</v>
      </c>
      <c r="BM12" s="281">
        <v>13</v>
      </c>
      <c r="BN12" s="281">
        <v>8</v>
      </c>
      <c r="BO12" s="278">
        <v>139</v>
      </c>
      <c r="BP12" s="283">
        <v>139</v>
      </c>
      <c r="BQ12" s="277">
        <v>5</v>
      </c>
      <c r="BR12" s="281">
        <v>3</v>
      </c>
      <c r="BS12" s="278">
        <v>8</v>
      </c>
      <c r="BT12" s="280">
        <v>0</v>
      </c>
      <c r="BU12" s="281">
        <v>17</v>
      </c>
      <c r="BV12" s="281">
        <v>18</v>
      </c>
      <c r="BW12" s="281">
        <v>8</v>
      </c>
      <c r="BX12" s="281">
        <v>10</v>
      </c>
      <c r="BY12" s="281">
        <v>1</v>
      </c>
      <c r="BZ12" s="278">
        <v>54</v>
      </c>
      <c r="CA12" s="283">
        <v>62</v>
      </c>
      <c r="CB12" s="277">
        <v>0</v>
      </c>
      <c r="CC12" s="281">
        <v>0</v>
      </c>
      <c r="CD12" s="278">
        <v>0</v>
      </c>
      <c r="CE12" s="280">
        <v>0</v>
      </c>
      <c r="CF12" s="281">
        <v>7</v>
      </c>
      <c r="CG12" s="281">
        <v>8</v>
      </c>
      <c r="CH12" s="281">
        <v>10</v>
      </c>
      <c r="CI12" s="281">
        <v>7</v>
      </c>
      <c r="CJ12" s="281">
        <v>4</v>
      </c>
      <c r="CK12" s="278">
        <v>36</v>
      </c>
      <c r="CL12" s="283">
        <v>36</v>
      </c>
      <c r="CM12" s="277">
        <v>0</v>
      </c>
      <c r="CN12" s="281">
        <v>0</v>
      </c>
      <c r="CO12" s="278">
        <v>0</v>
      </c>
      <c r="CP12" s="280">
        <v>0</v>
      </c>
      <c r="CQ12" s="281">
        <v>1</v>
      </c>
      <c r="CR12" s="281">
        <v>2</v>
      </c>
      <c r="CS12" s="281">
        <v>1</v>
      </c>
      <c r="CT12" s="281">
        <v>2</v>
      </c>
      <c r="CU12" s="281">
        <v>0</v>
      </c>
      <c r="CV12" s="278">
        <v>6</v>
      </c>
      <c r="CW12" s="283">
        <v>6</v>
      </c>
      <c r="CX12" s="277">
        <v>0</v>
      </c>
      <c r="CY12" s="281">
        <v>0</v>
      </c>
      <c r="CZ12" s="278">
        <v>0</v>
      </c>
      <c r="DA12" s="280">
        <v>0</v>
      </c>
      <c r="DB12" s="281">
        <v>0</v>
      </c>
      <c r="DC12" s="281">
        <v>0</v>
      </c>
      <c r="DD12" s="281">
        <v>0</v>
      </c>
      <c r="DE12" s="281">
        <v>0</v>
      </c>
      <c r="DF12" s="281">
        <v>0</v>
      </c>
      <c r="DG12" s="278">
        <v>0</v>
      </c>
      <c r="DH12" s="283">
        <v>0</v>
      </c>
      <c r="DI12" s="277">
        <v>0</v>
      </c>
      <c r="DJ12" s="281">
        <v>0</v>
      </c>
      <c r="DK12" s="278">
        <v>0</v>
      </c>
      <c r="DL12" s="280">
        <v>0</v>
      </c>
      <c r="DM12" s="281">
        <v>0</v>
      </c>
      <c r="DN12" s="281">
        <v>0</v>
      </c>
      <c r="DO12" s="281">
        <v>0</v>
      </c>
      <c r="DP12" s="281">
        <v>0</v>
      </c>
      <c r="DQ12" s="281">
        <v>0</v>
      </c>
      <c r="DR12" s="278">
        <v>0</v>
      </c>
      <c r="DS12" s="283">
        <v>0</v>
      </c>
      <c r="DT12" s="277">
        <v>30</v>
      </c>
      <c r="DU12" s="281">
        <v>26</v>
      </c>
      <c r="DV12" s="278">
        <v>56</v>
      </c>
      <c r="DW12" s="280">
        <v>0</v>
      </c>
      <c r="DX12" s="281">
        <v>87</v>
      </c>
      <c r="DY12" s="281">
        <v>91</v>
      </c>
      <c r="DZ12" s="281">
        <v>68</v>
      </c>
      <c r="EA12" s="281">
        <v>47</v>
      </c>
      <c r="EB12" s="281">
        <v>33</v>
      </c>
      <c r="EC12" s="278">
        <v>326</v>
      </c>
      <c r="ED12" s="283">
        <v>382</v>
      </c>
      <c r="EE12" s="277">
        <v>9</v>
      </c>
      <c r="EF12" s="281">
        <v>5</v>
      </c>
      <c r="EG12" s="278">
        <v>14</v>
      </c>
      <c r="EH12" s="280">
        <v>0</v>
      </c>
      <c r="EI12" s="281">
        <v>23</v>
      </c>
      <c r="EJ12" s="281">
        <v>15</v>
      </c>
      <c r="EK12" s="281">
        <v>12</v>
      </c>
      <c r="EL12" s="281">
        <v>11</v>
      </c>
      <c r="EM12" s="281">
        <v>8</v>
      </c>
      <c r="EN12" s="278">
        <v>69</v>
      </c>
      <c r="EO12" s="283">
        <v>83</v>
      </c>
      <c r="EP12" s="277">
        <v>35</v>
      </c>
      <c r="EQ12" s="281">
        <v>30</v>
      </c>
      <c r="ER12" s="278">
        <v>65</v>
      </c>
      <c r="ES12" s="280">
        <v>0</v>
      </c>
      <c r="ET12" s="281">
        <v>159</v>
      </c>
      <c r="EU12" s="281">
        <v>127</v>
      </c>
      <c r="EV12" s="281">
        <v>81</v>
      </c>
      <c r="EW12" s="281">
        <v>51</v>
      </c>
      <c r="EX12" s="281">
        <v>32</v>
      </c>
      <c r="EY12" s="278">
        <v>450</v>
      </c>
      <c r="EZ12" s="283">
        <v>515</v>
      </c>
    </row>
    <row r="13" spans="2:156" ht="19.5" customHeight="1" x14ac:dyDescent="0.2">
      <c r="B13" s="262" t="s">
        <v>10</v>
      </c>
      <c r="C13" s="277">
        <v>0</v>
      </c>
      <c r="D13" s="281">
        <v>0</v>
      </c>
      <c r="E13" s="385">
        <v>0</v>
      </c>
      <c r="F13" s="280">
        <v>0</v>
      </c>
      <c r="G13" s="281">
        <v>87</v>
      </c>
      <c r="H13" s="281">
        <v>55</v>
      </c>
      <c r="I13" s="281">
        <v>47</v>
      </c>
      <c r="J13" s="281">
        <v>22</v>
      </c>
      <c r="K13" s="281">
        <v>19</v>
      </c>
      <c r="L13" s="282">
        <v>230</v>
      </c>
      <c r="M13" s="283">
        <v>230</v>
      </c>
      <c r="N13" s="277">
        <v>0</v>
      </c>
      <c r="O13" s="281">
        <v>0</v>
      </c>
      <c r="P13" s="278">
        <v>0</v>
      </c>
      <c r="Q13" s="280">
        <v>0</v>
      </c>
      <c r="R13" s="281">
        <v>0</v>
      </c>
      <c r="S13" s="281">
        <v>2</v>
      </c>
      <c r="T13" s="281">
        <v>4</v>
      </c>
      <c r="U13" s="281">
        <v>13</v>
      </c>
      <c r="V13" s="281">
        <v>13</v>
      </c>
      <c r="W13" s="278">
        <v>32</v>
      </c>
      <c r="X13" s="283">
        <v>32</v>
      </c>
      <c r="Y13" s="277">
        <v>19</v>
      </c>
      <c r="Z13" s="281">
        <v>20</v>
      </c>
      <c r="AA13" s="278">
        <v>39</v>
      </c>
      <c r="AB13" s="280">
        <v>0</v>
      </c>
      <c r="AC13" s="281">
        <v>59</v>
      </c>
      <c r="AD13" s="281">
        <v>41</v>
      </c>
      <c r="AE13" s="281">
        <v>34</v>
      </c>
      <c r="AF13" s="281">
        <v>23</v>
      </c>
      <c r="AG13" s="281">
        <v>16</v>
      </c>
      <c r="AH13" s="278">
        <v>173</v>
      </c>
      <c r="AI13" s="283">
        <v>212</v>
      </c>
      <c r="AJ13" s="277">
        <v>2</v>
      </c>
      <c r="AK13" s="281">
        <v>4</v>
      </c>
      <c r="AL13" s="278">
        <v>6</v>
      </c>
      <c r="AM13" s="280">
        <v>0</v>
      </c>
      <c r="AN13" s="281">
        <v>11</v>
      </c>
      <c r="AO13" s="281">
        <v>4</v>
      </c>
      <c r="AP13" s="281">
        <v>3</v>
      </c>
      <c r="AQ13" s="281">
        <v>5</v>
      </c>
      <c r="AR13" s="281">
        <v>3</v>
      </c>
      <c r="AS13" s="278">
        <v>26</v>
      </c>
      <c r="AT13" s="283">
        <v>32</v>
      </c>
      <c r="AU13" s="277">
        <v>14</v>
      </c>
      <c r="AV13" s="281">
        <v>23</v>
      </c>
      <c r="AW13" s="278">
        <v>37</v>
      </c>
      <c r="AX13" s="280">
        <v>0</v>
      </c>
      <c r="AY13" s="281">
        <v>83</v>
      </c>
      <c r="AZ13" s="281">
        <v>76</v>
      </c>
      <c r="BA13" s="281">
        <v>69</v>
      </c>
      <c r="BB13" s="281">
        <v>59</v>
      </c>
      <c r="BC13" s="281">
        <v>48</v>
      </c>
      <c r="BD13" s="282">
        <v>335</v>
      </c>
      <c r="BE13" s="283">
        <v>372</v>
      </c>
      <c r="BF13" s="277">
        <v>0</v>
      </c>
      <c r="BG13" s="281">
        <v>0</v>
      </c>
      <c r="BH13" s="278">
        <v>0</v>
      </c>
      <c r="BI13" s="280">
        <v>0</v>
      </c>
      <c r="BJ13" s="281">
        <v>123</v>
      </c>
      <c r="BK13" s="281">
        <v>63</v>
      </c>
      <c r="BL13" s="281">
        <v>46</v>
      </c>
      <c r="BM13" s="281">
        <v>16</v>
      </c>
      <c r="BN13" s="281">
        <v>7</v>
      </c>
      <c r="BO13" s="278">
        <v>255</v>
      </c>
      <c r="BP13" s="283">
        <v>255</v>
      </c>
      <c r="BQ13" s="277">
        <v>4</v>
      </c>
      <c r="BR13" s="281">
        <v>3</v>
      </c>
      <c r="BS13" s="278">
        <v>7</v>
      </c>
      <c r="BT13" s="280">
        <v>0</v>
      </c>
      <c r="BU13" s="281">
        <v>21</v>
      </c>
      <c r="BV13" s="281">
        <v>10</v>
      </c>
      <c r="BW13" s="281">
        <v>10</v>
      </c>
      <c r="BX13" s="281">
        <v>3</v>
      </c>
      <c r="BY13" s="281">
        <v>1</v>
      </c>
      <c r="BZ13" s="278">
        <v>45</v>
      </c>
      <c r="CA13" s="283">
        <v>52</v>
      </c>
      <c r="CB13" s="277">
        <v>0</v>
      </c>
      <c r="CC13" s="281">
        <v>1</v>
      </c>
      <c r="CD13" s="278">
        <v>1</v>
      </c>
      <c r="CE13" s="280">
        <v>0</v>
      </c>
      <c r="CF13" s="281">
        <v>16</v>
      </c>
      <c r="CG13" s="281">
        <v>18</v>
      </c>
      <c r="CH13" s="281">
        <v>21</v>
      </c>
      <c r="CI13" s="281">
        <v>6</v>
      </c>
      <c r="CJ13" s="281">
        <v>3</v>
      </c>
      <c r="CK13" s="278">
        <v>64</v>
      </c>
      <c r="CL13" s="283">
        <v>65</v>
      </c>
      <c r="CM13" s="277">
        <v>0</v>
      </c>
      <c r="CN13" s="281">
        <v>0</v>
      </c>
      <c r="CO13" s="278">
        <v>0</v>
      </c>
      <c r="CP13" s="280">
        <v>0</v>
      </c>
      <c r="CQ13" s="281">
        <v>1</v>
      </c>
      <c r="CR13" s="281">
        <v>3</v>
      </c>
      <c r="CS13" s="281">
        <v>3</v>
      </c>
      <c r="CT13" s="281">
        <v>1</v>
      </c>
      <c r="CU13" s="281">
        <v>0</v>
      </c>
      <c r="CV13" s="278">
        <v>8</v>
      </c>
      <c r="CW13" s="283">
        <v>8</v>
      </c>
      <c r="CX13" s="277">
        <v>0</v>
      </c>
      <c r="CY13" s="281">
        <v>0</v>
      </c>
      <c r="CZ13" s="278">
        <v>0</v>
      </c>
      <c r="DA13" s="280">
        <v>0</v>
      </c>
      <c r="DB13" s="281">
        <v>0</v>
      </c>
      <c r="DC13" s="281">
        <v>0</v>
      </c>
      <c r="DD13" s="281">
        <v>0</v>
      </c>
      <c r="DE13" s="281">
        <v>0</v>
      </c>
      <c r="DF13" s="281">
        <v>0</v>
      </c>
      <c r="DG13" s="278">
        <v>0</v>
      </c>
      <c r="DH13" s="283">
        <v>0</v>
      </c>
      <c r="DI13" s="277">
        <v>0</v>
      </c>
      <c r="DJ13" s="281">
        <v>0</v>
      </c>
      <c r="DK13" s="278">
        <v>0</v>
      </c>
      <c r="DL13" s="280">
        <v>0</v>
      </c>
      <c r="DM13" s="281">
        <v>0</v>
      </c>
      <c r="DN13" s="281">
        <v>0</v>
      </c>
      <c r="DO13" s="281">
        <v>0</v>
      </c>
      <c r="DP13" s="281">
        <v>0</v>
      </c>
      <c r="DQ13" s="281">
        <v>0</v>
      </c>
      <c r="DR13" s="278">
        <v>0</v>
      </c>
      <c r="DS13" s="283">
        <v>0</v>
      </c>
      <c r="DT13" s="277">
        <v>64</v>
      </c>
      <c r="DU13" s="281">
        <v>86</v>
      </c>
      <c r="DV13" s="278">
        <v>150</v>
      </c>
      <c r="DW13" s="280">
        <v>0</v>
      </c>
      <c r="DX13" s="281">
        <v>139</v>
      </c>
      <c r="DY13" s="281">
        <v>131</v>
      </c>
      <c r="DZ13" s="281">
        <v>88</v>
      </c>
      <c r="EA13" s="281">
        <v>54</v>
      </c>
      <c r="EB13" s="281">
        <v>31</v>
      </c>
      <c r="EC13" s="278">
        <v>443</v>
      </c>
      <c r="ED13" s="283">
        <v>593</v>
      </c>
      <c r="EE13" s="277">
        <v>9</v>
      </c>
      <c r="EF13" s="281">
        <v>8</v>
      </c>
      <c r="EG13" s="278">
        <v>17</v>
      </c>
      <c r="EH13" s="280">
        <v>0</v>
      </c>
      <c r="EI13" s="281">
        <v>33</v>
      </c>
      <c r="EJ13" s="281">
        <v>14</v>
      </c>
      <c r="EK13" s="281">
        <v>16</v>
      </c>
      <c r="EL13" s="281">
        <v>15</v>
      </c>
      <c r="EM13" s="281">
        <v>12</v>
      </c>
      <c r="EN13" s="278">
        <v>90</v>
      </c>
      <c r="EO13" s="283">
        <v>107</v>
      </c>
      <c r="EP13" s="277">
        <v>82</v>
      </c>
      <c r="EQ13" s="281">
        <v>101</v>
      </c>
      <c r="ER13" s="278">
        <v>183</v>
      </c>
      <c r="ES13" s="280">
        <v>0</v>
      </c>
      <c r="ET13" s="281">
        <v>271</v>
      </c>
      <c r="EU13" s="281">
        <v>159</v>
      </c>
      <c r="EV13" s="281">
        <v>100</v>
      </c>
      <c r="EW13" s="281">
        <v>60</v>
      </c>
      <c r="EX13" s="281">
        <v>32</v>
      </c>
      <c r="EY13" s="278">
        <v>622</v>
      </c>
      <c r="EZ13" s="283">
        <v>805</v>
      </c>
    </row>
    <row r="14" spans="2:156" ht="19.5" customHeight="1" x14ac:dyDescent="0.2">
      <c r="B14" s="262" t="s">
        <v>11</v>
      </c>
      <c r="C14" s="277">
        <v>0</v>
      </c>
      <c r="D14" s="281">
        <v>0</v>
      </c>
      <c r="E14" s="385">
        <v>0</v>
      </c>
      <c r="F14" s="280">
        <v>0</v>
      </c>
      <c r="G14" s="281">
        <v>16</v>
      </c>
      <c r="H14" s="281">
        <v>13</v>
      </c>
      <c r="I14" s="281">
        <v>15</v>
      </c>
      <c r="J14" s="281">
        <v>16</v>
      </c>
      <c r="K14" s="281">
        <v>6</v>
      </c>
      <c r="L14" s="282">
        <v>66</v>
      </c>
      <c r="M14" s="283">
        <v>66</v>
      </c>
      <c r="N14" s="277">
        <v>0</v>
      </c>
      <c r="O14" s="281">
        <v>0</v>
      </c>
      <c r="P14" s="278">
        <v>0</v>
      </c>
      <c r="Q14" s="280">
        <v>0</v>
      </c>
      <c r="R14" s="281">
        <v>0</v>
      </c>
      <c r="S14" s="281">
        <v>0</v>
      </c>
      <c r="T14" s="281">
        <v>3</v>
      </c>
      <c r="U14" s="281">
        <v>5</v>
      </c>
      <c r="V14" s="281">
        <v>3</v>
      </c>
      <c r="W14" s="278">
        <v>11</v>
      </c>
      <c r="X14" s="283">
        <v>11</v>
      </c>
      <c r="Y14" s="277">
        <v>3</v>
      </c>
      <c r="Z14" s="281">
        <v>3</v>
      </c>
      <c r="AA14" s="278">
        <v>6</v>
      </c>
      <c r="AB14" s="280">
        <v>0</v>
      </c>
      <c r="AC14" s="281">
        <v>18</v>
      </c>
      <c r="AD14" s="281">
        <v>15</v>
      </c>
      <c r="AE14" s="281">
        <v>16</v>
      </c>
      <c r="AF14" s="281">
        <v>12</v>
      </c>
      <c r="AG14" s="281">
        <v>7</v>
      </c>
      <c r="AH14" s="278">
        <v>68</v>
      </c>
      <c r="AI14" s="283">
        <v>74</v>
      </c>
      <c r="AJ14" s="277">
        <v>0</v>
      </c>
      <c r="AK14" s="281">
        <v>2</v>
      </c>
      <c r="AL14" s="278">
        <v>2</v>
      </c>
      <c r="AM14" s="280">
        <v>0</v>
      </c>
      <c r="AN14" s="281">
        <v>2</v>
      </c>
      <c r="AO14" s="281">
        <v>1</v>
      </c>
      <c r="AP14" s="281">
        <v>1</v>
      </c>
      <c r="AQ14" s="281">
        <v>5</v>
      </c>
      <c r="AR14" s="281">
        <v>0</v>
      </c>
      <c r="AS14" s="278">
        <v>9</v>
      </c>
      <c r="AT14" s="283">
        <v>11</v>
      </c>
      <c r="AU14" s="277">
        <v>6</v>
      </c>
      <c r="AV14" s="281">
        <v>7</v>
      </c>
      <c r="AW14" s="278">
        <v>13</v>
      </c>
      <c r="AX14" s="280">
        <v>0</v>
      </c>
      <c r="AY14" s="281">
        <v>31</v>
      </c>
      <c r="AZ14" s="281">
        <v>26</v>
      </c>
      <c r="BA14" s="281">
        <v>35</v>
      </c>
      <c r="BB14" s="281">
        <v>30</v>
      </c>
      <c r="BC14" s="281">
        <v>16</v>
      </c>
      <c r="BD14" s="282">
        <v>138</v>
      </c>
      <c r="BE14" s="283">
        <v>151</v>
      </c>
      <c r="BF14" s="277">
        <v>0</v>
      </c>
      <c r="BG14" s="281">
        <v>0</v>
      </c>
      <c r="BH14" s="278">
        <v>0</v>
      </c>
      <c r="BI14" s="280">
        <v>0</v>
      </c>
      <c r="BJ14" s="281">
        <v>39</v>
      </c>
      <c r="BK14" s="281">
        <v>20</v>
      </c>
      <c r="BL14" s="281">
        <v>20</v>
      </c>
      <c r="BM14" s="281">
        <v>13</v>
      </c>
      <c r="BN14" s="281">
        <v>2</v>
      </c>
      <c r="BO14" s="278">
        <v>94</v>
      </c>
      <c r="BP14" s="283">
        <v>94</v>
      </c>
      <c r="BQ14" s="277">
        <v>3</v>
      </c>
      <c r="BR14" s="281">
        <v>2</v>
      </c>
      <c r="BS14" s="278">
        <v>5</v>
      </c>
      <c r="BT14" s="280">
        <v>0</v>
      </c>
      <c r="BU14" s="281">
        <v>15</v>
      </c>
      <c r="BV14" s="281">
        <v>10</v>
      </c>
      <c r="BW14" s="281">
        <v>4</v>
      </c>
      <c r="BX14" s="281">
        <v>6</v>
      </c>
      <c r="BY14" s="281">
        <v>1</v>
      </c>
      <c r="BZ14" s="278">
        <v>36</v>
      </c>
      <c r="CA14" s="283">
        <v>41</v>
      </c>
      <c r="CB14" s="277">
        <v>2</v>
      </c>
      <c r="CC14" s="281">
        <v>1</v>
      </c>
      <c r="CD14" s="278">
        <v>3</v>
      </c>
      <c r="CE14" s="280">
        <v>0</v>
      </c>
      <c r="CF14" s="281">
        <v>3</v>
      </c>
      <c r="CG14" s="281">
        <v>6</v>
      </c>
      <c r="CH14" s="281">
        <v>5</v>
      </c>
      <c r="CI14" s="281">
        <v>8</v>
      </c>
      <c r="CJ14" s="281">
        <v>0</v>
      </c>
      <c r="CK14" s="278">
        <v>22</v>
      </c>
      <c r="CL14" s="283">
        <v>25</v>
      </c>
      <c r="CM14" s="277">
        <v>0</v>
      </c>
      <c r="CN14" s="281">
        <v>0</v>
      </c>
      <c r="CO14" s="278">
        <v>0</v>
      </c>
      <c r="CP14" s="280">
        <v>0</v>
      </c>
      <c r="CQ14" s="281">
        <v>0</v>
      </c>
      <c r="CR14" s="281">
        <v>2</v>
      </c>
      <c r="CS14" s="281">
        <v>0</v>
      </c>
      <c r="CT14" s="281">
        <v>2</v>
      </c>
      <c r="CU14" s="281">
        <v>0</v>
      </c>
      <c r="CV14" s="278">
        <v>4</v>
      </c>
      <c r="CW14" s="283">
        <v>4</v>
      </c>
      <c r="CX14" s="277">
        <v>0</v>
      </c>
      <c r="CY14" s="281">
        <v>0</v>
      </c>
      <c r="CZ14" s="278">
        <v>0</v>
      </c>
      <c r="DA14" s="280">
        <v>0</v>
      </c>
      <c r="DB14" s="281">
        <v>0</v>
      </c>
      <c r="DC14" s="281">
        <v>0</v>
      </c>
      <c r="DD14" s="281">
        <v>0</v>
      </c>
      <c r="DE14" s="281">
        <v>0</v>
      </c>
      <c r="DF14" s="281">
        <v>0</v>
      </c>
      <c r="DG14" s="278">
        <v>0</v>
      </c>
      <c r="DH14" s="283">
        <v>0</v>
      </c>
      <c r="DI14" s="277">
        <v>0</v>
      </c>
      <c r="DJ14" s="281">
        <v>0</v>
      </c>
      <c r="DK14" s="278">
        <v>0</v>
      </c>
      <c r="DL14" s="280">
        <v>0</v>
      </c>
      <c r="DM14" s="281">
        <v>0</v>
      </c>
      <c r="DN14" s="281">
        <v>0</v>
      </c>
      <c r="DO14" s="281">
        <v>0</v>
      </c>
      <c r="DP14" s="281">
        <v>0</v>
      </c>
      <c r="DQ14" s="281">
        <v>0</v>
      </c>
      <c r="DR14" s="278">
        <v>0</v>
      </c>
      <c r="DS14" s="283">
        <v>0</v>
      </c>
      <c r="DT14" s="277">
        <v>21</v>
      </c>
      <c r="DU14" s="281">
        <v>27</v>
      </c>
      <c r="DV14" s="278">
        <v>48</v>
      </c>
      <c r="DW14" s="280">
        <v>0</v>
      </c>
      <c r="DX14" s="281">
        <v>54</v>
      </c>
      <c r="DY14" s="281">
        <v>50</v>
      </c>
      <c r="DZ14" s="281">
        <v>45</v>
      </c>
      <c r="EA14" s="281">
        <v>32</v>
      </c>
      <c r="EB14" s="281">
        <v>11</v>
      </c>
      <c r="EC14" s="278">
        <v>192</v>
      </c>
      <c r="ED14" s="283">
        <v>240</v>
      </c>
      <c r="EE14" s="277">
        <v>4</v>
      </c>
      <c r="EF14" s="281">
        <v>3</v>
      </c>
      <c r="EG14" s="278">
        <v>7</v>
      </c>
      <c r="EH14" s="280">
        <v>0</v>
      </c>
      <c r="EI14" s="281">
        <v>19</v>
      </c>
      <c r="EJ14" s="281">
        <v>21</v>
      </c>
      <c r="EK14" s="281">
        <v>13</v>
      </c>
      <c r="EL14" s="281">
        <v>15</v>
      </c>
      <c r="EM14" s="281">
        <v>7</v>
      </c>
      <c r="EN14" s="278">
        <v>75</v>
      </c>
      <c r="EO14" s="283">
        <v>82</v>
      </c>
      <c r="EP14" s="277">
        <v>29</v>
      </c>
      <c r="EQ14" s="281">
        <v>30</v>
      </c>
      <c r="ER14" s="278">
        <v>59</v>
      </c>
      <c r="ES14" s="280">
        <v>0</v>
      </c>
      <c r="ET14" s="281">
        <v>105</v>
      </c>
      <c r="EU14" s="281">
        <v>61</v>
      </c>
      <c r="EV14" s="281">
        <v>55</v>
      </c>
      <c r="EW14" s="281">
        <v>34</v>
      </c>
      <c r="EX14" s="281">
        <v>12</v>
      </c>
      <c r="EY14" s="278">
        <v>267</v>
      </c>
      <c r="EZ14" s="283">
        <v>326</v>
      </c>
    </row>
    <row r="15" spans="2:156" ht="19.5" customHeight="1" x14ac:dyDescent="0.2">
      <c r="B15" s="262" t="s">
        <v>12</v>
      </c>
      <c r="C15" s="277">
        <v>0</v>
      </c>
      <c r="D15" s="281">
        <v>0</v>
      </c>
      <c r="E15" s="385">
        <v>0</v>
      </c>
      <c r="F15" s="280">
        <v>0</v>
      </c>
      <c r="G15" s="281">
        <v>39</v>
      </c>
      <c r="H15" s="281">
        <v>30</v>
      </c>
      <c r="I15" s="281">
        <v>21</v>
      </c>
      <c r="J15" s="281">
        <v>18</v>
      </c>
      <c r="K15" s="281">
        <v>15</v>
      </c>
      <c r="L15" s="282">
        <v>123</v>
      </c>
      <c r="M15" s="283">
        <v>123</v>
      </c>
      <c r="N15" s="277">
        <v>0</v>
      </c>
      <c r="O15" s="281">
        <v>0</v>
      </c>
      <c r="P15" s="278">
        <v>0</v>
      </c>
      <c r="Q15" s="280">
        <v>0</v>
      </c>
      <c r="R15" s="281">
        <v>0</v>
      </c>
      <c r="S15" s="281">
        <v>1</v>
      </c>
      <c r="T15" s="281">
        <v>2</v>
      </c>
      <c r="U15" s="281">
        <v>1</v>
      </c>
      <c r="V15" s="281">
        <v>9</v>
      </c>
      <c r="W15" s="278">
        <v>13</v>
      </c>
      <c r="X15" s="283">
        <v>13</v>
      </c>
      <c r="Y15" s="277">
        <v>21</v>
      </c>
      <c r="Z15" s="281">
        <v>18</v>
      </c>
      <c r="AA15" s="278">
        <v>39</v>
      </c>
      <c r="AB15" s="280">
        <v>0</v>
      </c>
      <c r="AC15" s="281">
        <v>31</v>
      </c>
      <c r="AD15" s="281">
        <v>40</v>
      </c>
      <c r="AE15" s="281">
        <v>19</v>
      </c>
      <c r="AF15" s="281">
        <v>11</v>
      </c>
      <c r="AG15" s="281">
        <v>11</v>
      </c>
      <c r="AH15" s="278">
        <v>112</v>
      </c>
      <c r="AI15" s="283">
        <v>151</v>
      </c>
      <c r="AJ15" s="277">
        <v>0</v>
      </c>
      <c r="AK15" s="281">
        <v>0</v>
      </c>
      <c r="AL15" s="278">
        <v>0</v>
      </c>
      <c r="AM15" s="280">
        <v>0</v>
      </c>
      <c r="AN15" s="281">
        <v>1</v>
      </c>
      <c r="AO15" s="281">
        <v>6</v>
      </c>
      <c r="AP15" s="281">
        <v>4</v>
      </c>
      <c r="AQ15" s="281">
        <v>1</v>
      </c>
      <c r="AR15" s="281">
        <v>1</v>
      </c>
      <c r="AS15" s="278">
        <v>13</v>
      </c>
      <c r="AT15" s="283">
        <v>13</v>
      </c>
      <c r="AU15" s="277">
        <v>6</v>
      </c>
      <c r="AV15" s="281">
        <v>13</v>
      </c>
      <c r="AW15" s="278">
        <v>19</v>
      </c>
      <c r="AX15" s="280">
        <v>0</v>
      </c>
      <c r="AY15" s="281">
        <v>31</v>
      </c>
      <c r="AZ15" s="281">
        <v>23</v>
      </c>
      <c r="BA15" s="281">
        <v>29</v>
      </c>
      <c r="BB15" s="281">
        <v>35</v>
      </c>
      <c r="BC15" s="281">
        <v>21</v>
      </c>
      <c r="BD15" s="282">
        <v>139</v>
      </c>
      <c r="BE15" s="283">
        <v>158</v>
      </c>
      <c r="BF15" s="277">
        <v>0</v>
      </c>
      <c r="BG15" s="281">
        <v>0</v>
      </c>
      <c r="BH15" s="278">
        <v>0</v>
      </c>
      <c r="BI15" s="280">
        <v>0</v>
      </c>
      <c r="BJ15" s="281">
        <v>52</v>
      </c>
      <c r="BK15" s="281">
        <v>26</v>
      </c>
      <c r="BL15" s="281">
        <v>23</v>
      </c>
      <c r="BM15" s="281">
        <v>9</v>
      </c>
      <c r="BN15" s="281">
        <v>5</v>
      </c>
      <c r="BO15" s="278">
        <v>115</v>
      </c>
      <c r="BP15" s="283">
        <v>115</v>
      </c>
      <c r="BQ15" s="277">
        <v>7</v>
      </c>
      <c r="BR15" s="281">
        <v>7</v>
      </c>
      <c r="BS15" s="278">
        <v>14</v>
      </c>
      <c r="BT15" s="280">
        <v>0</v>
      </c>
      <c r="BU15" s="281">
        <v>17</v>
      </c>
      <c r="BV15" s="281">
        <v>14</v>
      </c>
      <c r="BW15" s="281">
        <v>11</v>
      </c>
      <c r="BX15" s="281">
        <v>7</v>
      </c>
      <c r="BY15" s="281">
        <v>0</v>
      </c>
      <c r="BZ15" s="278">
        <v>49</v>
      </c>
      <c r="CA15" s="283">
        <v>63</v>
      </c>
      <c r="CB15" s="277">
        <v>2</v>
      </c>
      <c r="CC15" s="281">
        <v>0</v>
      </c>
      <c r="CD15" s="278">
        <v>2</v>
      </c>
      <c r="CE15" s="280">
        <v>0</v>
      </c>
      <c r="CF15" s="281">
        <v>6</v>
      </c>
      <c r="CG15" s="281">
        <v>5</v>
      </c>
      <c r="CH15" s="281">
        <v>12</v>
      </c>
      <c r="CI15" s="281">
        <v>9</v>
      </c>
      <c r="CJ15" s="281">
        <v>3</v>
      </c>
      <c r="CK15" s="278">
        <v>35</v>
      </c>
      <c r="CL15" s="283">
        <v>37</v>
      </c>
      <c r="CM15" s="277">
        <v>0</v>
      </c>
      <c r="CN15" s="281">
        <v>0</v>
      </c>
      <c r="CO15" s="278">
        <v>0</v>
      </c>
      <c r="CP15" s="280">
        <v>0</v>
      </c>
      <c r="CQ15" s="281">
        <v>0</v>
      </c>
      <c r="CR15" s="281">
        <v>1</v>
      </c>
      <c r="CS15" s="281">
        <v>2</v>
      </c>
      <c r="CT15" s="281">
        <v>0</v>
      </c>
      <c r="CU15" s="281">
        <v>0</v>
      </c>
      <c r="CV15" s="278">
        <v>3</v>
      </c>
      <c r="CW15" s="283">
        <v>3</v>
      </c>
      <c r="CX15" s="277">
        <v>0</v>
      </c>
      <c r="CY15" s="281">
        <v>0</v>
      </c>
      <c r="CZ15" s="278">
        <v>0</v>
      </c>
      <c r="DA15" s="280">
        <v>0</v>
      </c>
      <c r="DB15" s="281">
        <v>0</v>
      </c>
      <c r="DC15" s="281">
        <v>0</v>
      </c>
      <c r="DD15" s="281">
        <v>0</v>
      </c>
      <c r="DE15" s="281">
        <v>0</v>
      </c>
      <c r="DF15" s="281">
        <v>0</v>
      </c>
      <c r="DG15" s="278">
        <v>0</v>
      </c>
      <c r="DH15" s="283">
        <v>0</v>
      </c>
      <c r="DI15" s="277">
        <v>0</v>
      </c>
      <c r="DJ15" s="281">
        <v>0</v>
      </c>
      <c r="DK15" s="278">
        <v>0</v>
      </c>
      <c r="DL15" s="280">
        <v>0</v>
      </c>
      <c r="DM15" s="281">
        <v>0</v>
      </c>
      <c r="DN15" s="281">
        <v>0</v>
      </c>
      <c r="DO15" s="281">
        <v>0</v>
      </c>
      <c r="DP15" s="281">
        <v>0</v>
      </c>
      <c r="DQ15" s="281">
        <v>0</v>
      </c>
      <c r="DR15" s="278">
        <v>0</v>
      </c>
      <c r="DS15" s="283">
        <v>0</v>
      </c>
      <c r="DT15" s="277">
        <v>21</v>
      </c>
      <c r="DU15" s="281">
        <v>41</v>
      </c>
      <c r="DV15" s="278">
        <v>62</v>
      </c>
      <c r="DW15" s="280">
        <v>0</v>
      </c>
      <c r="DX15" s="281">
        <v>44</v>
      </c>
      <c r="DY15" s="281">
        <v>77</v>
      </c>
      <c r="DZ15" s="281">
        <v>63</v>
      </c>
      <c r="EA15" s="281">
        <v>43</v>
      </c>
      <c r="EB15" s="281">
        <v>24</v>
      </c>
      <c r="EC15" s="278">
        <v>251</v>
      </c>
      <c r="ED15" s="283">
        <v>313</v>
      </c>
      <c r="EE15" s="277">
        <v>1</v>
      </c>
      <c r="EF15" s="281">
        <v>5</v>
      </c>
      <c r="EG15" s="278">
        <v>6</v>
      </c>
      <c r="EH15" s="280">
        <v>0</v>
      </c>
      <c r="EI15" s="281">
        <v>7</v>
      </c>
      <c r="EJ15" s="281">
        <v>9</v>
      </c>
      <c r="EK15" s="281">
        <v>11</v>
      </c>
      <c r="EL15" s="281">
        <v>12</v>
      </c>
      <c r="EM15" s="281">
        <v>3</v>
      </c>
      <c r="EN15" s="278">
        <v>42</v>
      </c>
      <c r="EO15" s="283">
        <v>48</v>
      </c>
      <c r="EP15" s="277">
        <v>47</v>
      </c>
      <c r="EQ15" s="281">
        <v>54</v>
      </c>
      <c r="ER15" s="278">
        <v>101</v>
      </c>
      <c r="ES15" s="280">
        <v>0</v>
      </c>
      <c r="ET15" s="281">
        <v>122</v>
      </c>
      <c r="EU15" s="281">
        <v>99</v>
      </c>
      <c r="EV15" s="281">
        <v>65</v>
      </c>
      <c r="EW15" s="281">
        <v>38</v>
      </c>
      <c r="EX15" s="281">
        <v>24</v>
      </c>
      <c r="EY15" s="278">
        <v>348</v>
      </c>
      <c r="EZ15" s="283">
        <v>449</v>
      </c>
    </row>
    <row r="16" spans="2:156" ht="19.5" customHeight="1" x14ac:dyDescent="0.2">
      <c r="B16" s="262" t="s">
        <v>13</v>
      </c>
      <c r="C16" s="277">
        <v>0</v>
      </c>
      <c r="D16" s="281">
        <v>0</v>
      </c>
      <c r="E16" s="385">
        <v>0</v>
      </c>
      <c r="F16" s="280">
        <v>0</v>
      </c>
      <c r="G16" s="281">
        <v>21</v>
      </c>
      <c r="H16" s="281">
        <v>22</v>
      </c>
      <c r="I16" s="281">
        <v>8</v>
      </c>
      <c r="J16" s="281">
        <v>9</v>
      </c>
      <c r="K16" s="281">
        <v>7</v>
      </c>
      <c r="L16" s="282">
        <v>67</v>
      </c>
      <c r="M16" s="283">
        <v>67</v>
      </c>
      <c r="N16" s="277">
        <v>0</v>
      </c>
      <c r="O16" s="281">
        <v>0</v>
      </c>
      <c r="P16" s="278">
        <v>0</v>
      </c>
      <c r="Q16" s="280">
        <v>0</v>
      </c>
      <c r="R16" s="281">
        <v>0</v>
      </c>
      <c r="S16" s="281">
        <v>0</v>
      </c>
      <c r="T16" s="281">
        <v>0</v>
      </c>
      <c r="U16" s="281">
        <v>2</v>
      </c>
      <c r="V16" s="281">
        <v>4</v>
      </c>
      <c r="W16" s="278">
        <v>6</v>
      </c>
      <c r="X16" s="283">
        <v>6</v>
      </c>
      <c r="Y16" s="277">
        <v>1</v>
      </c>
      <c r="Z16" s="281">
        <v>1</v>
      </c>
      <c r="AA16" s="278">
        <v>2</v>
      </c>
      <c r="AB16" s="280">
        <v>0</v>
      </c>
      <c r="AC16" s="281">
        <v>7</v>
      </c>
      <c r="AD16" s="281">
        <v>15</v>
      </c>
      <c r="AE16" s="281">
        <v>6</v>
      </c>
      <c r="AF16" s="281">
        <v>12</v>
      </c>
      <c r="AG16" s="281">
        <v>7</v>
      </c>
      <c r="AH16" s="278">
        <v>47</v>
      </c>
      <c r="AI16" s="283">
        <v>49</v>
      </c>
      <c r="AJ16" s="277">
        <v>0</v>
      </c>
      <c r="AK16" s="281">
        <v>0</v>
      </c>
      <c r="AL16" s="278">
        <v>0</v>
      </c>
      <c r="AM16" s="280">
        <v>0</v>
      </c>
      <c r="AN16" s="281">
        <v>2</v>
      </c>
      <c r="AO16" s="281">
        <v>1</v>
      </c>
      <c r="AP16" s="281">
        <v>0</v>
      </c>
      <c r="AQ16" s="281">
        <v>1</v>
      </c>
      <c r="AR16" s="281">
        <v>1</v>
      </c>
      <c r="AS16" s="278">
        <v>5</v>
      </c>
      <c r="AT16" s="283">
        <v>5</v>
      </c>
      <c r="AU16" s="277">
        <v>2</v>
      </c>
      <c r="AV16" s="281">
        <v>0</v>
      </c>
      <c r="AW16" s="278">
        <v>2</v>
      </c>
      <c r="AX16" s="280">
        <v>0</v>
      </c>
      <c r="AY16" s="281">
        <v>14</v>
      </c>
      <c r="AZ16" s="281">
        <v>19</v>
      </c>
      <c r="BA16" s="281">
        <v>11</v>
      </c>
      <c r="BB16" s="281">
        <v>21</v>
      </c>
      <c r="BC16" s="281">
        <v>12</v>
      </c>
      <c r="BD16" s="282">
        <v>77</v>
      </c>
      <c r="BE16" s="283">
        <v>79</v>
      </c>
      <c r="BF16" s="277">
        <v>0</v>
      </c>
      <c r="BG16" s="281">
        <v>0</v>
      </c>
      <c r="BH16" s="278">
        <v>0</v>
      </c>
      <c r="BI16" s="280">
        <v>0</v>
      </c>
      <c r="BJ16" s="281">
        <v>15</v>
      </c>
      <c r="BK16" s="281">
        <v>22</v>
      </c>
      <c r="BL16" s="281">
        <v>11</v>
      </c>
      <c r="BM16" s="281">
        <v>7</v>
      </c>
      <c r="BN16" s="281">
        <v>2</v>
      </c>
      <c r="BO16" s="278">
        <v>57</v>
      </c>
      <c r="BP16" s="283">
        <v>57</v>
      </c>
      <c r="BQ16" s="277">
        <v>0</v>
      </c>
      <c r="BR16" s="281">
        <v>2</v>
      </c>
      <c r="BS16" s="278">
        <v>2</v>
      </c>
      <c r="BT16" s="280">
        <v>0</v>
      </c>
      <c r="BU16" s="281">
        <v>5</v>
      </c>
      <c r="BV16" s="281">
        <v>6</v>
      </c>
      <c r="BW16" s="281">
        <v>4</v>
      </c>
      <c r="BX16" s="281">
        <v>4</v>
      </c>
      <c r="BY16" s="281">
        <v>1</v>
      </c>
      <c r="BZ16" s="278">
        <v>20</v>
      </c>
      <c r="CA16" s="283">
        <v>22</v>
      </c>
      <c r="CB16" s="277">
        <v>0</v>
      </c>
      <c r="CC16" s="281">
        <v>0</v>
      </c>
      <c r="CD16" s="278">
        <v>0</v>
      </c>
      <c r="CE16" s="280">
        <v>0</v>
      </c>
      <c r="CF16" s="281">
        <v>3</v>
      </c>
      <c r="CG16" s="281">
        <v>4</v>
      </c>
      <c r="CH16" s="281">
        <v>5</v>
      </c>
      <c r="CI16" s="281">
        <v>5</v>
      </c>
      <c r="CJ16" s="281">
        <v>1</v>
      </c>
      <c r="CK16" s="278">
        <v>18</v>
      </c>
      <c r="CL16" s="283">
        <v>18</v>
      </c>
      <c r="CM16" s="277">
        <v>0</v>
      </c>
      <c r="CN16" s="281">
        <v>0</v>
      </c>
      <c r="CO16" s="278">
        <v>0</v>
      </c>
      <c r="CP16" s="280">
        <v>0</v>
      </c>
      <c r="CQ16" s="281">
        <v>1</v>
      </c>
      <c r="CR16" s="281">
        <v>2</v>
      </c>
      <c r="CS16" s="281">
        <v>0</v>
      </c>
      <c r="CT16" s="281">
        <v>0</v>
      </c>
      <c r="CU16" s="281">
        <v>1</v>
      </c>
      <c r="CV16" s="278">
        <v>4</v>
      </c>
      <c r="CW16" s="283">
        <v>4</v>
      </c>
      <c r="CX16" s="277">
        <v>0</v>
      </c>
      <c r="CY16" s="281">
        <v>0</v>
      </c>
      <c r="CZ16" s="278">
        <v>0</v>
      </c>
      <c r="DA16" s="280">
        <v>0</v>
      </c>
      <c r="DB16" s="281">
        <v>0</v>
      </c>
      <c r="DC16" s="281">
        <v>0</v>
      </c>
      <c r="DD16" s="281">
        <v>0</v>
      </c>
      <c r="DE16" s="281">
        <v>0</v>
      </c>
      <c r="DF16" s="281">
        <v>0</v>
      </c>
      <c r="DG16" s="278">
        <v>0</v>
      </c>
      <c r="DH16" s="283">
        <v>0</v>
      </c>
      <c r="DI16" s="277">
        <v>0</v>
      </c>
      <c r="DJ16" s="281">
        <v>0</v>
      </c>
      <c r="DK16" s="278">
        <v>0</v>
      </c>
      <c r="DL16" s="280">
        <v>0</v>
      </c>
      <c r="DM16" s="281">
        <v>0</v>
      </c>
      <c r="DN16" s="281">
        <v>0</v>
      </c>
      <c r="DO16" s="281">
        <v>0</v>
      </c>
      <c r="DP16" s="281">
        <v>0</v>
      </c>
      <c r="DQ16" s="281">
        <v>0</v>
      </c>
      <c r="DR16" s="278">
        <v>0</v>
      </c>
      <c r="DS16" s="283">
        <v>0</v>
      </c>
      <c r="DT16" s="277">
        <v>6</v>
      </c>
      <c r="DU16" s="281">
        <v>11</v>
      </c>
      <c r="DV16" s="278">
        <v>17</v>
      </c>
      <c r="DW16" s="280">
        <v>0</v>
      </c>
      <c r="DX16" s="281">
        <v>22</v>
      </c>
      <c r="DY16" s="281">
        <v>30</v>
      </c>
      <c r="DZ16" s="281">
        <v>20</v>
      </c>
      <c r="EA16" s="281">
        <v>20</v>
      </c>
      <c r="EB16" s="281">
        <v>7</v>
      </c>
      <c r="EC16" s="278">
        <v>99</v>
      </c>
      <c r="ED16" s="283">
        <v>116</v>
      </c>
      <c r="EE16" s="277">
        <v>1</v>
      </c>
      <c r="EF16" s="281">
        <v>0</v>
      </c>
      <c r="EG16" s="278">
        <v>1</v>
      </c>
      <c r="EH16" s="280">
        <v>0</v>
      </c>
      <c r="EI16" s="281">
        <v>4</v>
      </c>
      <c r="EJ16" s="281">
        <v>7</v>
      </c>
      <c r="EK16" s="281">
        <v>3</v>
      </c>
      <c r="EL16" s="281">
        <v>8</v>
      </c>
      <c r="EM16" s="281">
        <v>5</v>
      </c>
      <c r="EN16" s="278">
        <v>27</v>
      </c>
      <c r="EO16" s="283">
        <v>28</v>
      </c>
      <c r="EP16" s="277">
        <v>7</v>
      </c>
      <c r="EQ16" s="281">
        <v>12</v>
      </c>
      <c r="ER16" s="278">
        <v>19</v>
      </c>
      <c r="ES16" s="280">
        <v>0</v>
      </c>
      <c r="ET16" s="281">
        <v>54</v>
      </c>
      <c r="EU16" s="281">
        <v>50</v>
      </c>
      <c r="EV16" s="281">
        <v>26</v>
      </c>
      <c r="EW16" s="281">
        <v>23</v>
      </c>
      <c r="EX16" s="281">
        <v>9</v>
      </c>
      <c r="EY16" s="278">
        <v>162</v>
      </c>
      <c r="EZ16" s="283">
        <v>181</v>
      </c>
    </row>
    <row r="17" spans="2:156" ht="19.5" customHeight="1" x14ac:dyDescent="0.2">
      <c r="B17" s="262" t="s">
        <v>15</v>
      </c>
      <c r="C17" s="277">
        <v>0</v>
      </c>
      <c r="D17" s="281">
        <v>0</v>
      </c>
      <c r="E17" s="385">
        <v>0</v>
      </c>
      <c r="F17" s="280">
        <v>0</v>
      </c>
      <c r="G17" s="281">
        <v>5</v>
      </c>
      <c r="H17" s="281">
        <v>4</v>
      </c>
      <c r="I17" s="281">
        <v>7</v>
      </c>
      <c r="J17" s="281">
        <v>2</v>
      </c>
      <c r="K17" s="281">
        <v>2</v>
      </c>
      <c r="L17" s="282">
        <v>20</v>
      </c>
      <c r="M17" s="283">
        <v>20</v>
      </c>
      <c r="N17" s="277">
        <v>0</v>
      </c>
      <c r="O17" s="281">
        <v>0</v>
      </c>
      <c r="P17" s="278">
        <v>0</v>
      </c>
      <c r="Q17" s="280">
        <v>0</v>
      </c>
      <c r="R17" s="281">
        <v>0</v>
      </c>
      <c r="S17" s="281">
        <v>0</v>
      </c>
      <c r="T17" s="281">
        <v>0</v>
      </c>
      <c r="U17" s="281">
        <v>2</v>
      </c>
      <c r="V17" s="281">
        <v>0</v>
      </c>
      <c r="W17" s="278">
        <v>2</v>
      </c>
      <c r="X17" s="283">
        <v>2</v>
      </c>
      <c r="Y17" s="277">
        <v>0</v>
      </c>
      <c r="Z17" s="281">
        <v>1</v>
      </c>
      <c r="AA17" s="278">
        <v>1</v>
      </c>
      <c r="AB17" s="280">
        <v>0</v>
      </c>
      <c r="AC17" s="281">
        <v>2</v>
      </c>
      <c r="AD17" s="281">
        <v>7</v>
      </c>
      <c r="AE17" s="281">
        <v>2</v>
      </c>
      <c r="AF17" s="281">
        <v>4</v>
      </c>
      <c r="AG17" s="281">
        <v>1</v>
      </c>
      <c r="AH17" s="278">
        <v>16</v>
      </c>
      <c r="AI17" s="283">
        <v>17</v>
      </c>
      <c r="AJ17" s="277">
        <v>0</v>
      </c>
      <c r="AK17" s="281">
        <v>0</v>
      </c>
      <c r="AL17" s="278">
        <v>0</v>
      </c>
      <c r="AM17" s="280">
        <v>0</v>
      </c>
      <c r="AN17" s="281">
        <v>1</v>
      </c>
      <c r="AO17" s="281">
        <v>1</v>
      </c>
      <c r="AP17" s="281">
        <v>0</v>
      </c>
      <c r="AQ17" s="281">
        <v>0</v>
      </c>
      <c r="AR17" s="281">
        <v>1</v>
      </c>
      <c r="AS17" s="278">
        <v>3</v>
      </c>
      <c r="AT17" s="283">
        <v>3</v>
      </c>
      <c r="AU17" s="277">
        <v>1</v>
      </c>
      <c r="AV17" s="281">
        <v>0</v>
      </c>
      <c r="AW17" s="278">
        <v>1</v>
      </c>
      <c r="AX17" s="280">
        <v>0</v>
      </c>
      <c r="AY17" s="281">
        <v>6</v>
      </c>
      <c r="AZ17" s="281">
        <v>7</v>
      </c>
      <c r="BA17" s="281">
        <v>7</v>
      </c>
      <c r="BB17" s="281">
        <v>5</v>
      </c>
      <c r="BC17" s="281">
        <v>1</v>
      </c>
      <c r="BD17" s="282">
        <v>26</v>
      </c>
      <c r="BE17" s="283">
        <v>27</v>
      </c>
      <c r="BF17" s="277">
        <v>0</v>
      </c>
      <c r="BG17" s="281">
        <v>0</v>
      </c>
      <c r="BH17" s="278">
        <v>0</v>
      </c>
      <c r="BI17" s="280">
        <v>0</v>
      </c>
      <c r="BJ17" s="281">
        <v>2</v>
      </c>
      <c r="BK17" s="281">
        <v>6</v>
      </c>
      <c r="BL17" s="281">
        <v>3</v>
      </c>
      <c r="BM17" s="281">
        <v>0</v>
      </c>
      <c r="BN17" s="281">
        <v>0</v>
      </c>
      <c r="BO17" s="278">
        <v>11</v>
      </c>
      <c r="BP17" s="283">
        <v>11</v>
      </c>
      <c r="BQ17" s="277">
        <v>0</v>
      </c>
      <c r="BR17" s="281">
        <v>0</v>
      </c>
      <c r="BS17" s="278">
        <v>0</v>
      </c>
      <c r="BT17" s="280">
        <v>0</v>
      </c>
      <c r="BU17" s="281">
        <v>1</v>
      </c>
      <c r="BV17" s="281">
        <v>2</v>
      </c>
      <c r="BW17" s="281">
        <v>3</v>
      </c>
      <c r="BX17" s="281">
        <v>0</v>
      </c>
      <c r="BY17" s="281">
        <v>0</v>
      </c>
      <c r="BZ17" s="278">
        <v>6</v>
      </c>
      <c r="CA17" s="283">
        <v>6</v>
      </c>
      <c r="CB17" s="277">
        <v>0</v>
      </c>
      <c r="CC17" s="281">
        <v>0</v>
      </c>
      <c r="CD17" s="278">
        <v>0</v>
      </c>
      <c r="CE17" s="280">
        <v>0</v>
      </c>
      <c r="CF17" s="281">
        <v>0</v>
      </c>
      <c r="CG17" s="281">
        <v>1</v>
      </c>
      <c r="CH17" s="281">
        <v>1</v>
      </c>
      <c r="CI17" s="281">
        <v>3</v>
      </c>
      <c r="CJ17" s="281">
        <v>1</v>
      </c>
      <c r="CK17" s="278">
        <v>6</v>
      </c>
      <c r="CL17" s="283">
        <v>6</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c r="DI17" s="277">
        <v>0</v>
      </c>
      <c r="DJ17" s="281">
        <v>0</v>
      </c>
      <c r="DK17" s="278">
        <v>0</v>
      </c>
      <c r="DL17" s="280">
        <v>0</v>
      </c>
      <c r="DM17" s="281">
        <v>0</v>
      </c>
      <c r="DN17" s="281">
        <v>0</v>
      </c>
      <c r="DO17" s="281">
        <v>0</v>
      </c>
      <c r="DP17" s="281">
        <v>0</v>
      </c>
      <c r="DQ17" s="281">
        <v>0</v>
      </c>
      <c r="DR17" s="278">
        <v>0</v>
      </c>
      <c r="DS17" s="283">
        <v>0</v>
      </c>
      <c r="DT17" s="277">
        <v>2</v>
      </c>
      <c r="DU17" s="281">
        <v>5</v>
      </c>
      <c r="DV17" s="278">
        <v>7</v>
      </c>
      <c r="DW17" s="280">
        <v>0</v>
      </c>
      <c r="DX17" s="281">
        <v>7</v>
      </c>
      <c r="DY17" s="281">
        <v>13</v>
      </c>
      <c r="DZ17" s="281">
        <v>8</v>
      </c>
      <c r="EA17" s="281">
        <v>10</v>
      </c>
      <c r="EB17" s="281">
        <v>3</v>
      </c>
      <c r="EC17" s="278">
        <v>41</v>
      </c>
      <c r="ED17" s="283">
        <v>48</v>
      </c>
      <c r="EE17" s="277">
        <v>3</v>
      </c>
      <c r="EF17" s="281">
        <v>2</v>
      </c>
      <c r="EG17" s="278">
        <v>5</v>
      </c>
      <c r="EH17" s="280">
        <v>0</v>
      </c>
      <c r="EI17" s="281">
        <v>5</v>
      </c>
      <c r="EJ17" s="281">
        <v>5</v>
      </c>
      <c r="EK17" s="281">
        <v>5</v>
      </c>
      <c r="EL17" s="281">
        <v>1</v>
      </c>
      <c r="EM17" s="281">
        <v>1</v>
      </c>
      <c r="EN17" s="278">
        <v>17</v>
      </c>
      <c r="EO17" s="283">
        <v>22</v>
      </c>
      <c r="EP17" s="277">
        <v>2</v>
      </c>
      <c r="EQ17" s="281">
        <v>6</v>
      </c>
      <c r="ER17" s="278">
        <v>8</v>
      </c>
      <c r="ES17" s="280">
        <v>0</v>
      </c>
      <c r="ET17" s="281">
        <v>16</v>
      </c>
      <c r="EU17" s="281">
        <v>20</v>
      </c>
      <c r="EV17" s="281">
        <v>12</v>
      </c>
      <c r="EW17" s="281">
        <v>11</v>
      </c>
      <c r="EX17" s="281">
        <v>3</v>
      </c>
      <c r="EY17" s="278">
        <v>62</v>
      </c>
      <c r="EZ17" s="283">
        <v>70</v>
      </c>
    </row>
    <row r="18" spans="2:156" ht="19.5" customHeight="1" x14ac:dyDescent="0.2">
      <c r="B18" s="262" t="s">
        <v>16</v>
      </c>
      <c r="C18" s="277">
        <v>0</v>
      </c>
      <c r="D18" s="281">
        <v>0</v>
      </c>
      <c r="E18" s="385">
        <v>0</v>
      </c>
      <c r="F18" s="280">
        <v>0</v>
      </c>
      <c r="G18" s="281">
        <v>8</v>
      </c>
      <c r="H18" s="281">
        <v>10</v>
      </c>
      <c r="I18" s="281">
        <v>8</v>
      </c>
      <c r="J18" s="281">
        <v>3</v>
      </c>
      <c r="K18" s="281">
        <v>3</v>
      </c>
      <c r="L18" s="282">
        <v>32</v>
      </c>
      <c r="M18" s="283">
        <v>32</v>
      </c>
      <c r="N18" s="277">
        <v>0</v>
      </c>
      <c r="O18" s="281">
        <v>0</v>
      </c>
      <c r="P18" s="278">
        <v>0</v>
      </c>
      <c r="Q18" s="280">
        <v>0</v>
      </c>
      <c r="R18" s="281">
        <v>0</v>
      </c>
      <c r="S18" s="281">
        <v>3</v>
      </c>
      <c r="T18" s="281">
        <v>0</v>
      </c>
      <c r="U18" s="281">
        <v>0</v>
      </c>
      <c r="V18" s="281">
        <v>2</v>
      </c>
      <c r="W18" s="278">
        <v>5</v>
      </c>
      <c r="X18" s="283">
        <v>5</v>
      </c>
      <c r="Y18" s="277">
        <v>1</v>
      </c>
      <c r="Z18" s="281">
        <v>4</v>
      </c>
      <c r="AA18" s="278">
        <v>5</v>
      </c>
      <c r="AB18" s="280">
        <v>0</v>
      </c>
      <c r="AC18" s="281">
        <v>12</v>
      </c>
      <c r="AD18" s="281">
        <v>16</v>
      </c>
      <c r="AE18" s="281">
        <v>13</v>
      </c>
      <c r="AF18" s="281">
        <v>6</v>
      </c>
      <c r="AG18" s="281">
        <v>5</v>
      </c>
      <c r="AH18" s="278">
        <v>52</v>
      </c>
      <c r="AI18" s="283">
        <v>57</v>
      </c>
      <c r="AJ18" s="277">
        <v>0</v>
      </c>
      <c r="AK18" s="281">
        <v>0</v>
      </c>
      <c r="AL18" s="278">
        <v>0</v>
      </c>
      <c r="AM18" s="280">
        <v>0</v>
      </c>
      <c r="AN18" s="281">
        <v>0</v>
      </c>
      <c r="AO18" s="281">
        <v>1</v>
      </c>
      <c r="AP18" s="281">
        <v>2</v>
      </c>
      <c r="AQ18" s="281">
        <v>0</v>
      </c>
      <c r="AR18" s="281">
        <v>0</v>
      </c>
      <c r="AS18" s="278">
        <v>3</v>
      </c>
      <c r="AT18" s="283">
        <v>3</v>
      </c>
      <c r="AU18" s="277">
        <v>2</v>
      </c>
      <c r="AV18" s="281">
        <v>2</v>
      </c>
      <c r="AW18" s="278">
        <v>4</v>
      </c>
      <c r="AX18" s="280">
        <v>0</v>
      </c>
      <c r="AY18" s="281">
        <v>14</v>
      </c>
      <c r="AZ18" s="281">
        <v>14</v>
      </c>
      <c r="BA18" s="281">
        <v>25</v>
      </c>
      <c r="BB18" s="281">
        <v>18</v>
      </c>
      <c r="BC18" s="281">
        <v>4</v>
      </c>
      <c r="BD18" s="282">
        <v>75</v>
      </c>
      <c r="BE18" s="283">
        <v>79</v>
      </c>
      <c r="BF18" s="277">
        <v>0</v>
      </c>
      <c r="BG18" s="281">
        <v>0</v>
      </c>
      <c r="BH18" s="278">
        <v>0</v>
      </c>
      <c r="BI18" s="280">
        <v>0</v>
      </c>
      <c r="BJ18" s="281">
        <v>18</v>
      </c>
      <c r="BK18" s="281">
        <v>20</v>
      </c>
      <c r="BL18" s="281">
        <v>11</v>
      </c>
      <c r="BM18" s="281">
        <v>7</v>
      </c>
      <c r="BN18" s="281">
        <v>0</v>
      </c>
      <c r="BO18" s="278">
        <v>56</v>
      </c>
      <c r="BP18" s="283">
        <v>56</v>
      </c>
      <c r="BQ18" s="277">
        <v>3</v>
      </c>
      <c r="BR18" s="281">
        <v>3</v>
      </c>
      <c r="BS18" s="278">
        <v>6</v>
      </c>
      <c r="BT18" s="280">
        <v>0</v>
      </c>
      <c r="BU18" s="281">
        <v>11</v>
      </c>
      <c r="BV18" s="281">
        <v>28</v>
      </c>
      <c r="BW18" s="281">
        <v>5</v>
      </c>
      <c r="BX18" s="281">
        <v>6</v>
      </c>
      <c r="BY18" s="281">
        <v>0</v>
      </c>
      <c r="BZ18" s="278">
        <v>50</v>
      </c>
      <c r="CA18" s="283">
        <v>56</v>
      </c>
      <c r="CB18" s="277">
        <v>0</v>
      </c>
      <c r="CC18" s="281">
        <v>0</v>
      </c>
      <c r="CD18" s="278">
        <v>0</v>
      </c>
      <c r="CE18" s="280">
        <v>0</v>
      </c>
      <c r="CF18" s="281">
        <v>2</v>
      </c>
      <c r="CG18" s="281">
        <v>4</v>
      </c>
      <c r="CH18" s="281">
        <v>6</v>
      </c>
      <c r="CI18" s="281">
        <v>2</v>
      </c>
      <c r="CJ18" s="281">
        <v>1</v>
      </c>
      <c r="CK18" s="278">
        <v>15</v>
      </c>
      <c r="CL18" s="283">
        <v>15</v>
      </c>
      <c r="CM18" s="277">
        <v>0</v>
      </c>
      <c r="CN18" s="281">
        <v>0</v>
      </c>
      <c r="CO18" s="278">
        <v>0</v>
      </c>
      <c r="CP18" s="280">
        <v>0</v>
      </c>
      <c r="CQ18" s="281">
        <v>0</v>
      </c>
      <c r="CR18" s="281">
        <v>2</v>
      </c>
      <c r="CS18" s="281">
        <v>1</v>
      </c>
      <c r="CT18" s="281">
        <v>1</v>
      </c>
      <c r="CU18" s="281">
        <v>0</v>
      </c>
      <c r="CV18" s="278">
        <v>4</v>
      </c>
      <c r="CW18" s="283">
        <v>4</v>
      </c>
      <c r="CX18" s="277">
        <v>0</v>
      </c>
      <c r="CY18" s="281">
        <v>0</v>
      </c>
      <c r="CZ18" s="278">
        <v>0</v>
      </c>
      <c r="DA18" s="280">
        <v>0</v>
      </c>
      <c r="DB18" s="281">
        <v>0</v>
      </c>
      <c r="DC18" s="281">
        <v>0</v>
      </c>
      <c r="DD18" s="281">
        <v>0</v>
      </c>
      <c r="DE18" s="281">
        <v>0</v>
      </c>
      <c r="DF18" s="281">
        <v>0</v>
      </c>
      <c r="DG18" s="278">
        <v>0</v>
      </c>
      <c r="DH18" s="283">
        <v>0</v>
      </c>
      <c r="DI18" s="277">
        <v>0</v>
      </c>
      <c r="DJ18" s="281">
        <v>0</v>
      </c>
      <c r="DK18" s="278">
        <v>0</v>
      </c>
      <c r="DL18" s="280">
        <v>0</v>
      </c>
      <c r="DM18" s="281">
        <v>0</v>
      </c>
      <c r="DN18" s="281">
        <v>0</v>
      </c>
      <c r="DO18" s="281">
        <v>0</v>
      </c>
      <c r="DP18" s="281">
        <v>0</v>
      </c>
      <c r="DQ18" s="281">
        <v>0</v>
      </c>
      <c r="DR18" s="278">
        <v>0</v>
      </c>
      <c r="DS18" s="283">
        <v>0</v>
      </c>
      <c r="DT18" s="277">
        <v>12</v>
      </c>
      <c r="DU18" s="281">
        <v>8</v>
      </c>
      <c r="DV18" s="278">
        <v>20</v>
      </c>
      <c r="DW18" s="280">
        <v>0</v>
      </c>
      <c r="DX18" s="281">
        <v>26</v>
      </c>
      <c r="DY18" s="281">
        <v>51</v>
      </c>
      <c r="DZ18" s="281">
        <v>30</v>
      </c>
      <c r="EA18" s="281">
        <v>15</v>
      </c>
      <c r="EB18" s="281">
        <v>5</v>
      </c>
      <c r="EC18" s="278">
        <v>127</v>
      </c>
      <c r="ED18" s="283">
        <v>147</v>
      </c>
      <c r="EE18" s="277">
        <v>2</v>
      </c>
      <c r="EF18" s="281">
        <v>3</v>
      </c>
      <c r="EG18" s="278">
        <v>5</v>
      </c>
      <c r="EH18" s="280">
        <v>0</v>
      </c>
      <c r="EI18" s="281">
        <v>8</v>
      </c>
      <c r="EJ18" s="281">
        <v>7</v>
      </c>
      <c r="EK18" s="281">
        <v>12</v>
      </c>
      <c r="EL18" s="281">
        <v>10</v>
      </c>
      <c r="EM18" s="281">
        <v>5</v>
      </c>
      <c r="EN18" s="278">
        <v>42</v>
      </c>
      <c r="EO18" s="283">
        <v>47</v>
      </c>
      <c r="EP18" s="277">
        <v>15</v>
      </c>
      <c r="EQ18" s="281">
        <v>14</v>
      </c>
      <c r="ER18" s="278">
        <v>29</v>
      </c>
      <c r="ES18" s="280">
        <v>0</v>
      </c>
      <c r="ET18" s="281">
        <v>50</v>
      </c>
      <c r="EU18" s="281">
        <v>76</v>
      </c>
      <c r="EV18" s="281">
        <v>30</v>
      </c>
      <c r="EW18" s="281">
        <v>17</v>
      </c>
      <c r="EX18" s="281">
        <v>4</v>
      </c>
      <c r="EY18" s="278">
        <v>177</v>
      </c>
      <c r="EZ18" s="283">
        <v>206</v>
      </c>
    </row>
    <row r="19" spans="2:156" ht="19.5" customHeight="1" x14ac:dyDescent="0.2">
      <c r="B19" s="262" t="s">
        <v>17</v>
      </c>
      <c r="C19" s="277">
        <v>0</v>
      </c>
      <c r="D19" s="281">
        <v>0</v>
      </c>
      <c r="E19" s="385">
        <v>0</v>
      </c>
      <c r="F19" s="280">
        <v>0</v>
      </c>
      <c r="G19" s="281">
        <v>5</v>
      </c>
      <c r="H19" s="281">
        <v>18</v>
      </c>
      <c r="I19" s="281">
        <v>10</v>
      </c>
      <c r="J19" s="281">
        <v>8</v>
      </c>
      <c r="K19" s="281">
        <v>13</v>
      </c>
      <c r="L19" s="282">
        <v>54</v>
      </c>
      <c r="M19" s="283">
        <v>54</v>
      </c>
      <c r="N19" s="277">
        <v>0</v>
      </c>
      <c r="O19" s="281">
        <v>0</v>
      </c>
      <c r="P19" s="278">
        <v>0</v>
      </c>
      <c r="Q19" s="280">
        <v>0</v>
      </c>
      <c r="R19" s="281">
        <v>0</v>
      </c>
      <c r="S19" s="281">
        <v>0</v>
      </c>
      <c r="T19" s="281">
        <v>0</v>
      </c>
      <c r="U19" s="281">
        <v>2</v>
      </c>
      <c r="V19" s="281">
        <v>5</v>
      </c>
      <c r="W19" s="278">
        <v>7</v>
      </c>
      <c r="X19" s="283">
        <v>7</v>
      </c>
      <c r="Y19" s="277">
        <v>1</v>
      </c>
      <c r="Z19" s="281">
        <v>5</v>
      </c>
      <c r="AA19" s="278">
        <v>6</v>
      </c>
      <c r="AB19" s="280">
        <v>0</v>
      </c>
      <c r="AC19" s="281">
        <v>10</v>
      </c>
      <c r="AD19" s="281">
        <v>14</v>
      </c>
      <c r="AE19" s="281">
        <v>12</v>
      </c>
      <c r="AF19" s="281">
        <v>8</v>
      </c>
      <c r="AG19" s="281">
        <v>8</v>
      </c>
      <c r="AH19" s="278">
        <v>52</v>
      </c>
      <c r="AI19" s="283">
        <v>58</v>
      </c>
      <c r="AJ19" s="277">
        <v>1</v>
      </c>
      <c r="AK19" s="281">
        <v>0</v>
      </c>
      <c r="AL19" s="278">
        <v>1</v>
      </c>
      <c r="AM19" s="280">
        <v>0</v>
      </c>
      <c r="AN19" s="281">
        <v>1</v>
      </c>
      <c r="AO19" s="281">
        <v>3</v>
      </c>
      <c r="AP19" s="281">
        <v>0</v>
      </c>
      <c r="AQ19" s="281">
        <v>1</v>
      </c>
      <c r="AR19" s="281">
        <v>2</v>
      </c>
      <c r="AS19" s="278">
        <v>7</v>
      </c>
      <c r="AT19" s="283">
        <v>8</v>
      </c>
      <c r="AU19" s="277">
        <v>3</v>
      </c>
      <c r="AV19" s="281">
        <v>2</v>
      </c>
      <c r="AW19" s="278">
        <v>5</v>
      </c>
      <c r="AX19" s="280">
        <v>0</v>
      </c>
      <c r="AY19" s="281">
        <v>10</v>
      </c>
      <c r="AZ19" s="281">
        <v>23</v>
      </c>
      <c r="BA19" s="281">
        <v>13</v>
      </c>
      <c r="BB19" s="281">
        <v>22</v>
      </c>
      <c r="BC19" s="281">
        <v>16</v>
      </c>
      <c r="BD19" s="282">
        <v>84</v>
      </c>
      <c r="BE19" s="283">
        <v>89</v>
      </c>
      <c r="BF19" s="277">
        <v>0</v>
      </c>
      <c r="BG19" s="281">
        <v>0</v>
      </c>
      <c r="BH19" s="278">
        <v>0</v>
      </c>
      <c r="BI19" s="280">
        <v>0</v>
      </c>
      <c r="BJ19" s="281">
        <v>26</v>
      </c>
      <c r="BK19" s="281">
        <v>22</v>
      </c>
      <c r="BL19" s="281">
        <v>19</v>
      </c>
      <c r="BM19" s="281">
        <v>8</v>
      </c>
      <c r="BN19" s="281">
        <v>5</v>
      </c>
      <c r="BO19" s="278">
        <v>80</v>
      </c>
      <c r="BP19" s="283">
        <v>80</v>
      </c>
      <c r="BQ19" s="277">
        <v>2</v>
      </c>
      <c r="BR19" s="281">
        <v>5</v>
      </c>
      <c r="BS19" s="278">
        <v>7</v>
      </c>
      <c r="BT19" s="280">
        <v>0</v>
      </c>
      <c r="BU19" s="281">
        <v>4</v>
      </c>
      <c r="BV19" s="281">
        <v>16</v>
      </c>
      <c r="BW19" s="281">
        <v>2</v>
      </c>
      <c r="BX19" s="281">
        <v>2</v>
      </c>
      <c r="BY19" s="281">
        <v>1</v>
      </c>
      <c r="BZ19" s="278">
        <v>25</v>
      </c>
      <c r="CA19" s="283">
        <v>32</v>
      </c>
      <c r="CB19" s="277">
        <v>0</v>
      </c>
      <c r="CC19" s="281">
        <v>0</v>
      </c>
      <c r="CD19" s="278">
        <v>0</v>
      </c>
      <c r="CE19" s="280">
        <v>0</v>
      </c>
      <c r="CF19" s="281">
        <v>5</v>
      </c>
      <c r="CG19" s="281">
        <v>3</v>
      </c>
      <c r="CH19" s="281">
        <v>10</v>
      </c>
      <c r="CI19" s="281">
        <v>3</v>
      </c>
      <c r="CJ19" s="281">
        <v>3</v>
      </c>
      <c r="CK19" s="278">
        <v>24</v>
      </c>
      <c r="CL19" s="283">
        <v>24</v>
      </c>
      <c r="CM19" s="277">
        <v>0</v>
      </c>
      <c r="CN19" s="281">
        <v>0</v>
      </c>
      <c r="CO19" s="278">
        <v>0</v>
      </c>
      <c r="CP19" s="280">
        <v>0</v>
      </c>
      <c r="CQ19" s="281">
        <v>1</v>
      </c>
      <c r="CR19" s="281">
        <v>1</v>
      </c>
      <c r="CS19" s="281">
        <v>0</v>
      </c>
      <c r="CT19" s="281">
        <v>1</v>
      </c>
      <c r="CU19" s="281">
        <v>0</v>
      </c>
      <c r="CV19" s="278">
        <v>3</v>
      </c>
      <c r="CW19" s="283">
        <v>3</v>
      </c>
      <c r="CX19" s="277">
        <v>0</v>
      </c>
      <c r="CY19" s="281">
        <v>0</v>
      </c>
      <c r="CZ19" s="278">
        <v>0</v>
      </c>
      <c r="DA19" s="280">
        <v>0</v>
      </c>
      <c r="DB19" s="281">
        <v>0</v>
      </c>
      <c r="DC19" s="281">
        <v>0</v>
      </c>
      <c r="DD19" s="281">
        <v>0</v>
      </c>
      <c r="DE19" s="281">
        <v>0</v>
      </c>
      <c r="DF19" s="281">
        <v>0</v>
      </c>
      <c r="DG19" s="278">
        <v>0</v>
      </c>
      <c r="DH19" s="283">
        <v>0</v>
      </c>
      <c r="DI19" s="277">
        <v>0</v>
      </c>
      <c r="DJ19" s="281">
        <v>0</v>
      </c>
      <c r="DK19" s="278">
        <v>0</v>
      </c>
      <c r="DL19" s="280">
        <v>0</v>
      </c>
      <c r="DM19" s="281">
        <v>0</v>
      </c>
      <c r="DN19" s="281">
        <v>0</v>
      </c>
      <c r="DO19" s="281">
        <v>0</v>
      </c>
      <c r="DP19" s="281">
        <v>0</v>
      </c>
      <c r="DQ19" s="281">
        <v>0</v>
      </c>
      <c r="DR19" s="278">
        <v>0</v>
      </c>
      <c r="DS19" s="283">
        <v>0</v>
      </c>
      <c r="DT19" s="277">
        <v>4</v>
      </c>
      <c r="DU19" s="281">
        <v>23</v>
      </c>
      <c r="DV19" s="278">
        <v>27</v>
      </c>
      <c r="DW19" s="280">
        <v>0</v>
      </c>
      <c r="DX19" s="281">
        <v>25</v>
      </c>
      <c r="DY19" s="281">
        <v>63</v>
      </c>
      <c r="DZ19" s="281">
        <v>41</v>
      </c>
      <c r="EA19" s="281">
        <v>20</v>
      </c>
      <c r="EB19" s="281">
        <v>21</v>
      </c>
      <c r="EC19" s="278">
        <v>170</v>
      </c>
      <c r="ED19" s="283">
        <v>197</v>
      </c>
      <c r="EE19" s="277">
        <v>3</v>
      </c>
      <c r="EF19" s="281">
        <v>1</v>
      </c>
      <c r="EG19" s="278">
        <v>4</v>
      </c>
      <c r="EH19" s="280">
        <v>0</v>
      </c>
      <c r="EI19" s="281">
        <v>9</v>
      </c>
      <c r="EJ19" s="281">
        <v>6</v>
      </c>
      <c r="EK19" s="281">
        <v>6</v>
      </c>
      <c r="EL19" s="281">
        <v>6</v>
      </c>
      <c r="EM19" s="281">
        <v>2</v>
      </c>
      <c r="EN19" s="278">
        <v>29</v>
      </c>
      <c r="EO19" s="283">
        <v>33</v>
      </c>
      <c r="EP19" s="277">
        <v>8</v>
      </c>
      <c r="EQ19" s="281">
        <v>28</v>
      </c>
      <c r="ER19" s="278">
        <v>36</v>
      </c>
      <c r="ES19" s="280">
        <v>0</v>
      </c>
      <c r="ET19" s="281">
        <v>66</v>
      </c>
      <c r="EU19" s="281">
        <v>81</v>
      </c>
      <c r="EV19" s="281">
        <v>44</v>
      </c>
      <c r="EW19" s="281">
        <v>23</v>
      </c>
      <c r="EX19" s="281">
        <v>21</v>
      </c>
      <c r="EY19" s="278">
        <v>235</v>
      </c>
      <c r="EZ19" s="283">
        <v>271</v>
      </c>
    </row>
    <row r="20" spans="2:156" ht="19.5" customHeight="1" x14ac:dyDescent="0.2">
      <c r="B20" s="262" t="s">
        <v>18</v>
      </c>
      <c r="C20" s="277">
        <v>0</v>
      </c>
      <c r="D20" s="281">
        <v>0</v>
      </c>
      <c r="E20" s="385">
        <v>0</v>
      </c>
      <c r="F20" s="280">
        <v>0</v>
      </c>
      <c r="G20" s="281">
        <v>22</v>
      </c>
      <c r="H20" s="281">
        <v>34</v>
      </c>
      <c r="I20" s="281">
        <v>12</v>
      </c>
      <c r="J20" s="281">
        <v>17</v>
      </c>
      <c r="K20" s="281">
        <v>5</v>
      </c>
      <c r="L20" s="282">
        <v>90</v>
      </c>
      <c r="M20" s="283">
        <v>90</v>
      </c>
      <c r="N20" s="277">
        <v>0</v>
      </c>
      <c r="O20" s="281">
        <v>0</v>
      </c>
      <c r="P20" s="278">
        <v>0</v>
      </c>
      <c r="Q20" s="280">
        <v>0</v>
      </c>
      <c r="R20" s="281">
        <v>0</v>
      </c>
      <c r="S20" s="281">
        <v>1</v>
      </c>
      <c r="T20" s="281">
        <v>2</v>
      </c>
      <c r="U20" s="281">
        <v>3</v>
      </c>
      <c r="V20" s="281">
        <v>2</v>
      </c>
      <c r="W20" s="278">
        <v>8</v>
      </c>
      <c r="X20" s="283">
        <v>8</v>
      </c>
      <c r="Y20" s="277">
        <v>3</v>
      </c>
      <c r="Z20" s="281">
        <v>7</v>
      </c>
      <c r="AA20" s="278">
        <v>10</v>
      </c>
      <c r="AB20" s="280">
        <v>0</v>
      </c>
      <c r="AC20" s="281">
        <v>22</v>
      </c>
      <c r="AD20" s="281">
        <v>16</v>
      </c>
      <c r="AE20" s="281">
        <v>9</v>
      </c>
      <c r="AF20" s="281">
        <v>14</v>
      </c>
      <c r="AG20" s="281">
        <v>3</v>
      </c>
      <c r="AH20" s="278">
        <v>64</v>
      </c>
      <c r="AI20" s="283">
        <v>74</v>
      </c>
      <c r="AJ20" s="277">
        <v>0</v>
      </c>
      <c r="AK20" s="281">
        <v>2</v>
      </c>
      <c r="AL20" s="278">
        <v>2</v>
      </c>
      <c r="AM20" s="280">
        <v>0</v>
      </c>
      <c r="AN20" s="281">
        <v>4</v>
      </c>
      <c r="AO20" s="281">
        <v>2</v>
      </c>
      <c r="AP20" s="281">
        <v>1</v>
      </c>
      <c r="AQ20" s="281">
        <v>2</v>
      </c>
      <c r="AR20" s="281">
        <v>1</v>
      </c>
      <c r="AS20" s="278">
        <v>10</v>
      </c>
      <c r="AT20" s="283">
        <v>12</v>
      </c>
      <c r="AU20" s="277">
        <v>2</v>
      </c>
      <c r="AV20" s="281">
        <v>8</v>
      </c>
      <c r="AW20" s="278">
        <v>10</v>
      </c>
      <c r="AX20" s="280">
        <v>0</v>
      </c>
      <c r="AY20" s="281">
        <v>34</v>
      </c>
      <c r="AZ20" s="281">
        <v>47</v>
      </c>
      <c r="BA20" s="281">
        <v>32</v>
      </c>
      <c r="BB20" s="281">
        <v>28</v>
      </c>
      <c r="BC20" s="281">
        <v>16</v>
      </c>
      <c r="BD20" s="282">
        <v>157</v>
      </c>
      <c r="BE20" s="283">
        <v>167</v>
      </c>
      <c r="BF20" s="277">
        <v>0</v>
      </c>
      <c r="BG20" s="281">
        <v>0</v>
      </c>
      <c r="BH20" s="278">
        <v>0</v>
      </c>
      <c r="BI20" s="280">
        <v>0</v>
      </c>
      <c r="BJ20" s="281">
        <v>34</v>
      </c>
      <c r="BK20" s="281">
        <v>31</v>
      </c>
      <c r="BL20" s="281">
        <v>21</v>
      </c>
      <c r="BM20" s="281">
        <v>7</v>
      </c>
      <c r="BN20" s="281">
        <v>3</v>
      </c>
      <c r="BO20" s="278">
        <v>96</v>
      </c>
      <c r="BP20" s="283">
        <v>96</v>
      </c>
      <c r="BQ20" s="277">
        <v>2</v>
      </c>
      <c r="BR20" s="281">
        <v>6</v>
      </c>
      <c r="BS20" s="278">
        <v>8</v>
      </c>
      <c r="BT20" s="280">
        <v>0</v>
      </c>
      <c r="BU20" s="281">
        <v>11</v>
      </c>
      <c r="BV20" s="281">
        <v>16</v>
      </c>
      <c r="BW20" s="281">
        <v>7</v>
      </c>
      <c r="BX20" s="281">
        <v>5</v>
      </c>
      <c r="BY20" s="281">
        <v>1</v>
      </c>
      <c r="BZ20" s="278">
        <v>40</v>
      </c>
      <c r="CA20" s="283">
        <v>48</v>
      </c>
      <c r="CB20" s="277">
        <v>0</v>
      </c>
      <c r="CC20" s="281">
        <v>1</v>
      </c>
      <c r="CD20" s="278">
        <v>1</v>
      </c>
      <c r="CE20" s="280">
        <v>0</v>
      </c>
      <c r="CF20" s="281">
        <v>3</v>
      </c>
      <c r="CG20" s="281">
        <v>8</v>
      </c>
      <c r="CH20" s="281">
        <v>9</v>
      </c>
      <c r="CI20" s="281">
        <v>4</v>
      </c>
      <c r="CJ20" s="281">
        <v>1</v>
      </c>
      <c r="CK20" s="278">
        <v>25</v>
      </c>
      <c r="CL20" s="283">
        <v>26</v>
      </c>
      <c r="CM20" s="277">
        <v>0</v>
      </c>
      <c r="CN20" s="281">
        <v>0</v>
      </c>
      <c r="CO20" s="278">
        <v>0</v>
      </c>
      <c r="CP20" s="280">
        <v>0</v>
      </c>
      <c r="CQ20" s="281">
        <v>0</v>
      </c>
      <c r="CR20" s="281">
        <v>0</v>
      </c>
      <c r="CS20" s="281">
        <v>1</v>
      </c>
      <c r="CT20" s="281">
        <v>0</v>
      </c>
      <c r="CU20" s="281">
        <v>0</v>
      </c>
      <c r="CV20" s="278">
        <v>1</v>
      </c>
      <c r="CW20" s="283">
        <v>1</v>
      </c>
      <c r="CX20" s="277">
        <v>0</v>
      </c>
      <c r="CY20" s="281">
        <v>0</v>
      </c>
      <c r="CZ20" s="278">
        <v>0</v>
      </c>
      <c r="DA20" s="280">
        <v>0</v>
      </c>
      <c r="DB20" s="281">
        <v>0</v>
      </c>
      <c r="DC20" s="281">
        <v>0</v>
      </c>
      <c r="DD20" s="281">
        <v>0</v>
      </c>
      <c r="DE20" s="281">
        <v>0</v>
      </c>
      <c r="DF20" s="281">
        <v>0</v>
      </c>
      <c r="DG20" s="278">
        <v>0</v>
      </c>
      <c r="DH20" s="283">
        <v>0</v>
      </c>
      <c r="DI20" s="277">
        <v>0</v>
      </c>
      <c r="DJ20" s="281">
        <v>0</v>
      </c>
      <c r="DK20" s="278">
        <v>0</v>
      </c>
      <c r="DL20" s="280">
        <v>0</v>
      </c>
      <c r="DM20" s="281">
        <v>0</v>
      </c>
      <c r="DN20" s="281">
        <v>0</v>
      </c>
      <c r="DO20" s="281">
        <v>0</v>
      </c>
      <c r="DP20" s="281">
        <v>0</v>
      </c>
      <c r="DQ20" s="281">
        <v>0</v>
      </c>
      <c r="DR20" s="278">
        <v>0</v>
      </c>
      <c r="DS20" s="283">
        <v>0</v>
      </c>
      <c r="DT20" s="277">
        <v>11</v>
      </c>
      <c r="DU20" s="281">
        <v>26</v>
      </c>
      <c r="DV20" s="278">
        <v>37</v>
      </c>
      <c r="DW20" s="280">
        <v>0</v>
      </c>
      <c r="DX20" s="281">
        <v>48</v>
      </c>
      <c r="DY20" s="281">
        <v>59</v>
      </c>
      <c r="DZ20" s="281">
        <v>46</v>
      </c>
      <c r="EA20" s="281">
        <v>31</v>
      </c>
      <c r="EB20" s="281">
        <v>11</v>
      </c>
      <c r="EC20" s="278">
        <v>195</v>
      </c>
      <c r="ED20" s="283">
        <v>232</v>
      </c>
      <c r="EE20" s="277">
        <v>1</v>
      </c>
      <c r="EF20" s="281">
        <v>2</v>
      </c>
      <c r="EG20" s="278">
        <v>3</v>
      </c>
      <c r="EH20" s="280">
        <v>0</v>
      </c>
      <c r="EI20" s="281">
        <v>11</v>
      </c>
      <c r="EJ20" s="281">
        <v>12</v>
      </c>
      <c r="EK20" s="281">
        <v>10</v>
      </c>
      <c r="EL20" s="281">
        <v>6</v>
      </c>
      <c r="EM20" s="281">
        <v>7</v>
      </c>
      <c r="EN20" s="278">
        <v>46</v>
      </c>
      <c r="EO20" s="283">
        <v>49</v>
      </c>
      <c r="EP20" s="277">
        <v>16</v>
      </c>
      <c r="EQ20" s="281">
        <v>33</v>
      </c>
      <c r="ER20" s="278">
        <v>49</v>
      </c>
      <c r="ES20" s="280">
        <v>0</v>
      </c>
      <c r="ET20" s="281">
        <v>100</v>
      </c>
      <c r="EU20" s="281">
        <v>94</v>
      </c>
      <c r="EV20" s="281">
        <v>53</v>
      </c>
      <c r="EW20" s="281">
        <v>33</v>
      </c>
      <c r="EX20" s="281">
        <v>11</v>
      </c>
      <c r="EY20" s="278">
        <v>291</v>
      </c>
      <c r="EZ20" s="283">
        <v>340</v>
      </c>
    </row>
    <row r="21" spans="2:156" ht="19.5" customHeight="1" x14ac:dyDescent="0.2">
      <c r="B21" s="262" t="s">
        <v>19</v>
      </c>
      <c r="C21" s="277">
        <v>0</v>
      </c>
      <c r="D21" s="281">
        <v>0</v>
      </c>
      <c r="E21" s="385">
        <v>0</v>
      </c>
      <c r="F21" s="280">
        <v>0</v>
      </c>
      <c r="G21" s="281">
        <v>12</v>
      </c>
      <c r="H21" s="281">
        <v>9</v>
      </c>
      <c r="I21" s="281">
        <v>7</v>
      </c>
      <c r="J21" s="281">
        <v>8</v>
      </c>
      <c r="K21" s="281">
        <v>1</v>
      </c>
      <c r="L21" s="282">
        <v>37</v>
      </c>
      <c r="M21" s="283">
        <v>37</v>
      </c>
      <c r="N21" s="277">
        <v>0</v>
      </c>
      <c r="O21" s="281">
        <v>0</v>
      </c>
      <c r="P21" s="278">
        <v>0</v>
      </c>
      <c r="Q21" s="280">
        <v>0</v>
      </c>
      <c r="R21" s="281">
        <v>0</v>
      </c>
      <c r="S21" s="281">
        <v>1</v>
      </c>
      <c r="T21" s="281">
        <v>2</v>
      </c>
      <c r="U21" s="281">
        <v>4</v>
      </c>
      <c r="V21" s="281">
        <v>3</v>
      </c>
      <c r="W21" s="278">
        <v>10</v>
      </c>
      <c r="X21" s="283">
        <v>10</v>
      </c>
      <c r="Y21" s="277">
        <v>1</v>
      </c>
      <c r="Z21" s="281">
        <v>0</v>
      </c>
      <c r="AA21" s="278">
        <v>1</v>
      </c>
      <c r="AB21" s="280">
        <v>0</v>
      </c>
      <c r="AC21" s="281">
        <v>12</v>
      </c>
      <c r="AD21" s="281">
        <v>13</v>
      </c>
      <c r="AE21" s="281">
        <v>7</v>
      </c>
      <c r="AF21" s="281">
        <v>5</v>
      </c>
      <c r="AG21" s="281">
        <v>5</v>
      </c>
      <c r="AH21" s="278">
        <v>42</v>
      </c>
      <c r="AI21" s="283">
        <v>43</v>
      </c>
      <c r="AJ21" s="277">
        <v>0</v>
      </c>
      <c r="AK21" s="281">
        <v>0</v>
      </c>
      <c r="AL21" s="278">
        <v>0</v>
      </c>
      <c r="AM21" s="280">
        <v>0</v>
      </c>
      <c r="AN21" s="281">
        <v>1</v>
      </c>
      <c r="AO21" s="281">
        <v>1</v>
      </c>
      <c r="AP21" s="281">
        <v>3</v>
      </c>
      <c r="AQ21" s="281">
        <v>1</v>
      </c>
      <c r="AR21" s="281">
        <v>0</v>
      </c>
      <c r="AS21" s="278">
        <v>6</v>
      </c>
      <c r="AT21" s="283">
        <v>6</v>
      </c>
      <c r="AU21" s="277">
        <v>3</v>
      </c>
      <c r="AV21" s="281">
        <v>2</v>
      </c>
      <c r="AW21" s="278">
        <v>5</v>
      </c>
      <c r="AX21" s="280">
        <v>0</v>
      </c>
      <c r="AY21" s="281">
        <v>21</v>
      </c>
      <c r="AZ21" s="281">
        <v>14</v>
      </c>
      <c r="BA21" s="281">
        <v>12</v>
      </c>
      <c r="BB21" s="281">
        <v>17</v>
      </c>
      <c r="BC21" s="281">
        <v>6</v>
      </c>
      <c r="BD21" s="282">
        <v>70</v>
      </c>
      <c r="BE21" s="283">
        <v>75</v>
      </c>
      <c r="BF21" s="277">
        <v>0</v>
      </c>
      <c r="BG21" s="281">
        <v>0</v>
      </c>
      <c r="BH21" s="278">
        <v>0</v>
      </c>
      <c r="BI21" s="280">
        <v>0</v>
      </c>
      <c r="BJ21" s="281">
        <v>19</v>
      </c>
      <c r="BK21" s="281">
        <v>19</v>
      </c>
      <c r="BL21" s="281">
        <v>7</v>
      </c>
      <c r="BM21" s="281">
        <v>3</v>
      </c>
      <c r="BN21" s="281">
        <v>0</v>
      </c>
      <c r="BO21" s="278">
        <v>48</v>
      </c>
      <c r="BP21" s="283">
        <v>48</v>
      </c>
      <c r="BQ21" s="277">
        <v>1</v>
      </c>
      <c r="BR21" s="281">
        <v>2</v>
      </c>
      <c r="BS21" s="278">
        <v>3</v>
      </c>
      <c r="BT21" s="280">
        <v>0</v>
      </c>
      <c r="BU21" s="281">
        <v>12</v>
      </c>
      <c r="BV21" s="281">
        <v>7</v>
      </c>
      <c r="BW21" s="281">
        <v>2</v>
      </c>
      <c r="BX21" s="281">
        <v>2</v>
      </c>
      <c r="BY21" s="281">
        <v>0</v>
      </c>
      <c r="BZ21" s="278">
        <v>23</v>
      </c>
      <c r="CA21" s="283">
        <v>26</v>
      </c>
      <c r="CB21" s="277">
        <v>0</v>
      </c>
      <c r="CC21" s="281">
        <v>0</v>
      </c>
      <c r="CD21" s="278">
        <v>0</v>
      </c>
      <c r="CE21" s="280">
        <v>0</v>
      </c>
      <c r="CF21" s="281">
        <v>3</v>
      </c>
      <c r="CG21" s="281">
        <v>2</v>
      </c>
      <c r="CH21" s="281">
        <v>2</v>
      </c>
      <c r="CI21" s="281">
        <v>0</v>
      </c>
      <c r="CJ21" s="281">
        <v>0</v>
      </c>
      <c r="CK21" s="278">
        <v>7</v>
      </c>
      <c r="CL21" s="283">
        <v>7</v>
      </c>
      <c r="CM21" s="277">
        <v>0</v>
      </c>
      <c r="CN21" s="281">
        <v>0</v>
      </c>
      <c r="CO21" s="278">
        <v>0</v>
      </c>
      <c r="CP21" s="280">
        <v>0</v>
      </c>
      <c r="CQ21" s="281">
        <v>1</v>
      </c>
      <c r="CR21" s="281">
        <v>0</v>
      </c>
      <c r="CS21" s="281">
        <v>0</v>
      </c>
      <c r="CT21" s="281">
        <v>0</v>
      </c>
      <c r="CU21" s="281">
        <v>0</v>
      </c>
      <c r="CV21" s="278">
        <v>1</v>
      </c>
      <c r="CW21" s="283">
        <v>1</v>
      </c>
      <c r="CX21" s="277">
        <v>0</v>
      </c>
      <c r="CY21" s="281">
        <v>0</v>
      </c>
      <c r="CZ21" s="278">
        <v>0</v>
      </c>
      <c r="DA21" s="280">
        <v>0</v>
      </c>
      <c r="DB21" s="281">
        <v>0</v>
      </c>
      <c r="DC21" s="281">
        <v>0</v>
      </c>
      <c r="DD21" s="281">
        <v>0</v>
      </c>
      <c r="DE21" s="281">
        <v>0</v>
      </c>
      <c r="DF21" s="281">
        <v>0</v>
      </c>
      <c r="DG21" s="278">
        <v>0</v>
      </c>
      <c r="DH21" s="283">
        <v>0</v>
      </c>
      <c r="DI21" s="277">
        <v>0</v>
      </c>
      <c r="DJ21" s="281">
        <v>0</v>
      </c>
      <c r="DK21" s="278">
        <v>0</v>
      </c>
      <c r="DL21" s="280">
        <v>0</v>
      </c>
      <c r="DM21" s="281">
        <v>0</v>
      </c>
      <c r="DN21" s="281">
        <v>0</v>
      </c>
      <c r="DO21" s="281">
        <v>0</v>
      </c>
      <c r="DP21" s="281">
        <v>0</v>
      </c>
      <c r="DQ21" s="281">
        <v>0</v>
      </c>
      <c r="DR21" s="278">
        <v>0</v>
      </c>
      <c r="DS21" s="283">
        <v>0</v>
      </c>
      <c r="DT21" s="277">
        <v>4</v>
      </c>
      <c r="DU21" s="281">
        <v>8</v>
      </c>
      <c r="DV21" s="278">
        <v>12</v>
      </c>
      <c r="DW21" s="280">
        <v>0</v>
      </c>
      <c r="DX21" s="281">
        <v>27</v>
      </c>
      <c r="DY21" s="281">
        <v>25</v>
      </c>
      <c r="DZ21" s="281">
        <v>14</v>
      </c>
      <c r="EA21" s="281">
        <v>15</v>
      </c>
      <c r="EB21" s="281">
        <v>7</v>
      </c>
      <c r="EC21" s="278">
        <v>88</v>
      </c>
      <c r="ED21" s="283">
        <v>100</v>
      </c>
      <c r="EE21" s="277">
        <v>0</v>
      </c>
      <c r="EF21" s="281">
        <v>2</v>
      </c>
      <c r="EG21" s="278">
        <v>2</v>
      </c>
      <c r="EH21" s="280">
        <v>0</v>
      </c>
      <c r="EI21" s="281">
        <v>8</v>
      </c>
      <c r="EJ21" s="281">
        <v>5</v>
      </c>
      <c r="EK21" s="281">
        <v>2</v>
      </c>
      <c r="EL21" s="281">
        <v>3</v>
      </c>
      <c r="EM21" s="281">
        <v>0</v>
      </c>
      <c r="EN21" s="278">
        <v>18</v>
      </c>
      <c r="EO21" s="283">
        <v>20</v>
      </c>
      <c r="EP21" s="277">
        <v>6</v>
      </c>
      <c r="EQ21" s="281">
        <v>9</v>
      </c>
      <c r="ER21" s="278">
        <v>15</v>
      </c>
      <c r="ES21" s="280">
        <v>0</v>
      </c>
      <c r="ET21" s="281">
        <v>51</v>
      </c>
      <c r="EU21" s="281">
        <v>41</v>
      </c>
      <c r="EV21" s="281">
        <v>17</v>
      </c>
      <c r="EW21" s="281">
        <v>14</v>
      </c>
      <c r="EX21" s="281">
        <v>4</v>
      </c>
      <c r="EY21" s="278">
        <v>127</v>
      </c>
      <c r="EZ21" s="283">
        <v>142</v>
      </c>
    </row>
    <row r="22" spans="2:156" ht="19.5" customHeight="1" x14ac:dyDescent="0.2">
      <c r="B22" s="262" t="s">
        <v>20</v>
      </c>
      <c r="C22" s="277">
        <v>0</v>
      </c>
      <c r="D22" s="281">
        <v>0</v>
      </c>
      <c r="E22" s="385">
        <v>0</v>
      </c>
      <c r="F22" s="280">
        <v>0</v>
      </c>
      <c r="G22" s="281">
        <v>19</v>
      </c>
      <c r="H22" s="281">
        <v>15</v>
      </c>
      <c r="I22" s="281">
        <v>12</v>
      </c>
      <c r="J22" s="281">
        <v>8</v>
      </c>
      <c r="K22" s="281">
        <v>1</v>
      </c>
      <c r="L22" s="282">
        <v>55</v>
      </c>
      <c r="M22" s="283">
        <v>55</v>
      </c>
      <c r="N22" s="277">
        <v>0</v>
      </c>
      <c r="O22" s="281">
        <v>0</v>
      </c>
      <c r="P22" s="278">
        <v>0</v>
      </c>
      <c r="Q22" s="280">
        <v>0</v>
      </c>
      <c r="R22" s="281">
        <v>0</v>
      </c>
      <c r="S22" s="281">
        <v>1</v>
      </c>
      <c r="T22" s="281">
        <v>2</v>
      </c>
      <c r="U22" s="281">
        <v>2</v>
      </c>
      <c r="V22" s="281">
        <v>2</v>
      </c>
      <c r="W22" s="278">
        <v>7</v>
      </c>
      <c r="X22" s="283">
        <v>7</v>
      </c>
      <c r="Y22" s="277">
        <v>1</v>
      </c>
      <c r="Z22" s="281">
        <v>6</v>
      </c>
      <c r="AA22" s="278">
        <v>7</v>
      </c>
      <c r="AB22" s="280">
        <v>0</v>
      </c>
      <c r="AC22" s="281">
        <v>23</v>
      </c>
      <c r="AD22" s="281">
        <v>16</v>
      </c>
      <c r="AE22" s="281">
        <v>11</v>
      </c>
      <c r="AF22" s="281">
        <v>7</v>
      </c>
      <c r="AG22" s="281">
        <v>1</v>
      </c>
      <c r="AH22" s="278">
        <v>58</v>
      </c>
      <c r="AI22" s="283">
        <v>65</v>
      </c>
      <c r="AJ22" s="277">
        <v>2</v>
      </c>
      <c r="AK22" s="281">
        <v>2</v>
      </c>
      <c r="AL22" s="278">
        <v>4</v>
      </c>
      <c r="AM22" s="280">
        <v>0</v>
      </c>
      <c r="AN22" s="281">
        <v>4</v>
      </c>
      <c r="AO22" s="281">
        <v>4</v>
      </c>
      <c r="AP22" s="281">
        <v>5</v>
      </c>
      <c r="AQ22" s="281">
        <v>2</v>
      </c>
      <c r="AR22" s="281">
        <v>0</v>
      </c>
      <c r="AS22" s="278">
        <v>15</v>
      </c>
      <c r="AT22" s="283">
        <v>19</v>
      </c>
      <c r="AU22" s="277">
        <v>3</v>
      </c>
      <c r="AV22" s="281">
        <v>6</v>
      </c>
      <c r="AW22" s="278">
        <v>9</v>
      </c>
      <c r="AX22" s="280">
        <v>0</v>
      </c>
      <c r="AY22" s="281">
        <v>17</v>
      </c>
      <c r="AZ22" s="281">
        <v>28</v>
      </c>
      <c r="BA22" s="281">
        <v>22</v>
      </c>
      <c r="BB22" s="281">
        <v>19</v>
      </c>
      <c r="BC22" s="281">
        <v>5</v>
      </c>
      <c r="BD22" s="282">
        <v>91</v>
      </c>
      <c r="BE22" s="283">
        <v>100</v>
      </c>
      <c r="BF22" s="277">
        <v>0</v>
      </c>
      <c r="BG22" s="281">
        <v>0</v>
      </c>
      <c r="BH22" s="278">
        <v>0</v>
      </c>
      <c r="BI22" s="280">
        <v>0</v>
      </c>
      <c r="BJ22" s="281">
        <v>25</v>
      </c>
      <c r="BK22" s="281">
        <v>19</v>
      </c>
      <c r="BL22" s="281">
        <v>11</v>
      </c>
      <c r="BM22" s="281">
        <v>5</v>
      </c>
      <c r="BN22" s="281">
        <v>0</v>
      </c>
      <c r="BO22" s="278">
        <v>60</v>
      </c>
      <c r="BP22" s="283">
        <v>60</v>
      </c>
      <c r="BQ22" s="277">
        <v>5</v>
      </c>
      <c r="BR22" s="281">
        <v>2</v>
      </c>
      <c r="BS22" s="278">
        <v>7</v>
      </c>
      <c r="BT22" s="280">
        <v>0</v>
      </c>
      <c r="BU22" s="281">
        <v>12</v>
      </c>
      <c r="BV22" s="281">
        <v>8</v>
      </c>
      <c r="BW22" s="281">
        <v>7</v>
      </c>
      <c r="BX22" s="281">
        <v>7</v>
      </c>
      <c r="BY22" s="281">
        <v>1</v>
      </c>
      <c r="BZ22" s="278">
        <v>35</v>
      </c>
      <c r="CA22" s="283">
        <v>42</v>
      </c>
      <c r="CB22" s="277">
        <v>1</v>
      </c>
      <c r="CC22" s="281">
        <v>1</v>
      </c>
      <c r="CD22" s="278">
        <v>2</v>
      </c>
      <c r="CE22" s="280">
        <v>0</v>
      </c>
      <c r="CF22" s="281">
        <v>4</v>
      </c>
      <c r="CG22" s="281">
        <v>2</v>
      </c>
      <c r="CH22" s="281">
        <v>7</v>
      </c>
      <c r="CI22" s="281">
        <v>9</v>
      </c>
      <c r="CJ22" s="281">
        <v>0</v>
      </c>
      <c r="CK22" s="278">
        <v>22</v>
      </c>
      <c r="CL22" s="283">
        <v>24</v>
      </c>
      <c r="CM22" s="277">
        <v>0</v>
      </c>
      <c r="CN22" s="281">
        <v>0</v>
      </c>
      <c r="CO22" s="278">
        <v>0</v>
      </c>
      <c r="CP22" s="280">
        <v>0</v>
      </c>
      <c r="CQ22" s="281">
        <v>0</v>
      </c>
      <c r="CR22" s="281">
        <v>1</v>
      </c>
      <c r="CS22" s="281">
        <v>1</v>
      </c>
      <c r="CT22" s="281">
        <v>3</v>
      </c>
      <c r="CU22" s="281">
        <v>0</v>
      </c>
      <c r="CV22" s="278">
        <v>5</v>
      </c>
      <c r="CW22" s="283">
        <v>5</v>
      </c>
      <c r="CX22" s="277">
        <v>0</v>
      </c>
      <c r="CY22" s="281">
        <v>0</v>
      </c>
      <c r="CZ22" s="278">
        <v>0</v>
      </c>
      <c r="DA22" s="280">
        <v>0</v>
      </c>
      <c r="DB22" s="281">
        <v>0</v>
      </c>
      <c r="DC22" s="281">
        <v>0</v>
      </c>
      <c r="DD22" s="281">
        <v>0</v>
      </c>
      <c r="DE22" s="281">
        <v>0</v>
      </c>
      <c r="DF22" s="281">
        <v>0</v>
      </c>
      <c r="DG22" s="278">
        <v>0</v>
      </c>
      <c r="DH22" s="283">
        <v>0</v>
      </c>
      <c r="DI22" s="277">
        <v>0</v>
      </c>
      <c r="DJ22" s="281">
        <v>0</v>
      </c>
      <c r="DK22" s="278">
        <v>0</v>
      </c>
      <c r="DL22" s="280">
        <v>0</v>
      </c>
      <c r="DM22" s="281">
        <v>0</v>
      </c>
      <c r="DN22" s="281">
        <v>0</v>
      </c>
      <c r="DO22" s="281">
        <v>0</v>
      </c>
      <c r="DP22" s="281">
        <v>0</v>
      </c>
      <c r="DQ22" s="281">
        <v>0</v>
      </c>
      <c r="DR22" s="278">
        <v>0</v>
      </c>
      <c r="DS22" s="283">
        <v>0</v>
      </c>
      <c r="DT22" s="277">
        <v>12</v>
      </c>
      <c r="DU22" s="281">
        <v>20</v>
      </c>
      <c r="DV22" s="278">
        <v>32</v>
      </c>
      <c r="DW22" s="280">
        <v>0</v>
      </c>
      <c r="DX22" s="281">
        <v>42</v>
      </c>
      <c r="DY22" s="281">
        <v>40</v>
      </c>
      <c r="DZ22" s="281">
        <v>27</v>
      </c>
      <c r="EA22" s="281">
        <v>21</v>
      </c>
      <c r="EB22" s="281">
        <v>2</v>
      </c>
      <c r="EC22" s="278">
        <v>132</v>
      </c>
      <c r="ED22" s="283">
        <v>164</v>
      </c>
      <c r="EE22" s="277">
        <v>2</v>
      </c>
      <c r="EF22" s="281">
        <v>4</v>
      </c>
      <c r="EG22" s="278">
        <v>6</v>
      </c>
      <c r="EH22" s="280">
        <v>0</v>
      </c>
      <c r="EI22" s="281">
        <v>5</v>
      </c>
      <c r="EJ22" s="281">
        <v>12</v>
      </c>
      <c r="EK22" s="281">
        <v>6</v>
      </c>
      <c r="EL22" s="281">
        <v>7</v>
      </c>
      <c r="EM22" s="281">
        <v>2</v>
      </c>
      <c r="EN22" s="278">
        <v>32</v>
      </c>
      <c r="EO22" s="283">
        <v>38</v>
      </c>
      <c r="EP22" s="277">
        <v>19</v>
      </c>
      <c r="EQ22" s="281">
        <v>29</v>
      </c>
      <c r="ER22" s="278">
        <v>48</v>
      </c>
      <c r="ES22" s="280">
        <v>0</v>
      </c>
      <c r="ET22" s="281">
        <v>76</v>
      </c>
      <c r="EU22" s="281">
        <v>57</v>
      </c>
      <c r="EV22" s="281">
        <v>37</v>
      </c>
      <c r="EW22" s="281">
        <v>27</v>
      </c>
      <c r="EX22" s="281">
        <v>3</v>
      </c>
      <c r="EY22" s="278">
        <v>200</v>
      </c>
      <c r="EZ22" s="283">
        <v>248</v>
      </c>
    </row>
    <row r="23" spans="2:156" ht="19.5" customHeight="1" x14ac:dyDescent="0.2">
      <c r="B23" s="262" t="s">
        <v>21</v>
      </c>
      <c r="C23" s="277">
        <v>0</v>
      </c>
      <c r="D23" s="281">
        <v>0</v>
      </c>
      <c r="E23" s="385">
        <v>0</v>
      </c>
      <c r="F23" s="280">
        <v>0</v>
      </c>
      <c r="G23" s="281">
        <v>20</v>
      </c>
      <c r="H23" s="281">
        <v>7</v>
      </c>
      <c r="I23" s="281">
        <v>6</v>
      </c>
      <c r="J23" s="281">
        <v>9</v>
      </c>
      <c r="K23" s="281">
        <v>10</v>
      </c>
      <c r="L23" s="282">
        <v>52</v>
      </c>
      <c r="M23" s="283">
        <v>52</v>
      </c>
      <c r="N23" s="277">
        <v>0</v>
      </c>
      <c r="O23" s="281">
        <v>0</v>
      </c>
      <c r="P23" s="278">
        <v>0</v>
      </c>
      <c r="Q23" s="280">
        <v>0</v>
      </c>
      <c r="R23" s="281">
        <v>0</v>
      </c>
      <c r="S23" s="281">
        <v>0</v>
      </c>
      <c r="T23" s="281">
        <v>1</v>
      </c>
      <c r="U23" s="281">
        <v>2</v>
      </c>
      <c r="V23" s="281">
        <v>5</v>
      </c>
      <c r="W23" s="278">
        <v>8</v>
      </c>
      <c r="X23" s="283">
        <v>8</v>
      </c>
      <c r="Y23" s="277">
        <v>3</v>
      </c>
      <c r="Z23" s="281">
        <v>2</v>
      </c>
      <c r="AA23" s="278">
        <v>5</v>
      </c>
      <c r="AB23" s="280">
        <v>0</v>
      </c>
      <c r="AC23" s="281">
        <v>17</v>
      </c>
      <c r="AD23" s="281">
        <v>18</v>
      </c>
      <c r="AE23" s="281">
        <v>8</v>
      </c>
      <c r="AF23" s="281">
        <v>7</v>
      </c>
      <c r="AG23" s="281">
        <v>8</v>
      </c>
      <c r="AH23" s="278">
        <v>58</v>
      </c>
      <c r="AI23" s="283">
        <v>63</v>
      </c>
      <c r="AJ23" s="277">
        <v>0</v>
      </c>
      <c r="AK23" s="281">
        <v>1</v>
      </c>
      <c r="AL23" s="278">
        <v>1</v>
      </c>
      <c r="AM23" s="280">
        <v>0</v>
      </c>
      <c r="AN23" s="281">
        <v>1</v>
      </c>
      <c r="AO23" s="281">
        <v>3</v>
      </c>
      <c r="AP23" s="281">
        <v>0</v>
      </c>
      <c r="AQ23" s="281">
        <v>0</v>
      </c>
      <c r="AR23" s="281">
        <v>0</v>
      </c>
      <c r="AS23" s="278">
        <v>4</v>
      </c>
      <c r="AT23" s="283">
        <v>5</v>
      </c>
      <c r="AU23" s="277">
        <v>5</v>
      </c>
      <c r="AV23" s="281">
        <v>1</v>
      </c>
      <c r="AW23" s="278">
        <v>6</v>
      </c>
      <c r="AX23" s="280">
        <v>0</v>
      </c>
      <c r="AY23" s="281">
        <v>18</v>
      </c>
      <c r="AZ23" s="281">
        <v>18</v>
      </c>
      <c r="BA23" s="281">
        <v>15</v>
      </c>
      <c r="BB23" s="281">
        <v>16</v>
      </c>
      <c r="BC23" s="281">
        <v>12</v>
      </c>
      <c r="BD23" s="282">
        <v>79</v>
      </c>
      <c r="BE23" s="283">
        <v>85</v>
      </c>
      <c r="BF23" s="277">
        <v>0</v>
      </c>
      <c r="BG23" s="281">
        <v>0</v>
      </c>
      <c r="BH23" s="278">
        <v>0</v>
      </c>
      <c r="BI23" s="280">
        <v>0</v>
      </c>
      <c r="BJ23" s="281">
        <v>19</v>
      </c>
      <c r="BK23" s="281">
        <v>18</v>
      </c>
      <c r="BL23" s="281">
        <v>12</v>
      </c>
      <c r="BM23" s="281">
        <v>3</v>
      </c>
      <c r="BN23" s="281">
        <v>3</v>
      </c>
      <c r="BO23" s="278">
        <v>55</v>
      </c>
      <c r="BP23" s="283">
        <v>55</v>
      </c>
      <c r="BQ23" s="277">
        <v>0</v>
      </c>
      <c r="BR23" s="281">
        <v>2</v>
      </c>
      <c r="BS23" s="278">
        <v>2</v>
      </c>
      <c r="BT23" s="280">
        <v>0</v>
      </c>
      <c r="BU23" s="281">
        <v>5</v>
      </c>
      <c r="BV23" s="281">
        <v>10</v>
      </c>
      <c r="BW23" s="281">
        <v>4</v>
      </c>
      <c r="BX23" s="281">
        <v>1</v>
      </c>
      <c r="BY23" s="281">
        <v>0</v>
      </c>
      <c r="BZ23" s="278">
        <v>20</v>
      </c>
      <c r="CA23" s="283">
        <v>22</v>
      </c>
      <c r="CB23" s="277">
        <v>0</v>
      </c>
      <c r="CC23" s="281">
        <v>0</v>
      </c>
      <c r="CD23" s="278">
        <v>0</v>
      </c>
      <c r="CE23" s="280">
        <v>0</v>
      </c>
      <c r="CF23" s="281">
        <v>5</v>
      </c>
      <c r="CG23" s="281">
        <v>2</v>
      </c>
      <c r="CH23" s="281">
        <v>9</v>
      </c>
      <c r="CI23" s="281">
        <v>3</v>
      </c>
      <c r="CJ23" s="281">
        <v>3</v>
      </c>
      <c r="CK23" s="278">
        <v>22</v>
      </c>
      <c r="CL23" s="283">
        <v>22</v>
      </c>
      <c r="CM23" s="277">
        <v>0</v>
      </c>
      <c r="CN23" s="281">
        <v>0</v>
      </c>
      <c r="CO23" s="278">
        <v>0</v>
      </c>
      <c r="CP23" s="280">
        <v>0</v>
      </c>
      <c r="CQ23" s="281">
        <v>0</v>
      </c>
      <c r="CR23" s="281">
        <v>0</v>
      </c>
      <c r="CS23" s="281">
        <v>1</v>
      </c>
      <c r="CT23" s="281">
        <v>0</v>
      </c>
      <c r="CU23" s="281">
        <v>0</v>
      </c>
      <c r="CV23" s="278">
        <v>1</v>
      </c>
      <c r="CW23" s="283">
        <v>1</v>
      </c>
      <c r="CX23" s="277">
        <v>0</v>
      </c>
      <c r="CY23" s="281">
        <v>0</v>
      </c>
      <c r="CZ23" s="278">
        <v>0</v>
      </c>
      <c r="DA23" s="280">
        <v>0</v>
      </c>
      <c r="DB23" s="281">
        <v>0</v>
      </c>
      <c r="DC23" s="281">
        <v>0</v>
      </c>
      <c r="DD23" s="281">
        <v>0</v>
      </c>
      <c r="DE23" s="281">
        <v>0</v>
      </c>
      <c r="DF23" s="281">
        <v>0</v>
      </c>
      <c r="DG23" s="278">
        <v>0</v>
      </c>
      <c r="DH23" s="283">
        <v>0</v>
      </c>
      <c r="DI23" s="277">
        <v>0</v>
      </c>
      <c r="DJ23" s="281">
        <v>0</v>
      </c>
      <c r="DK23" s="278">
        <v>0</v>
      </c>
      <c r="DL23" s="280">
        <v>0</v>
      </c>
      <c r="DM23" s="281">
        <v>0</v>
      </c>
      <c r="DN23" s="281">
        <v>0</v>
      </c>
      <c r="DO23" s="281">
        <v>0</v>
      </c>
      <c r="DP23" s="281">
        <v>0</v>
      </c>
      <c r="DQ23" s="281">
        <v>0</v>
      </c>
      <c r="DR23" s="278">
        <v>0</v>
      </c>
      <c r="DS23" s="283">
        <v>0</v>
      </c>
      <c r="DT23" s="277">
        <v>7</v>
      </c>
      <c r="DU23" s="281">
        <v>12</v>
      </c>
      <c r="DV23" s="278">
        <v>19</v>
      </c>
      <c r="DW23" s="280">
        <v>0</v>
      </c>
      <c r="DX23" s="281">
        <v>20</v>
      </c>
      <c r="DY23" s="281">
        <v>39</v>
      </c>
      <c r="DZ23" s="281">
        <v>27</v>
      </c>
      <c r="EA23" s="281">
        <v>20</v>
      </c>
      <c r="EB23" s="281">
        <v>8</v>
      </c>
      <c r="EC23" s="278">
        <v>114</v>
      </c>
      <c r="ED23" s="283">
        <v>133</v>
      </c>
      <c r="EE23" s="277">
        <v>2</v>
      </c>
      <c r="EF23" s="281">
        <v>1</v>
      </c>
      <c r="EG23" s="278">
        <v>3</v>
      </c>
      <c r="EH23" s="280">
        <v>0</v>
      </c>
      <c r="EI23" s="281">
        <v>9</v>
      </c>
      <c r="EJ23" s="281">
        <v>6</v>
      </c>
      <c r="EK23" s="281">
        <v>5</v>
      </c>
      <c r="EL23" s="281">
        <v>2</v>
      </c>
      <c r="EM23" s="281">
        <v>4</v>
      </c>
      <c r="EN23" s="278">
        <v>26</v>
      </c>
      <c r="EO23" s="283">
        <v>29</v>
      </c>
      <c r="EP23" s="277">
        <v>10</v>
      </c>
      <c r="EQ23" s="281">
        <v>14</v>
      </c>
      <c r="ER23" s="278">
        <v>24</v>
      </c>
      <c r="ES23" s="280">
        <v>0</v>
      </c>
      <c r="ET23" s="281">
        <v>54</v>
      </c>
      <c r="EU23" s="281">
        <v>52</v>
      </c>
      <c r="EV23" s="281">
        <v>33</v>
      </c>
      <c r="EW23" s="281">
        <v>19</v>
      </c>
      <c r="EX23" s="281">
        <v>11</v>
      </c>
      <c r="EY23" s="278">
        <v>169</v>
      </c>
      <c r="EZ23" s="283">
        <v>193</v>
      </c>
    </row>
    <row r="24" spans="2:156" ht="19.5" customHeight="1" x14ac:dyDescent="0.2">
      <c r="B24" s="262" t="s">
        <v>22</v>
      </c>
      <c r="C24" s="277">
        <v>0</v>
      </c>
      <c r="D24" s="281">
        <v>0</v>
      </c>
      <c r="E24" s="385">
        <v>0</v>
      </c>
      <c r="F24" s="280">
        <v>0</v>
      </c>
      <c r="G24" s="281">
        <v>5</v>
      </c>
      <c r="H24" s="281">
        <v>7</v>
      </c>
      <c r="I24" s="281">
        <v>2</v>
      </c>
      <c r="J24" s="281">
        <v>3</v>
      </c>
      <c r="K24" s="281">
        <v>5</v>
      </c>
      <c r="L24" s="282">
        <v>22</v>
      </c>
      <c r="M24" s="283">
        <v>22</v>
      </c>
      <c r="N24" s="277">
        <v>0</v>
      </c>
      <c r="O24" s="281">
        <v>0</v>
      </c>
      <c r="P24" s="278">
        <v>0</v>
      </c>
      <c r="Q24" s="280">
        <v>0</v>
      </c>
      <c r="R24" s="281">
        <v>0</v>
      </c>
      <c r="S24" s="281">
        <v>0</v>
      </c>
      <c r="T24" s="281">
        <v>1</v>
      </c>
      <c r="U24" s="281">
        <v>0</v>
      </c>
      <c r="V24" s="281">
        <v>1</v>
      </c>
      <c r="W24" s="278">
        <v>2</v>
      </c>
      <c r="X24" s="283">
        <v>2</v>
      </c>
      <c r="Y24" s="277">
        <v>0</v>
      </c>
      <c r="Z24" s="281">
        <v>0</v>
      </c>
      <c r="AA24" s="278">
        <v>0</v>
      </c>
      <c r="AB24" s="280">
        <v>0</v>
      </c>
      <c r="AC24" s="281">
        <v>2</v>
      </c>
      <c r="AD24" s="281">
        <v>3</v>
      </c>
      <c r="AE24" s="281">
        <v>3</v>
      </c>
      <c r="AF24" s="281">
        <v>2</v>
      </c>
      <c r="AG24" s="281">
        <v>3</v>
      </c>
      <c r="AH24" s="278">
        <v>13</v>
      </c>
      <c r="AI24" s="283">
        <v>13</v>
      </c>
      <c r="AJ24" s="277">
        <v>0</v>
      </c>
      <c r="AK24" s="281">
        <v>0</v>
      </c>
      <c r="AL24" s="278">
        <v>0</v>
      </c>
      <c r="AM24" s="280">
        <v>0</v>
      </c>
      <c r="AN24" s="281">
        <v>1</v>
      </c>
      <c r="AO24" s="281">
        <v>1</v>
      </c>
      <c r="AP24" s="281">
        <v>0</v>
      </c>
      <c r="AQ24" s="281">
        <v>1</v>
      </c>
      <c r="AR24" s="281">
        <v>1</v>
      </c>
      <c r="AS24" s="278">
        <v>4</v>
      </c>
      <c r="AT24" s="283">
        <v>4</v>
      </c>
      <c r="AU24" s="277">
        <v>0</v>
      </c>
      <c r="AV24" s="281">
        <v>0</v>
      </c>
      <c r="AW24" s="278">
        <v>0</v>
      </c>
      <c r="AX24" s="280">
        <v>0</v>
      </c>
      <c r="AY24" s="281">
        <v>4</v>
      </c>
      <c r="AZ24" s="281">
        <v>8</v>
      </c>
      <c r="BA24" s="281">
        <v>4</v>
      </c>
      <c r="BB24" s="281">
        <v>3</v>
      </c>
      <c r="BC24" s="281">
        <v>4</v>
      </c>
      <c r="BD24" s="282">
        <v>23</v>
      </c>
      <c r="BE24" s="283">
        <v>23</v>
      </c>
      <c r="BF24" s="277">
        <v>0</v>
      </c>
      <c r="BG24" s="281">
        <v>0</v>
      </c>
      <c r="BH24" s="278">
        <v>0</v>
      </c>
      <c r="BI24" s="280">
        <v>0</v>
      </c>
      <c r="BJ24" s="281">
        <v>7</v>
      </c>
      <c r="BK24" s="281">
        <v>13</v>
      </c>
      <c r="BL24" s="281">
        <v>5</v>
      </c>
      <c r="BM24" s="281">
        <v>3</v>
      </c>
      <c r="BN24" s="281">
        <v>3</v>
      </c>
      <c r="BO24" s="278">
        <v>31</v>
      </c>
      <c r="BP24" s="283">
        <v>31</v>
      </c>
      <c r="BQ24" s="277">
        <v>0</v>
      </c>
      <c r="BR24" s="281">
        <v>0</v>
      </c>
      <c r="BS24" s="278">
        <v>0</v>
      </c>
      <c r="BT24" s="280">
        <v>0</v>
      </c>
      <c r="BU24" s="281">
        <v>4</v>
      </c>
      <c r="BV24" s="281">
        <v>2</v>
      </c>
      <c r="BW24" s="281">
        <v>1</v>
      </c>
      <c r="BX24" s="281">
        <v>1</v>
      </c>
      <c r="BY24" s="281">
        <v>2</v>
      </c>
      <c r="BZ24" s="278">
        <v>10</v>
      </c>
      <c r="CA24" s="283">
        <v>10</v>
      </c>
      <c r="CB24" s="277">
        <v>0</v>
      </c>
      <c r="CC24" s="281">
        <v>0</v>
      </c>
      <c r="CD24" s="278">
        <v>0</v>
      </c>
      <c r="CE24" s="280">
        <v>0</v>
      </c>
      <c r="CF24" s="281">
        <v>1</v>
      </c>
      <c r="CG24" s="281">
        <v>1</v>
      </c>
      <c r="CH24" s="281">
        <v>3</v>
      </c>
      <c r="CI24" s="281">
        <v>4</v>
      </c>
      <c r="CJ24" s="281">
        <v>0</v>
      </c>
      <c r="CK24" s="278">
        <v>9</v>
      </c>
      <c r="CL24" s="283">
        <v>9</v>
      </c>
      <c r="CM24" s="277">
        <v>0</v>
      </c>
      <c r="CN24" s="281">
        <v>0</v>
      </c>
      <c r="CO24" s="278">
        <v>0</v>
      </c>
      <c r="CP24" s="280">
        <v>0</v>
      </c>
      <c r="CQ24" s="281">
        <v>0</v>
      </c>
      <c r="CR24" s="281">
        <v>0</v>
      </c>
      <c r="CS24" s="281">
        <v>0</v>
      </c>
      <c r="CT24" s="281">
        <v>0</v>
      </c>
      <c r="CU24" s="281">
        <v>0</v>
      </c>
      <c r="CV24" s="278">
        <v>0</v>
      </c>
      <c r="CW24" s="283">
        <v>0</v>
      </c>
      <c r="CX24" s="277">
        <v>0</v>
      </c>
      <c r="CY24" s="281">
        <v>0</v>
      </c>
      <c r="CZ24" s="278">
        <v>0</v>
      </c>
      <c r="DA24" s="280">
        <v>0</v>
      </c>
      <c r="DB24" s="281">
        <v>0</v>
      </c>
      <c r="DC24" s="281">
        <v>0</v>
      </c>
      <c r="DD24" s="281">
        <v>0</v>
      </c>
      <c r="DE24" s="281">
        <v>0</v>
      </c>
      <c r="DF24" s="281">
        <v>0</v>
      </c>
      <c r="DG24" s="278">
        <v>0</v>
      </c>
      <c r="DH24" s="283">
        <v>0</v>
      </c>
      <c r="DI24" s="277">
        <v>0</v>
      </c>
      <c r="DJ24" s="281">
        <v>0</v>
      </c>
      <c r="DK24" s="278">
        <v>0</v>
      </c>
      <c r="DL24" s="280">
        <v>0</v>
      </c>
      <c r="DM24" s="281">
        <v>0</v>
      </c>
      <c r="DN24" s="281">
        <v>0</v>
      </c>
      <c r="DO24" s="281">
        <v>0</v>
      </c>
      <c r="DP24" s="281">
        <v>0</v>
      </c>
      <c r="DQ24" s="281">
        <v>0</v>
      </c>
      <c r="DR24" s="278">
        <v>0</v>
      </c>
      <c r="DS24" s="283">
        <v>0</v>
      </c>
      <c r="DT24" s="277">
        <v>1</v>
      </c>
      <c r="DU24" s="281">
        <v>7</v>
      </c>
      <c r="DV24" s="278">
        <v>8</v>
      </c>
      <c r="DW24" s="280">
        <v>0</v>
      </c>
      <c r="DX24" s="281">
        <v>17</v>
      </c>
      <c r="DY24" s="281">
        <v>17</v>
      </c>
      <c r="DZ24" s="281">
        <v>10</v>
      </c>
      <c r="EA24" s="281">
        <v>8</v>
      </c>
      <c r="EB24" s="281">
        <v>9</v>
      </c>
      <c r="EC24" s="278">
        <v>61</v>
      </c>
      <c r="ED24" s="283">
        <v>69</v>
      </c>
      <c r="EE24" s="277">
        <v>0</v>
      </c>
      <c r="EF24" s="281">
        <v>1</v>
      </c>
      <c r="EG24" s="278">
        <v>1</v>
      </c>
      <c r="EH24" s="280">
        <v>0</v>
      </c>
      <c r="EI24" s="281">
        <v>2</v>
      </c>
      <c r="EJ24" s="281">
        <v>2</v>
      </c>
      <c r="EK24" s="281">
        <v>1</v>
      </c>
      <c r="EL24" s="281">
        <v>2</v>
      </c>
      <c r="EM24" s="281">
        <v>1</v>
      </c>
      <c r="EN24" s="278">
        <v>8</v>
      </c>
      <c r="EO24" s="283">
        <v>9</v>
      </c>
      <c r="EP24" s="277">
        <v>1</v>
      </c>
      <c r="EQ24" s="281">
        <v>7</v>
      </c>
      <c r="ER24" s="278">
        <v>8</v>
      </c>
      <c r="ES24" s="280">
        <v>0</v>
      </c>
      <c r="ET24" s="281">
        <v>26</v>
      </c>
      <c r="EU24" s="281">
        <v>26</v>
      </c>
      <c r="EV24" s="281">
        <v>12</v>
      </c>
      <c r="EW24" s="281">
        <v>10</v>
      </c>
      <c r="EX24" s="281">
        <v>9</v>
      </c>
      <c r="EY24" s="278">
        <v>83</v>
      </c>
      <c r="EZ24" s="283">
        <v>91</v>
      </c>
    </row>
    <row r="25" spans="2:156" ht="19.5" customHeight="1" x14ac:dyDescent="0.2">
      <c r="B25" s="262" t="s">
        <v>23</v>
      </c>
      <c r="C25" s="277">
        <v>0</v>
      </c>
      <c r="D25" s="281">
        <v>0</v>
      </c>
      <c r="E25" s="385">
        <v>0</v>
      </c>
      <c r="F25" s="280">
        <v>0</v>
      </c>
      <c r="G25" s="281">
        <v>6</v>
      </c>
      <c r="H25" s="281">
        <v>8</v>
      </c>
      <c r="I25" s="281">
        <v>5</v>
      </c>
      <c r="J25" s="281">
        <v>3</v>
      </c>
      <c r="K25" s="281">
        <v>0</v>
      </c>
      <c r="L25" s="282">
        <v>22</v>
      </c>
      <c r="M25" s="283">
        <v>22</v>
      </c>
      <c r="N25" s="277">
        <v>0</v>
      </c>
      <c r="O25" s="281">
        <v>0</v>
      </c>
      <c r="P25" s="278">
        <v>0</v>
      </c>
      <c r="Q25" s="280">
        <v>0</v>
      </c>
      <c r="R25" s="281">
        <v>0</v>
      </c>
      <c r="S25" s="281">
        <v>0</v>
      </c>
      <c r="T25" s="281">
        <v>0</v>
      </c>
      <c r="U25" s="281">
        <v>1</v>
      </c>
      <c r="V25" s="281">
        <v>1</v>
      </c>
      <c r="W25" s="278">
        <v>2</v>
      </c>
      <c r="X25" s="283">
        <v>2</v>
      </c>
      <c r="Y25" s="277">
        <v>3</v>
      </c>
      <c r="Z25" s="281">
        <v>3</v>
      </c>
      <c r="AA25" s="278">
        <v>6</v>
      </c>
      <c r="AB25" s="280">
        <v>0</v>
      </c>
      <c r="AC25" s="281">
        <v>6</v>
      </c>
      <c r="AD25" s="281">
        <v>9</v>
      </c>
      <c r="AE25" s="281">
        <v>3</v>
      </c>
      <c r="AF25" s="281">
        <v>6</v>
      </c>
      <c r="AG25" s="281">
        <v>2</v>
      </c>
      <c r="AH25" s="278">
        <v>26</v>
      </c>
      <c r="AI25" s="283">
        <v>32</v>
      </c>
      <c r="AJ25" s="277">
        <v>0</v>
      </c>
      <c r="AK25" s="281">
        <v>0</v>
      </c>
      <c r="AL25" s="278">
        <v>0</v>
      </c>
      <c r="AM25" s="280">
        <v>0</v>
      </c>
      <c r="AN25" s="281">
        <v>0</v>
      </c>
      <c r="AO25" s="281">
        <v>1</v>
      </c>
      <c r="AP25" s="281">
        <v>0</v>
      </c>
      <c r="AQ25" s="281">
        <v>0</v>
      </c>
      <c r="AR25" s="281">
        <v>0</v>
      </c>
      <c r="AS25" s="278">
        <v>1</v>
      </c>
      <c r="AT25" s="283">
        <v>1</v>
      </c>
      <c r="AU25" s="277">
        <v>2</v>
      </c>
      <c r="AV25" s="281">
        <v>2</v>
      </c>
      <c r="AW25" s="278">
        <v>4</v>
      </c>
      <c r="AX25" s="280">
        <v>0</v>
      </c>
      <c r="AY25" s="281">
        <v>11</v>
      </c>
      <c r="AZ25" s="281">
        <v>8</v>
      </c>
      <c r="BA25" s="281">
        <v>8</v>
      </c>
      <c r="BB25" s="281">
        <v>8</v>
      </c>
      <c r="BC25" s="281">
        <v>5</v>
      </c>
      <c r="BD25" s="282">
        <v>40</v>
      </c>
      <c r="BE25" s="283">
        <v>44</v>
      </c>
      <c r="BF25" s="277">
        <v>0</v>
      </c>
      <c r="BG25" s="281">
        <v>0</v>
      </c>
      <c r="BH25" s="278">
        <v>0</v>
      </c>
      <c r="BI25" s="280">
        <v>0</v>
      </c>
      <c r="BJ25" s="281">
        <v>13</v>
      </c>
      <c r="BK25" s="281">
        <v>13</v>
      </c>
      <c r="BL25" s="281">
        <v>8</v>
      </c>
      <c r="BM25" s="281">
        <v>3</v>
      </c>
      <c r="BN25" s="281">
        <v>1</v>
      </c>
      <c r="BO25" s="278">
        <v>38</v>
      </c>
      <c r="BP25" s="283">
        <v>38</v>
      </c>
      <c r="BQ25" s="277">
        <v>0</v>
      </c>
      <c r="BR25" s="281">
        <v>0</v>
      </c>
      <c r="BS25" s="278">
        <v>0</v>
      </c>
      <c r="BT25" s="280">
        <v>0</v>
      </c>
      <c r="BU25" s="281">
        <v>4</v>
      </c>
      <c r="BV25" s="281">
        <v>3</v>
      </c>
      <c r="BW25" s="281">
        <v>1</v>
      </c>
      <c r="BX25" s="281">
        <v>2</v>
      </c>
      <c r="BY25" s="281">
        <v>0</v>
      </c>
      <c r="BZ25" s="278">
        <v>10</v>
      </c>
      <c r="CA25" s="283">
        <v>10</v>
      </c>
      <c r="CB25" s="277">
        <v>0</v>
      </c>
      <c r="CC25" s="281">
        <v>0</v>
      </c>
      <c r="CD25" s="278">
        <v>0</v>
      </c>
      <c r="CE25" s="280">
        <v>0</v>
      </c>
      <c r="CF25" s="281">
        <v>0</v>
      </c>
      <c r="CG25" s="281">
        <v>1</v>
      </c>
      <c r="CH25" s="281">
        <v>3</v>
      </c>
      <c r="CI25" s="281">
        <v>3</v>
      </c>
      <c r="CJ25" s="281">
        <v>0</v>
      </c>
      <c r="CK25" s="278">
        <v>7</v>
      </c>
      <c r="CL25" s="283">
        <v>7</v>
      </c>
      <c r="CM25" s="277">
        <v>0</v>
      </c>
      <c r="CN25" s="281">
        <v>0</v>
      </c>
      <c r="CO25" s="278">
        <v>0</v>
      </c>
      <c r="CP25" s="280">
        <v>0</v>
      </c>
      <c r="CQ25" s="281">
        <v>1</v>
      </c>
      <c r="CR25" s="281">
        <v>0</v>
      </c>
      <c r="CS25" s="281">
        <v>0</v>
      </c>
      <c r="CT25" s="281">
        <v>0</v>
      </c>
      <c r="CU25" s="281">
        <v>0</v>
      </c>
      <c r="CV25" s="278">
        <v>1</v>
      </c>
      <c r="CW25" s="283">
        <v>1</v>
      </c>
      <c r="CX25" s="277">
        <v>0</v>
      </c>
      <c r="CY25" s="281">
        <v>0</v>
      </c>
      <c r="CZ25" s="278">
        <v>0</v>
      </c>
      <c r="DA25" s="280">
        <v>0</v>
      </c>
      <c r="DB25" s="281">
        <v>0</v>
      </c>
      <c r="DC25" s="281">
        <v>0</v>
      </c>
      <c r="DD25" s="281">
        <v>0</v>
      </c>
      <c r="DE25" s="281">
        <v>0</v>
      </c>
      <c r="DF25" s="281">
        <v>0</v>
      </c>
      <c r="DG25" s="278">
        <v>0</v>
      </c>
      <c r="DH25" s="283">
        <v>0</v>
      </c>
      <c r="DI25" s="277">
        <v>0</v>
      </c>
      <c r="DJ25" s="281">
        <v>0</v>
      </c>
      <c r="DK25" s="278">
        <v>0</v>
      </c>
      <c r="DL25" s="280">
        <v>0</v>
      </c>
      <c r="DM25" s="281">
        <v>0</v>
      </c>
      <c r="DN25" s="281">
        <v>0</v>
      </c>
      <c r="DO25" s="281">
        <v>0</v>
      </c>
      <c r="DP25" s="281">
        <v>0</v>
      </c>
      <c r="DQ25" s="281">
        <v>0</v>
      </c>
      <c r="DR25" s="278">
        <v>0</v>
      </c>
      <c r="DS25" s="283">
        <v>0</v>
      </c>
      <c r="DT25" s="277">
        <v>4</v>
      </c>
      <c r="DU25" s="281">
        <v>6</v>
      </c>
      <c r="DV25" s="278">
        <v>10</v>
      </c>
      <c r="DW25" s="280">
        <v>0</v>
      </c>
      <c r="DX25" s="281">
        <v>7</v>
      </c>
      <c r="DY25" s="281">
        <v>21</v>
      </c>
      <c r="DZ25" s="281">
        <v>8</v>
      </c>
      <c r="EA25" s="281">
        <v>8</v>
      </c>
      <c r="EB25" s="281">
        <v>3</v>
      </c>
      <c r="EC25" s="278">
        <v>47</v>
      </c>
      <c r="ED25" s="283">
        <v>57</v>
      </c>
      <c r="EE25" s="277">
        <v>1</v>
      </c>
      <c r="EF25" s="281">
        <v>2</v>
      </c>
      <c r="EG25" s="278">
        <v>3</v>
      </c>
      <c r="EH25" s="280">
        <v>0</v>
      </c>
      <c r="EI25" s="281">
        <v>5</v>
      </c>
      <c r="EJ25" s="281">
        <v>1</v>
      </c>
      <c r="EK25" s="281">
        <v>3</v>
      </c>
      <c r="EL25" s="281">
        <v>2</v>
      </c>
      <c r="EM25" s="281">
        <v>3</v>
      </c>
      <c r="EN25" s="278">
        <v>14</v>
      </c>
      <c r="EO25" s="283">
        <v>17</v>
      </c>
      <c r="EP25" s="277">
        <v>7</v>
      </c>
      <c r="EQ25" s="281">
        <v>8</v>
      </c>
      <c r="ER25" s="278">
        <v>15</v>
      </c>
      <c r="ES25" s="280">
        <v>0</v>
      </c>
      <c r="ET25" s="281">
        <v>24</v>
      </c>
      <c r="EU25" s="281">
        <v>26</v>
      </c>
      <c r="EV25" s="281">
        <v>13</v>
      </c>
      <c r="EW25" s="281">
        <v>10</v>
      </c>
      <c r="EX25" s="281">
        <v>3</v>
      </c>
      <c r="EY25" s="278">
        <v>76</v>
      </c>
      <c r="EZ25" s="283">
        <v>91</v>
      </c>
    </row>
    <row r="26" spans="2:156" ht="19.5" customHeight="1" x14ac:dyDescent="0.2">
      <c r="B26" s="262" t="s">
        <v>24</v>
      </c>
      <c r="C26" s="277">
        <v>0</v>
      </c>
      <c r="D26" s="281">
        <v>0</v>
      </c>
      <c r="E26" s="385">
        <v>0</v>
      </c>
      <c r="F26" s="280">
        <v>0</v>
      </c>
      <c r="G26" s="281">
        <v>13</v>
      </c>
      <c r="H26" s="281">
        <v>8</v>
      </c>
      <c r="I26" s="281">
        <v>1</v>
      </c>
      <c r="J26" s="281">
        <v>3</v>
      </c>
      <c r="K26" s="281">
        <v>2</v>
      </c>
      <c r="L26" s="282">
        <v>27</v>
      </c>
      <c r="M26" s="283">
        <v>27</v>
      </c>
      <c r="N26" s="277">
        <v>0</v>
      </c>
      <c r="O26" s="281">
        <v>0</v>
      </c>
      <c r="P26" s="278">
        <v>0</v>
      </c>
      <c r="Q26" s="280">
        <v>0</v>
      </c>
      <c r="R26" s="281">
        <v>0</v>
      </c>
      <c r="S26" s="281">
        <v>0</v>
      </c>
      <c r="T26" s="281">
        <v>0</v>
      </c>
      <c r="U26" s="281">
        <v>1</v>
      </c>
      <c r="V26" s="281">
        <v>2</v>
      </c>
      <c r="W26" s="278">
        <v>3</v>
      </c>
      <c r="X26" s="283">
        <v>3</v>
      </c>
      <c r="Y26" s="277">
        <v>2</v>
      </c>
      <c r="Z26" s="281">
        <v>1</v>
      </c>
      <c r="AA26" s="278">
        <v>3</v>
      </c>
      <c r="AB26" s="280">
        <v>0</v>
      </c>
      <c r="AC26" s="281">
        <v>10</v>
      </c>
      <c r="AD26" s="281">
        <v>5</v>
      </c>
      <c r="AE26" s="281">
        <v>6</v>
      </c>
      <c r="AF26" s="281">
        <v>5</v>
      </c>
      <c r="AG26" s="281">
        <v>2</v>
      </c>
      <c r="AH26" s="278">
        <v>28</v>
      </c>
      <c r="AI26" s="283">
        <v>31</v>
      </c>
      <c r="AJ26" s="277">
        <v>1</v>
      </c>
      <c r="AK26" s="281">
        <v>1</v>
      </c>
      <c r="AL26" s="278">
        <v>2</v>
      </c>
      <c r="AM26" s="280">
        <v>0</v>
      </c>
      <c r="AN26" s="281">
        <v>2</v>
      </c>
      <c r="AO26" s="281">
        <v>0</v>
      </c>
      <c r="AP26" s="281">
        <v>0</v>
      </c>
      <c r="AQ26" s="281">
        <v>2</v>
      </c>
      <c r="AR26" s="281">
        <v>0</v>
      </c>
      <c r="AS26" s="278">
        <v>4</v>
      </c>
      <c r="AT26" s="283">
        <v>6</v>
      </c>
      <c r="AU26" s="277">
        <v>2</v>
      </c>
      <c r="AV26" s="281">
        <v>2</v>
      </c>
      <c r="AW26" s="278">
        <v>4</v>
      </c>
      <c r="AX26" s="280">
        <v>0</v>
      </c>
      <c r="AY26" s="281">
        <v>15</v>
      </c>
      <c r="AZ26" s="281">
        <v>5</v>
      </c>
      <c r="BA26" s="281">
        <v>9</v>
      </c>
      <c r="BB26" s="281">
        <v>6</v>
      </c>
      <c r="BC26" s="281">
        <v>4</v>
      </c>
      <c r="BD26" s="282">
        <v>39</v>
      </c>
      <c r="BE26" s="283">
        <v>43</v>
      </c>
      <c r="BF26" s="277">
        <v>0</v>
      </c>
      <c r="BG26" s="281">
        <v>0</v>
      </c>
      <c r="BH26" s="278">
        <v>0</v>
      </c>
      <c r="BI26" s="280">
        <v>0</v>
      </c>
      <c r="BJ26" s="281">
        <v>13</v>
      </c>
      <c r="BK26" s="281">
        <v>7</v>
      </c>
      <c r="BL26" s="281">
        <v>5</v>
      </c>
      <c r="BM26" s="281">
        <v>3</v>
      </c>
      <c r="BN26" s="281">
        <v>0</v>
      </c>
      <c r="BO26" s="278">
        <v>28</v>
      </c>
      <c r="BP26" s="283">
        <v>28</v>
      </c>
      <c r="BQ26" s="277">
        <v>3</v>
      </c>
      <c r="BR26" s="281">
        <v>3</v>
      </c>
      <c r="BS26" s="278">
        <v>6</v>
      </c>
      <c r="BT26" s="280">
        <v>0</v>
      </c>
      <c r="BU26" s="281">
        <v>3</v>
      </c>
      <c r="BV26" s="281">
        <v>5</v>
      </c>
      <c r="BW26" s="281">
        <v>1</v>
      </c>
      <c r="BX26" s="281">
        <v>0</v>
      </c>
      <c r="BY26" s="281">
        <v>0</v>
      </c>
      <c r="BZ26" s="278">
        <v>9</v>
      </c>
      <c r="CA26" s="283">
        <v>15</v>
      </c>
      <c r="CB26" s="277">
        <v>0</v>
      </c>
      <c r="CC26" s="281">
        <v>0</v>
      </c>
      <c r="CD26" s="278">
        <v>0</v>
      </c>
      <c r="CE26" s="280">
        <v>0</v>
      </c>
      <c r="CF26" s="281">
        <v>1</v>
      </c>
      <c r="CG26" s="281">
        <v>0</v>
      </c>
      <c r="CH26" s="281">
        <v>2</v>
      </c>
      <c r="CI26" s="281">
        <v>2</v>
      </c>
      <c r="CJ26" s="281">
        <v>1</v>
      </c>
      <c r="CK26" s="278">
        <v>6</v>
      </c>
      <c r="CL26" s="283">
        <v>6</v>
      </c>
      <c r="CM26" s="277">
        <v>0</v>
      </c>
      <c r="CN26" s="281">
        <v>0</v>
      </c>
      <c r="CO26" s="278">
        <v>0</v>
      </c>
      <c r="CP26" s="280">
        <v>0</v>
      </c>
      <c r="CQ26" s="281">
        <v>0</v>
      </c>
      <c r="CR26" s="281">
        <v>0</v>
      </c>
      <c r="CS26" s="281">
        <v>0</v>
      </c>
      <c r="CT26" s="281">
        <v>0</v>
      </c>
      <c r="CU26" s="281">
        <v>0</v>
      </c>
      <c r="CV26" s="278">
        <v>0</v>
      </c>
      <c r="CW26" s="283">
        <v>0</v>
      </c>
      <c r="CX26" s="277">
        <v>0</v>
      </c>
      <c r="CY26" s="281">
        <v>0</v>
      </c>
      <c r="CZ26" s="278">
        <v>0</v>
      </c>
      <c r="DA26" s="280">
        <v>0</v>
      </c>
      <c r="DB26" s="281">
        <v>0</v>
      </c>
      <c r="DC26" s="281">
        <v>0</v>
      </c>
      <c r="DD26" s="281">
        <v>0</v>
      </c>
      <c r="DE26" s="281">
        <v>0</v>
      </c>
      <c r="DF26" s="281">
        <v>0</v>
      </c>
      <c r="DG26" s="278">
        <v>0</v>
      </c>
      <c r="DH26" s="283">
        <v>0</v>
      </c>
      <c r="DI26" s="277">
        <v>0</v>
      </c>
      <c r="DJ26" s="281">
        <v>0</v>
      </c>
      <c r="DK26" s="278">
        <v>0</v>
      </c>
      <c r="DL26" s="280">
        <v>0</v>
      </c>
      <c r="DM26" s="281">
        <v>0</v>
      </c>
      <c r="DN26" s="281">
        <v>0</v>
      </c>
      <c r="DO26" s="281">
        <v>0</v>
      </c>
      <c r="DP26" s="281">
        <v>0</v>
      </c>
      <c r="DQ26" s="281">
        <v>0</v>
      </c>
      <c r="DR26" s="278">
        <v>0</v>
      </c>
      <c r="DS26" s="283">
        <v>0</v>
      </c>
      <c r="DT26" s="277">
        <v>16</v>
      </c>
      <c r="DU26" s="281">
        <v>6</v>
      </c>
      <c r="DV26" s="278">
        <v>22</v>
      </c>
      <c r="DW26" s="280">
        <v>0</v>
      </c>
      <c r="DX26" s="281">
        <v>19</v>
      </c>
      <c r="DY26" s="281">
        <v>17</v>
      </c>
      <c r="DZ26" s="281">
        <v>10</v>
      </c>
      <c r="EA26" s="281">
        <v>10</v>
      </c>
      <c r="EB26" s="281">
        <v>3</v>
      </c>
      <c r="EC26" s="278">
        <v>59</v>
      </c>
      <c r="ED26" s="283">
        <v>81</v>
      </c>
      <c r="EE26" s="277">
        <v>2</v>
      </c>
      <c r="EF26" s="281">
        <v>1</v>
      </c>
      <c r="EG26" s="278">
        <v>3</v>
      </c>
      <c r="EH26" s="280">
        <v>0</v>
      </c>
      <c r="EI26" s="281">
        <v>6</v>
      </c>
      <c r="EJ26" s="281">
        <v>2</v>
      </c>
      <c r="EK26" s="281">
        <v>2</v>
      </c>
      <c r="EL26" s="281">
        <v>1</v>
      </c>
      <c r="EM26" s="281">
        <v>1</v>
      </c>
      <c r="EN26" s="278">
        <v>12</v>
      </c>
      <c r="EO26" s="283">
        <v>15</v>
      </c>
      <c r="EP26" s="277">
        <v>19</v>
      </c>
      <c r="EQ26" s="281">
        <v>7</v>
      </c>
      <c r="ER26" s="278">
        <v>26</v>
      </c>
      <c r="ES26" s="280">
        <v>0</v>
      </c>
      <c r="ET26" s="281">
        <v>33</v>
      </c>
      <c r="EU26" s="281">
        <v>21</v>
      </c>
      <c r="EV26" s="281">
        <v>14</v>
      </c>
      <c r="EW26" s="281">
        <v>10</v>
      </c>
      <c r="EX26" s="281">
        <v>2</v>
      </c>
      <c r="EY26" s="278">
        <v>80</v>
      </c>
      <c r="EZ26" s="283">
        <v>106</v>
      </c>
    </row>
    <row r="27" spans="2:156" ht="19.5" customHeight="1" x14ac:dyDescent="0.2">
      <c r="B27" s="262" t="s">
        <v>25</v>
      </c>
      <c r="C27" s="277">
        <v>0</v>
      </c>
      <c r="D27" s="281">
        <v>0</v>
      </c>
      <c r="E27" s="385">
        <v>0</v>
      </c>
      <c r="F27" s="280">
        <v>0</v>
      </c>
      <c r="G27" s="281">
        <v>4</v>
      </c>
      <c r="H27" s="281">
        <v>4</v>
      </c>
      <c r="I27" s="281">
        <v>2</v>
      </c>
      <c r="J27" s="281">
        <v>0</v>
      </c>
      <c r="K27" s="281">
        <v>1</v>
      </c>
      <c r="L27" s="282">
        <v>11</v>
      </c>
      <c r="M27" s="283">
        <v>11</v>
      </c>
      <c r="N27" s="277">
        <v>0</v>
      </c>
      <c r="O27" s="281">
        <v>0</v>
      </c>
      <c r="P27" s="278">
        <v>0</v>
      </c>
      <c r="Q27" s="280">
        <v>0</v>
      </c>
      <c r="R27" s="281">
        <v>0</v>
      </c>
      <c r="S27" s="281">
        <v>0</v>
      </c>
      <c r="T27" s="281">
        <v>1</v>
      </c>
      <c r="U27" s="281">
        <v>2</v>
      </c>
      <c r="V27" s="281">
        <v>1</v>
      </c>
      <c r="W27" s="278">
        <v>4</v>
      </c>
      <c r="X27" s="283">
        <v>4</v>
      </c>
      <c r="Y27" s="277">
        <v>1</v>
      </c>
      <c r="Z27" s="281">
        <v>3</v>
      </c>
      <c r="AA27" s="278">
        <v>4</v>
      </c>
      <c r="AB27" s="280">
        <v>0</v>
      </c>
      <c r="AC27" s="281">
        <v>7</v>
      </c>
      <c r="AD27" s="281">
        <v>6</v>
      </c>
      <c r="AE27" s="281">
        <v>2</v>
      </c>
      <c r="AF27" s="281">
        <v>1</v>
      </c>
      <c r="AG27" s="281">
        <v>1</v>
      </c>
      <c r="AH27" s="278">
        <v>17</v>
      </c>
      <c r="AI27" s="283">
        <v>21</v>
      </c>
      <c r="AJ27" s="277">
        <v>0</v>
      </c>
      <c r="AK27" s="281">
        <v>1</v>
      </c>
      <c r="AL27" s="278">
        <v>1</v>
      </c>
      <c r="AM27" s="280">
        <v>0</v>
      </c>
      <c r="AN27" s="281">
        <v>0</v>
      </c>
      <c r="AO27" s="281">
        <v>0</v>
      </c>
      <c r="AP27" s="281">
        <v>1</v>
      </c>
      <c r="AQ27" s="281">
        <v>0</v>
      </c>
      <c r="AR27" s="281">
        <v>1</v>
      </c>
      <c r="AS27" s="278">
        <v>2</v>
      </c>
      <c r="AT27" s="283">
        <v>3</v>
      </c>
      <c r="AU27" s="277">
        <v>0</v>
      </c>
      <c r="AV27" s="281">
        <v>1</v>
      </c>
      <c r="AW27" s="278">
        <v>1</v>
      </c>
      <c r="AX27" s="280">
        <v>0</v>
      </c>
      <c r="AY27" s="281">
        <v>9</v>
      </c>
      <c r="AZ27" s="281">
        <v>2</v>
      </c>
      <c r="BA27" s="281">
        <v>2</v>
      </c>
      <c r="BB27" s="281">
        <v>7</v>
      </c>
      <c r="BC27" s="281">
        <v>1</v>
      </c>
      <c r="BD27" s="282">
        <v>21</v>
      </c>
      <c r="BE27" s="283">
        <v>22</v>
      </c>
      <c r="BF27" s="277">
        <v>0</v>
      </c>
      <c r="BG27" s="281">
        <v>0</v>
      </c>
      <c r="BH27" s="278">
        <v>0</v>
      </c>
      <c r="BI27" s="280">
        <v>0</v>
      </c>
      <c r="BJ27" s="281">
        <v>11</v>
      </c>
      <c r="BK27" s="281">
        <v>3</v>
      </c>
      <c r="BL27" s="281">
        <v>2</v>
      </c>
      <c r="BM27" s="281">
        <v>3</v>
      </c>
      <c r="BN27" s="281">
        <v>1</v>
      </c>
      <c r="BO27" s="278">
        <v>20</v>
      </c>
      <c r="BP27" s="283">
        <v>20</v>
      </c>
      <c r="BQ27" s="277">
        <v>0</v>
      </c>
      <c r="BR27" s="281">
        <v>0</v>
      </c>
      <c r="BS27" s="278">
        <v>0</v>
      </c>
      <c r="BT27" s="280">
        <v>0</v>
      </c>
      <c r="BU27" s="281">
        <v>3</v>
      </c>
      <c r="BV27" s="281">
        <v>3</v>
      </c>
      <c r="BW27" s="281">
        <v>1</v>
      </c>
      <c r="BX27" s="281">
        <v>1</v>
      </c>
      <c r="BY27" s="281">
        <v>1</v>
      </c>
      <c r="BZ27" s="278">
        <v>9</v>
      </c>
      <c r="CA27" s="283">
        <v>9</v>
      </c>
      <c r="CB27" s="277">
        <v>0</v>
      </c>
      <c r="CC27" s="281">
        <v>0</v>
      </c>
      <c r="CD27" s="278">
        <v>0</v>
      </c>
      <c r="CE27" s="280">
        <v>0</v>
      </c>
      <c r="CF27" s="281">
        <v>1</v>
      </c>
      <c r="CG27" s="281">
        <v>0</v>
      </c>
      <c r="CH27" s="281">
        <v>1</v>
      </c>
      <c r="CI27" s="281">
        <v>1</v>
      </c>
      <c r="CJ27" s="281">
        <v>0</v>
      </c>
      <c r="CK27" s="278">
        <v>3</v>
      </c>
      <c r="CL27" s="283">
        <v>3</v>
      </c>
      <c r="CM27" s="277">
        <v>0</v>
      </c>
      <c r="CN27" s="281">
        <v>0</v>
      </c>
      <c r="CO27" s="278">
        <v>0</v>
      </c>
      <c r="CP27" s="280">
        <v>0</v>
      </c>
      <c r="CQ27" s="281">
        <v>0</v>
      </c>
      <c r="CR27" s="281">
        <v>0</v>
      </c>
      <c r="CS27" s="281">
        <v>1</v>
      </c>
      <c r="CT27" s="281">
        <v>1</v>
      </c>
      <c r="CU27" s="281">
        <v>0</v>
      </c>
      <c r="CV27" s="278">
        <v>2</v>
      </c>
      <c r="CW27" s="283">
        <v>2</v>
      </c>
      <c r="CX27" s="277">
        <v>0</v>
      </c>
      <c r="CY27" s="281">
        <v>0</v>
      </c>
      <c r="CZ27" s="278">
        <v>0</v>
      </c>
      <c r="DA27" s="280">
        <v>0</v>
      </c>
      <c r="DB27" s="281">
        <v>0</v>
      </c>
      <c r="DC27" s="281">
        <v>0</v>
      </c>
      <c r="DD27" s="281">
        <v>0</v>
      </c>
      <c r="DE27" s="281">
        <v>0</v>
      </c>
      <c r="DF27" s="281">
        <v>0</v>
      </c>
      <c r="DG27" s="278">
        <v>0</v>
      </c>
      <c r="DH27" s="283">
        <v>0</v>
      </c>
      <c r="DI27" s="277">
        <v>0</v>
      </c>
      <c r="DJ27" s="281">
        <v>0</v>
      </c>
      <c r="DK27" s="278">
        <v>0</v>
      </c>
      <c r="DL27" s="280">
        <v>0</v>
      </c>
      <c r="DM27" s="281">
        <v>0</v>
      </c>
      <c r="DN27" s="281">
        <v>0</v>
      </c>
      <c r="DO27" s="281">
        <v>0</v>
      </c>
      <c r="DP27" s="281">
        <v>0</v>
      </c>
      <c r="DQ27" s="281">
        <v>0</v>
      </c>
      <c r="DR27" s="278">
        <v>0</v>
      </c>
      <c r="DS27" s="283">
        <v>0</v>
      </c>
      <c r="DT27" s="277">
        <v>3</v>
      </c>
      <c r="DU27" s="281">
        <v>3</v>
      </c>
      <c r="DV27" s="278">
        <v>6</v>
      </c>
      <c r="DW27" s="280">
        <v>0</v>
      </c>
      <c r="DX27" s="281">
        <v>10</v>
      </c>
      <c r="DY27" s="281">
        <v>8</v>
      </c>
      <c r="DZ27" s="281">
        <v>5</v>
      </c>
      <c r="EA27" s="281">
        <v>8</v>
      </c>
      <c r="EB27" s="281">
        <v>2</v>
      </c>
      <c r="EC27" s="278">
        <v>33</v>
      </c>
      <c r="ED27" s="283">
        <v>39</v>
      </c>
      <c r="EE27" s="277">
        <v>0</v>
      </c>
      <c r="EF27" s="281">
        <v>1</v>
      </c>
      <c r="EG27" s="278">
        <v>1</v>
      </c>
      <c r="EH27" s="280">
        <v>0</v>
      </c>
      <c r="EI27" s="281">
        <v>5</v>
      </c>
      <c r="EJ27" s="281">
        <v>0</v>
      </c>
      <c r="EK27" s="281">
        <v>1</v>
      </c>
      <c r="EL27" s="281">
        <v>3</v>
      </c>
      <c r="EM27" s="281">
        <v>0</v>
      </c>
      <c r="EN27" s="278">
        <v>9</v>
      </c>
      <c r="EO27" s="283">
        <v>10</v>
      </c>
      <c r="EP27" s="277">
        <v>4</v>
      </c>
      <c r="EQ27" s="281">
        <v>6</v>
      </c>
      <c r="ER27" s="278">
        <v>10</v>
      </c>
      <c r="ES27" s="280">
        <v>0</v>
      </c>
      <c r="ET27" s="281">
        <v>27</v>
      </c>
      <c r="EU27" s="281">
        <v>11</v>
      </c>
      <c r="EV27" s="281">
        <v>5</v>
      </c>
      <c r="EW27" s="281">
        <v>8</v>
      </c>
      <c r="EX27" s="281">
        <v>2</v>
      </c>
      <c r="EY27" s="278">
        <v>53</v>
      </c>
      <c r="EZ27" s="283">
        <v>63</v>
      </c>
    </row>
    <row r="28" spans="2:156" ht="19.5" customHeight="1" x14ac:dyDescent="0.2">
      <c r="B28" s="262" t="s">
        <v>26</v>
      </c>
      <c r="C28" s="277">
        <v>0</v>
      </c>
      <c r="D28" s="281">
        <v>0</v>
      </c>
      <c r="E28" s="385">
        <v>0</v>
      </c>
      <c r="F28" s="280">
        <v>0</v>
      </c>
      <c r="G28" s="281">
        <v>3</v>
      </c>
      <c r="H28" s="281">
        <v>8</v>
      </c>
      <c r="I28" s="281">
        <v>5</v>
      </c>
      <c r="J28" s="281">
        <v>2</v>
      </c>
      <c r="K28" s="281">
        <v>2</v>
      </c>
      <c r="L28" s="282">
        <v>20</v>
      </c>
      <c r="M28" s="283">
        <v>20</v>
      </c>
      <c r="N28" s="277">
        <v>0</v>
      </c>
      <c r="O28" s="281">
        <v>0</v>
      </c>
      <c r="P28" s="278">
        <v>0</v>
      </c>
      <c r="Q28" s="280">
        <v>0</v>
      </c>
      <c r="R28" s="281">
        <v>0</v>
      </c>
      <c r="S28" s="281">
        <v>0</v>
      </c>
      <c r="T28" s="281">
        <v>1</v>
      </c>
      <c r="U28" s="281">
        <v>1</v>
      </c>
      <c r="V28" s="281">
        <v>1</v>
      </c>
      <c r="W28" s="278">
        <v>3</v>
      </c>
      <c r="X28" s="283">
        <v>3</v>
      </c>
      <c r="Y28" s="277">
        <v>0</v>
      </c>
      <c r="Z28" s="281">
        <v>0</v>
      </c>
      <c r="AA28" s="278">
        <v>0</v>
      </c>
      <c r="AB28" s="280">
        <v>0</v>
      </c>
      <c r="AC28" s="281">
        <v>3</v>
      </c>
      <c r="AD28" s="281">
        <v>5</v>
      </c>
      <c r="AE28" s="281">
        <v>5</v>
      </c>
      <c r="AF28" s="281">
        <v>2</v>
      </c>
      <c r="AG28" s="281">
        <v>3</v>
      </c>
      <c r="AH28" s="278">
        <v>18</v>
      </c>
      <c r="AI28" s="283">
        <v>18</v>
      </c>
      <c r="AJ28" s="277">
        <v>0</v>
      </c>
      <c r="AK28" s="281">
        <v>0</v>
      </c>
      <c r="AL28" s="278">
        <v>0</v>
      </c>
      <c r="AM28" s="280">
        <v>0</v>
      </c>
      <c r="AN28" s="281">
        <v>1</v>
      </c>
      <c r="AO28" s="281">
        <v>1</v>
      </c>
      <c r="AP28" s="281">
        <v>0</v>
      </c>
      <c r="AQ28" s="281">
        <v>0</v>
      </c>
      <c r="AR28" s="281">
        <v>0</v>
      </c>
      <c r="AS28" s="278">
        <v>2</v>
      </c>
      <c r="AT28" s="283">
        <v>2</v>
      </c>
      <c r="AU28" s="277">
        <v>2</v>
      </c>
      <c r="AV28" s="281">
        <v>0</v>
      </c>
      <c r="AW28" s="278">
        <v>2</v>
      </c>
      <c r="AX28" s="280">
        <v>0</v>
      </c>
      <c r="AY28" s="281">
        <v>4</v>
      </c>
      <c r="AZ28" s="281">
        <v>9</v>
      </c>
      <c r="BA28" s="281">
        <v>5</v>
      </c>
      <c r="BB28" s="281">
        <v>2</v>
      </c>
      <c r="BC28" s="281">
        <v>3</v>
      </c>
      <c r="BD28" s="282">
        <v>23</v>
      </c>
      <c r="BE28" s="283">
        <v>25</v>
      </c>
      <c r="BF28" s="277">
        <v>0</v>
      </c>
      <c r="BG28" s="281">
        <v>0</v>
      </c>
      <c r="BH28" s="278">
        <v>0</v>
      </c>
      <c r="BI28" s="280">
        <v>0</v>
      </c>
      <c r="BJ28" s="281">
        <v>5</v>
      </c>
      <c r="BK28" s="281">
        <v>11</v>
      </c>
      <c r="BL28" s="281">
        <v>3</v>
      </c>
      <c r="BM28" s="281">
        <v>2</v>
      </c>
      <c r="BN28" s="281">
        <v>1</v>
      </c>
      <c r="BO28" s="278">
        <v>22</v>
      </c>
      <c r="BP28" s="283">
        <v>22</v>
      </c>
      <c r="BQ28" s="277">
        <v>1</v>
      </c>
      <c r="BR28" s="281">
        <v>0</v>
      </c>
      <c r="BS28" s="278">
        <v>1</v>
      </c>
      <c r="BT28" s="280">
        <v>0</v>
      </c>
      <c r="BU28" s="281">
        <v>1</v>
      </c>
      <c r="BV28" s="281">
        <v>3</v>
      </c>
      <c r="BW28" s="281">
        <v>1</v>
      </c>
      <c r="BX28" s="281">
        <v>1</v>
      </c>
      <c r="BY28" s="281">
        <v>0</v>
      </c>
      <c r="BZ28" s="278">
        <v>6</v>
      </c>
      <c r="CA28" s="283">
        <v>7</v>
      </c>
      <c r="CB28" s="277">
        <v>0</v>
      </c>
      <c r="CC28" s="281">
        <v>0</v>
      </c>
      <c r="CD28" s="278">
        <v>0</v>
      </c>
      <c r="CE28" s="280">
        <v>0</v>
      </c>
      <c r="CF28" s="281">
        <v>0</v>
      </c>
      <c r="CG28" s="281">
        <v>5</v>
      </c>
      <c r="CH28" s="281">
        <v>0</v>
      </c>
      <c r="CI28" s="281">
        <v>2</v>
      </c>
      <c r="CJ28" s="281">
        <v>0</v>
      </c>
      <c r="CK28" s="278">
        <v>7</v>
      </c>
      <c r="CL28" s="283">
        <v>7</v>
      </c>
      <c r="CM28" s="277">
        <v>0</v>
      </c>
      <c r="CN28" s="281">
        <v>0</v>
      </c>
      <c r="CO28" s="278">
        <v>0</v>
      </c>
      <c r="CP28" s="280">
        <v>0</v>
      </c>
      <c r="CQ28" s="281">
        <v>0</v>
      </c>
      <c r="CR28" s="281">
        <v>0</v>
      </c>
      <c r="CS28" s="281">
        <v>1</v>
      </c>
      <c r="CT28" s="281">
        <v>1</v>
      </c>
      <c r="CU28" s="281">
        <v>0</v>
      </c>
      <c r="CV28" s="278">
        <v>2</v>
      </c>
      <c r="CW28" s="283">
        <v>2</v>
      </c>
      <c r="CX28" s="277">
        <v>0</v>
      </c>
      <c r="CY28" s="281">
        <v>0</v>
      </c>
      <c r="CZ28" s="278">
        <v>0</v>
      </c>
      <c r="DA28" s="280">
        <v>0</v>
      </c>
      <c r="DB28" s="281">
        <v>0</v>
      </c>
      <c r="DC28" s="281">
        <v>0</v>
      </c>
      <c r="DD28" s="281">
        <v>0</v>
      </c>
      <c r="DE28" s="281">
        <v>0</v>
      </c>
      <c r="DF28" s="281">
        <v>0</v>
      </c>
      <c r="DG28" s="278">
        <v>0</v>
      </c>
      <c r="DH28" s="283">
        <v>0</v>
      </c>
      <c r="DI28" s="277">
        <v>0</v>
      </c>
      <c r="DJ28" s="281">
        <v>0</v>
      </c>
      <c r="DK28" s="278">
        <v>0</v>
      </c>
      <c r="DL28" s="280">
        <v>0</v>
      </c>
      <c r="DM28" s="281">
        <v>0</v>
      </c>
      <c r="DN28" s="281">
        <v>0</v>
      </c>
      <c r="DO28" s="281">
        <v>0</v>
      </c>
      <c r="DP28" s="281">
        <v>0</v>
      </c>
      <c r="DQ28" s="281">
        <v>0</v>
      </c>
      <c r="DR28" s="278">
        <v>0</v>
      </c>
      <c r="DS28" s="283">
        <v>0</v>
      </c>
      <c r="DT28" s="277">
        <v>4</v>
      </c>
      <c r="DU28" s="281">
        <v>4</v>
      </c>
      <c r="DV28" s="278">
        <v>8</v>
      </c>
      <c r="DW28" s="280">
        <v>0</v>
      </c>
      <c r="DX28" s="281">
        <v>11</v>
      </c>
      <c r="DY28" s="281">
        <v>18</v>
      </c>
      <c r="DZ28" s="281">
        <v>12</v>
      </c>
      <c r="EA28" s="281">
        <v>6</v>
      </c>
      <c r="EB28" s="281">
        <v>4</v>
      </c>
      <c r="EC28" s="278">
        <v>51</v>
      </c>
      <c r="ED28" s="283">
        <v>59</v>
      </c>
      <c r="EE28" s="277">
        <v>0</v>
      </c>
      <c r="EF28" s="281">
        <v>0</v>
      </c>
      <c r="EG28" s="278">
        <v>0</v>
      </c>
      <c r="EH28" s="280">
        <v>0</v>
      </c>
      <c r="EI28" s="281">
        <v>2</v>
      </c>
      <c r="EJ28" s="281">
        <v>2</v>
      </c>
      <c r="EK28" s="281">
        <v>0</v>
      </c>
      <c r="EL28" s="281">
        <v>1</v>
      </c>
      <c r="EM28" s="281">
        <v>0</v>
      </c>
      <c r="EN28" s="278">
        <v>5</v>
      </c>
      <c r="EO28" s="283">
        <v>5</v>
      </c>
      <c r="EP28" s="277">
        <v>5</v>
      </c>
      <c r="EQ28" s="281">
        <v>4</v>
      </c>
      <c r="ER28" s="278">
        <v>9</v>
      </c>
      <c r="ES28" s="280">
        <v>0</v>
      </c>
      <c r="ET28" s="281">
        <v>17</v>
      </c>
      <c r="EU28" s="281">
        <v>24</v>
      </c>
      <c r="EV28" s="281">
        <v>12</v>
      </c>
      <c r="EW28" s="281">
        <v>7</v>
      </c>
      <c r="EX28" s="281">
        <v>4</v>
      </c>
      <c r="EY28" s="278">
        <v>64</v>
      </c>
      <c r="EZ28" s="283">
        <v>73</v>
      </c>
    </row>
    <row r="29" spans="2:156" ht="19.5" customHeight="1" x14ac:dyDescent="0.2">
      <c r="B29" s="262" t="s">
        <v>27</v>
      </c>
      <c r="C29" s="277">
        <v>0</v>
      </c>
      <c r="D29" s="281">
        <v>0</v>
      </c>
      <c r="E29" s="385">
        <v>0</v>
      </c>
      <c r="F29" s="280">
        <v>0</v>
      </c>
      <c r="G29" s="281">
        <v>3</v>
      </c>
      <c r="H29" s="281">
        <v>2</v>
      </c>
      <c r="I29" s="281">
        <v>6</v>
      </c>
      <c r="J29" s="281">
        <v>4</v>
      </c>
      <c r="K29" s="281">
        <v>1</v>
      </c>
      <c r="L29" s="282">
        <v>16</v>
      </c>
      <c r="M29" s="283">
        <v>16</v>
      </c>
      <c r="N29" s="277">
        <v>0</v>
      </c>
      <c r="O29" s="281">
        <v>0</v>
      </c>
      <c r="P29" s="278">
        <v>0</v>
      </c>
      <c r="Q29" s="280">
        <v>0</v>
      </c>
      <c r="R29" s="281">
        <v>0</v>
      </c>
      <c r="S29" s="281">
        <v>0</v>
      </c>
      <c r="T29" s="281">
        <v>0</v>
      </c>
      <c r="U29" s="281">
        <v>1</v>
      </c>
      <c r="V29" s="281">
        <v>2</v>
      </c>
      <c r="W29" s="278">
        <v>3</v>
      </c>
      <c r="X29" s="283">
        <v>3</v>
      </c>
      <c r="Y29" s="277">
        <v>1</v>
      </c>
      <c r="Z29" s="281">
        <v>1</v>
      </c>
      <c r="AA29" s="278">
        <v>2</v>
      </c>
      <c r="AB29" s="280">
        <v>0</v>
      </c>
      <c r="AC29" s="281">
        <v>5</v>
      </c>
      <c r="AD29" s="281">
        <v>7</v>
      </c>
      <c r="AE29" s="281">
        <v>3</v>
      </c>
      <c r="AF29" s="281">
        <v>2</v>
      </c>
      <c r="AG29" s="281">
        <v>3</v>
      </c>
      <c r="AH29" s="278">
        <v>20</v>
      </c>
      <c r="AI29" s="283">
        <v>22</v>
      </c>
      <c r="AJ29" s="277">
        <v>0</v>
      </c>
      <c r="AK29" s="281">
        <v>0</v>
      </c>
      <c r="AL29" s="278">
        <v>0</v>
      </c>
      <c r="AM29" s="280">
        <v>0</v>
      </c>
      <c r="AN29" s="281">
        <v>0</v>
      </c>
      <c r="AO29" s="281">
        <v>0</v>
      </c>
      <c r="AP29" s="281">
        <v>0</v>
      </c>
      <c r="AQ29" s="281">
        <v>0</v>
      </c>
      <c r="AR29" s="281">
        <v>0</v>
      </c>
      <c r="AS29" s="278">
        <v>0</v>
      </c>
      <c r="AT29" s="283">
        <v>0</v>
      </c>
      <c r="AU29" s="277">
        <v>0</v>
      </c>
      <c r="AV29" s="281">
        <v>1</v>
      </c>
      <c r="AW29" s="278">
        <v>1</v>
      </c>
      <c r="AX29" s="280">
        <v>0</v>
      </c>
      <c r="AY29" s="281">
        <v>4</v>
      </c>
      <c r="AZ29" s="281">
        <v>6</v>
      </c>
      <c r="BA29" s="281">
        <v>8</v>
      </c>
      <c r="BB29" s="281">
        <v>7</v>
      </c>
      <c r="BC29" s="281">
        <v>3</v>
      </c>
      <c r="BD29" s="282">
        <v>28</v>
      </c>
      <c r="BE29" s="283">
        <v>29</v>
      </c>
      <c r="BF29" s="277">
        <v>0</v>
      </c>
      <c r="BG29" s="281">
        <v>0</v>
      </c>
      <c r="BH29" s="278">
        <v>0</v>
      </c>
      <c r="BI29" s="280">
        <v>0</v>
      </c>
      <c r="BJ29" s="281">
        <v>8</v>
      </c>
      <c r="BK29" s="281">
        <v>5</v>
      </c>
      <c r="BL29" s="281">
        <v>5</v>
      </c>
      <c r="BM29" s="281">
        <v>3</v>
      </c>
      <c r="BN29" s="281">
        <v>2</v>
      </c>
      <c r="BO29" s="278">
        <v>23</v>
      </c>
      <c r="BP29" s="283">
        <v>23</v>
      </c>
      <c r="BQ29" s="277">
        <v>0</v>
      </c>
      <c r="BR29" s="281">
        <v>2</v>
      </c>
      <c r="BS29" s="278">
        <v>2</v>
      </c>
      <c r="BT29" s="280">
        <v>0</v>
      </c>
      <c r="BU29" s="281">
        <v>3</v>
      </c>
      <c r="BV29" s="281">
        <v>5</v>
      </c>
      <c r="BW29" s="281">
        <v>1</v>
      </c>
      <c r="BX29" s="281">
        <v>0</v>
      </c>
      <c r="BY29" s="281">
        <v>1</v>
      </c>
      <c r="BZ29" s="278">
        <v>10</v>
      </c>
      <c r="CA29" s="283">
        <v>12</v>
      </c>
      <c r="CB29" s="277">
        <v>0</v>
      </c>
      <c r="CC29" s="281">
        <v>1</v>
      </c>
      <c r="CD29" s="278">
        <v>1</v>
      </c>
      <c r="CE29" s="280">
        <v>0</v>
      </c>
      <c r="CF29" s="281">
        <v>0</v>
      </c>
      <c r="CG29" s="281">
        <v>0</v>
      </c>
      <c r="CH29" s="281">
        <v>1</v>
      </c>
      <c r="CI29" s="281">
        <v>1</v>
      </c>
      <c r="CJ29" s="281">
        <v>2</v>
      </c>
      <c r="CK29" s="278">
        <v>4</v>
      </c>
      <c r="CL29" s="283">
        <v>5</v>
      </c>
      <c r="CM29" s="277">
        <v>0</v>
      </c>
      <c r="CN29" s="281">
        <v>0</v>
      </c>
      <c r="CO29" s="278">
        <v>0</v>
      </c>
      <c r="CP29" s="280">
        <v>0</v>
      </c>
      <c r="CQ29" s="281">
        <v>1</v>
      </c>
      <c r="CR29" s="281">
        <v>0</v>
      </c>
      <c r="CS29" s="281">
        <v>0</v>
      </c>
      <c r="CT29" s="281">
        <v>0</v>
      </c>
      <c r="CU29" s="281">
        <v>0</v>
      </c>
      <c r="CV29" s="278">
        <v>1</v>
      </c>
      <c r="CW29" s="283">
        <v>1</v>
      </c>
      <c r="CX29" s="277">
        <v>0</v>
      </c>
      <c r="CY29" s="281">
        <v>0</v>
      </c>
      <c r="CZ29" s="278">
        <v>0</v>
      </c>
      <c r="DA29" s="280">
        <v>0</v>
      </c>
      <c r="DB29" s="281">
        <v>0</v>
      </c>
      <c r="DC29" s="281">
        <v>0</v>
      </c>
      <c r="DD29" s="281">
        <v>0</v>
      </c>
      <c r="DE29" s="281">
        <v>0</v>
      </c>
      <c r="DF29" s="281">
        <v>0</v>
      </c>
      <c r="DG29" s="278">
        <v>0</v>
      </c>
      <c r="DH29" s="283">
        <v>0</v>
      </c>
      <c r="DI29" s="277">
        <v>0</v>
      </c>
      <c r="DJ29" s="281">
        <v>0</v>
      </c>
      <c r="DK29" s="278">
        <v>0</v>
      </c>
      <c r="DL29" s="280">
        <v>0</v>
      </c>
      <c r="DM29" s="281">
        <v>0</v>
      </c>
      <c r="DN29" s="281">
        <v>0</v>
      </c>
      <c r="DO29" s="281">
        <v>0</v>
      </c>
      <c r="DP29" s="281">
        <v>0</v>
      </c>
      <c r="DQ29" s="281">
        <v>0</v>
      </c>
      <c r="DR29" s="278">
        <v>0</v>
      </c>
      <c r="DS29" s="283">
        <v>0</v>
      </c>
      <c r="DT29" s="277">
        <v>4</v>
      </c>
      <c r="DU29" s="281">
        <v>11</v>
      </c>
      <c r="DV29" s="278">
        <v>15</v>
      </c>
      <c r="DW29" s="280">
        <v>0</v>
      </c>
      <c r="DX29" s="281">
        <v>4</v>
      </c>
      <c r="DY29" s="281">
        <v>14</v>
      </c>
      <c r="DZ29" s="281">
        <v>9</v>
      </c>
      <c r="EA29" s="281">
        <v>4</v>
      </c>
      <c r="EB29" s="281">
        <v>6</v>
      </c>
      <c r="EC29" s="278">
        <v>37</v>
      </c>
      <c r="ED29" s="283">
        <v>52</v>
      </c>
      <c r="EE29" s="277">
        <v>0</v>
      </c>
      <c r="EF29" s="281">
        <v>1</v>
      </c>
      <c r="EG29" s="278">
        <v>1</v>
      </c>
      <c r="EH29" s="280">
        <v>0</v>
      </c>
      <c r="EI29" s="281">
        <v>2</v>
      </c>
      <c r="EJ29" s="281">
        <v>2</v>
      </c>
      <c r="EK29" s="281">
        <v>2</v>
      </c>
      <c r="EL29" s="281">
        <v>4</v>
      </c>
      <c r="EM29" s="281">
        <v>1</v>
      </c>
      <c r="EN29" s="278">
        <v>11</v>
      </c>
      <c r="EO29" s="283">
        <v>12</v>
      </c>
      <c r="EP29" s="277">
        <v>4</v>
      </c>
      <c r="EQ29" s="281">
        <v>15</v>
      </c>
      <c r="ER29" s="278">
        <v>19</v>
      </c>
      <c r="ES29" s="280">
        <v>0</v>
      </c>
      <c r="ET29" s="281">
        <v>14</v>
      </c>
      <c r="EU29" s="281">
        <v>17</v>
      </c>
      <c r="EV29" s="281">
        <v>10</v>
      </c>
      <c r="EW29" s="281">
        <v>6</v>
      </c>
      <c r="EX29" s="281">
        <v>6</v>
      </c>
      <c r="EY29" s="278">
        <v>53</v>
      </c>
      <c r="EZ29" s="283">
        <v>72</v>
      </c>
    </row>
    <row r="30" spans="2:156" ht="19.5" customHeight="1" x14ac:dyDescent="0.2">
      <c r="B30" s="262" t="s">
        <v>28</v>
      </c>
      <c r="C30" s="277">
        <v>0</v>
      </c>
      <c r="D30" s="281">
        <v>0</v>
      </c>
      <c r="E30" s="385">
        <v>0</v>
      </c>
      <c r="F30" s="280">
        <v>0</v>
      </c>
      <c r="G30" s="281">
        <v>0</v>
      </c>
      <c r="H30" s="281">
        <v>1</v>
      </c>
      <c r="I30" s="281">
        <v>1</v>
      </c>
      <c r="J30" s="281">
        <v>0</v>
      </c>
      <c r="K30" s="281">
        <v>0</v>
      </c>
      <c r="L30" s="282">
        <v>2</v>
      </c>
      <c r="M30" s="283">
        <v>2</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0</v>
      </c>
      <c r="AD30" s="281">
        <v>4</v>
      </c>
      <c r="AE30" s="281">
        <v>1</v>
      </c>
      <c r="AF30" s="281">
        <v>0</v>
      </c>
      <c r="AG30" s="281">
        <v>0</v>
      </c>
      <c r="AH30" s="278">
        <v>5</v>
      </c>
      <c r="AI30" s="283">
        <v>5</v>
      </c>
      <c r="AJ30" s="277">
        <v>0</v>
      </c>
      <c r="AK30" s="281">
        <v>0</v>
      </c>
      <c r="AL30" s="278">
        <v>0</v>
      </c>
      <c r="AM30" s="280">
        <v>0</v>
      </c>
      <c r="AN30" s="281">
        <v>0</v>
      </c>
      <c r="AO30" s="281">
        <v>0</v>
      </c>
      <c r="AP30" s="281">
        <v>0</v>
      </c>
      <c r="AQ30" s="281">
        <v>0</v>
      </c>
      <c r="AR30" s="281">
        <v>0</v>
      </c>
      <c r="AS30" s="278">
        <v>0</v>
      </c>
      <c r="AT30" s="283">
        <v>0</v>
      </c>
      <c r="AU30" s="277">
        <v>0</v>
      </c>
      <c r="AV30" s="281">
        <v>0</v>
      </c>
      <c r="AW30" s="278">
        <v>0</v>
      </c>
      <c r="AX30" s="280">
        <v>0</v>
      </c>
      <c r="AY30" s="281">
        <v>1</v>
      </c>
      <c r="AZ30" s="281">
        <v>2</v>
      </c>
      <c r="BA30" s="281">
        <v>1</v>
      </c>
      <c r="BB30" s="281">
        <v>0</v>
      </c>
      <c r="BC30" s="281">
        <v>0</v>
      </c>
      <c r="BD30" s="282">
        <v>4</v>
      </c>
      <c r="BE30" s="283">
        <v>4</v>
      </c>
      <c r="BF30" s="277">
        <v>0</v>
      </c>
      <c r="BG30" s="281">
        <v>0</v>
      </c>
      <c r="BH30" s="278">
        <v>0</v>
      </c>
      <c r="BI30" s="280">
        <v>0</v>
      </c>
      <c r="BJ30" s="281">
        <v>2</v>
      </c>
      <c r="BK30" s="281">
        <v>0</v>
      </c>
      <c r="BL30" s="281">
        <v>0</v>
      </c>
      <c r="BM30" s="281">
        <v>0</v>
      </c>
      <c r="BN30" s="281">
        <v>0</v>
      </c>
      <c r="BO30" s="278">
        <v>2</v>
      </c>
      <c r="BP30" s="283">
        <v>2</v>
      </c>
      <c r="BQ30" s="277">
        <v>0</v>
      </c>
      <c r="BR30" s="281">
        <v>0</v>
      </c>
      <c r="BS30" s="278">
        <v>0</v>
      </c>
      <c r="BT30" s="280">
        <v>0</v>
      </c>
      <c r="BU30" s="281">
        <v>0</v>
      </c>
      <c r="BV30" s="281">
        <v>1</v>
      </c>
      <c r="BW30" s="281">
        <v>0</v>
      </c>
      <c r="BX30" s="281">
        <v>0</v>
      </c>
      <c r="BY30" s="281">
        <v>0</v>
      </c>
      <c r="BZ30" s="278">
        <v>1</v>
      </c>
      <c r="CA30" s="283">
        <v>1</v>
      </c>
      <c r="CB30" s="277">
        <v>0</v>
      </c>
      <c r="CC30" s="281">
        <v>0</v>
      </c>
      <c r="CD30" s="278">
        <v>0</v>
      </c>
      <c r="CE30" s="280">
        <v>0</v>
      </c>
      <c r="CF30" s="281">
        <v>0</v>
      </c>
      <c r="CG30" s="281">
        <v>0</v>
      </c>
      <c r="CH30" s="281">
        <v>0</v>
      </c>
      <c r="CI30" s="281">
        <v>0</v>
      </c>
      <c r="CJ30" s="281">
        <v>1</v>
      </c>
      <c r="CK30" s="278">
        <v>1</v>
      </c>
      <c r="CL30" s="283">
        <v>1</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c r="DI30" s="277">
        <v>0</v>
      </c>
      <c r="DJ30" s="281">
        <v>0</v>
      </c>
      <c r="DK30" s="278">
        <v>0</v>
      </c>
      <c r="DL30" s="280">
        <v>0</v>
      </c>
      <c r="DM30" s="281">
        <v>0</v>
      </c>
      <c r="DN30" s="281">
        <v>0</v>
      </c>
      <c r="DO30" s="281">
        <v>0</v>
      </c>
      <c r="DP30" s="281">
        <v>0</v>
      </c>
      <c r="DQ30" s="281">
        <v>0</v>
      </c>
      <c r="DR30" s="278">
        <v>0</v>
      </c>
      <c r="DS30" s="283">
        <v>0</v>
      </c>
      <c r="DT30" s="277">
        <v>0</v>
      </c>
      <c r="DU30" s="281">
        <v>1</v>
      </c>
      <c r="DV30" s="278">
        <v>1</v>
      </c>
      <c r="DW30" s="280">
        <v>0</v>
      </c>
      <c r="DX30" s="281">
        <v>3</v>
      </c>
      <c r="DY30" s="281">
        <v>6</v>
      </c>
      <c r="DZ30" s="281">
        <v>0</v>
      </c>
      <c r="EA30" s="281">
        <v>0</v>
      </c>
      <c r="EB30" s="281">
        <v>0</v>
      </c>
      <c r="EC30" s="278">
        <v>9</v>
      </c>
      <c r="ED30" s="283">
        <v>10</v>
      </c>
      <c r="EE30" s="277">
        <v>0</v>
      </c>
      <c r="EF30" s="281">
        <v>0</v>
      </c>
      <c r="EG30" s="278">
        <v>0</v>
      </c>
      <c r="EH30" s="280">
        <v>0</v>
      </c>
      <c r="EI30" s="281">
        <v>1</v>
      </c>
      <c r="EJ30" s="281">
        <v>1</v>
      </c>
      <c r="EK30" s="281">
        <v>1</v>
      </c>
      <c r="EL30" s="281">
        <v>0</v>
      </c>
      <c r="EM30" s="281">
        <v>0</v>
      </c>
      <c r="EN30" s="278">
        <v>3</v>
      </c>
      <c r="EO30" s="283">
        <v>3</v>
      </c>
      <c r="EP30" s="277">
        <v>0</v>
      </c>
      <c r="EQ30" s="281">
        <v>1</v>
      </c>
      <c r="ER30" s="278">
        <v>1</v>
      </c>
      <c r="ES30" s="280">
        <v>0</v>
      </c>
      <c r="ET30" s="281">
        <v>7</v>
      </c>
      <c r="EU30" s="281">
        <v>7</v>
      </c>
      <c r="EV30" s="281">
        <v>1</v>
      </c>
      <c r="EW30" s="281">
        <v>0</v>
      </c>
      <c r="EX30" s="281">
        <v>1</v>
      </c>
      <c r="EY30" s="278">
        <v>16</v>
      </c>
      <c r="EZ30" s="283">
        <v>17</v>
      </c>
    </row>
    <row r="31" spans="2:156" ht="19.5" customHeight="1" x14ac:dyDescent="0.2">
      <c r="B31" s="262" t="s">
        <v>29</v>
      </c>
      <c r="C31" s="277">
        <v>0</v>
      </c>
      <c r="D31" s="281">
        <v>0</v>
      </c>
      <c r="E31" s="385">
        <v>0</v>
      </c>
      <c r="F31" s="280">
        <v>0</v>
      </c>
      <c r="G31" s="281">
        <v>1</v>
      </c>
      <c r="H31" s="281">
        <v>0</v>
      </c>
      <c r="I31" s="281">
        <v>0</v>
      </c>
      <c r="J31" s="281">
        <v>1</v>
      </c>
      <c r="K31" s="281">
        <v>0</v>
      </c>
      <c r="L31" s="282">
        <v>2</v>
      </c>
      <c r="M31" s="283">
        <v>2</v>
      </c>
      <c r="N31" s="277">
        <v>0</v>
      </c>
      <c r="O31" s="281">
        <v>0</v>
      </c>
      <c r="P31" s="278">
        <v>0</v>
      </c>
      <c r="Q31" s="280">
        <v>0</v>
      </c>
      <c r="R31" s="281">
        <v>0</v>
      </c>
      <c r="S31" s="281">
        <v>0</v>
      </c>
      <c r="T31" s="281">
        <v>0</v>
      </c>
      <c r="U31" s="281">
        <v>0</v>
      </c>
      <c r="V31" s="281">
        <v>1</v>
      </c>
      <c r="W31" s="278">
        <v>1</v>
      </c>
      <c r="X31" s="283">
        <v>1</v>
      </c>
      <c r="Y31" s="277">
        <v>0</v>
      </c>
      <c r="Z31" s="281">
        <v>1</v>
      </c>
      <c r="AA31" s="278">
        <v>1</v>
      </c>
      <c r="AB31" s="280">
        <v>0</v>
      </c>
      <c r="AC31" s="281">
        <v>0</v>
      </c>
      <c r="AD31" s="281">
        <v>0</v>
      </c>
      <c r="AE31" s="281">
        <v>1</v>
      </c>
      <c r="AF31" s="281">
        <v>1</v>
      </c>
      <c r="AG31" s="281">
        <v>1</v>
      </c>
      <c r="AH31" s="278">
        <v>3</v>
      </c>
      <c r="AI31" s="283">
        <v>4</v>
      </c>
      <c r="AJ31" s="277">
        <v>0</v>
      </c>
      <c r="AK31" s="281">
        <v>0</v>
      </c>
      <c r="AL31" s="278">
        <v>0</v>
      </c>
      <c r="AM31" s="280">
        <v>0</v>
      </c>
      <c r="AN31" s="281">
        <v>0</v>
      </c>
      <c r="AO31" s="281">
        <v>0</v>
      </c>
      <c r="AP31" s="281">
        <v>0</v>
      </c>
      <c r="AQ31" s="281">
        <v>0</v>
      </c>
      <c r="AR31" s="281">
        <v>0</v>
      </c>
      <c r="AS31" s="278">
        <v>0</v>
      </c>
      <c r="AT31" s="283">
        <v>0</v>
      </c>
      <c r="AU31" s="277">
        <v>0</v>
      </c>
      <c r="AV31" s="281">
        <v>0</v>
      </c>
      <c r="AW31" s="278">
        <v>0</v>
      </c>
      <c r="AX31" s="280">
        <v>0</v>
      </c>
      <c r="AY31" s="281">
        <v>0</v>
      </c>
      <c r="AZ31" s="281">
        <v>2</v>
      </c>
      <c r="BA31" s="281">
        <v>0</v>
      </c>
      <c r="BB31" s="281">
        <v>0</v>
      </c>
      <c r="BC31" s="281">
        <v>1</v>
      </c>
      <c r="BD31" s="282">
        <v>3</v>
      </c>
      <c r="BE31" s="283">
        <v>3</v>
      </c>
      <c r="BF31" s="277">
        <v>0</v>
      </c>
      <c r="BG31" s="281">
        <v>0</v>
      </c>
      <c r="BH31" s="278">
        <v>0</v>
      </c>
      <c r="BI31" s="280">
        <v>0</v>
      </c>
      <c r="BJ31" s="281">
        <v>4</v>
      </c>
      <c r="BK31" s="281">
        <v>3</v>
      </c>
      <c r="BL31" s="281">
        <v>1</v>
      </c>
      <c r="BM31" s="281">
        <v>0</v>
      </c>
      <c r="BN31" s="281">
        <v>1</v>
      </c>
      <c r="BO31" s="278">
        <v>9</v>
      </c>
      <c r="BP31" s="283">
        <v>9</v>
      </c>
      <c r="BQ31" s="277">
        <v>0</v>
      </c>
      <c r="BR31" s="281">
        <v>0</v>
      </c>
      <c r="BS31" s="278">
        <v>0</v>
      </c>
      <c r="BT31" s="280">
        <v>0</v>
      </c>
      <c r="BU31" s="281">
        <v>1</v>
      </c>
      <c r="BV31" s="281">
        <v>0</v>
      </c>
      <c r="BW31" s="281">
        <v>1</v>
      </c>
      <c r="BX31" s="281">
        <v>1</v>
      </c>
      <c r="BY31" s="281">
        <v>0</v>
      </c>
      <c r="BZ31" s="278">
        <v>3</v>
      </c>
      <c r="CA31" s="283">
        <v>3</v>
      </c>
      <c r="CB31" s="277">
        <v>0</v>
      </c>
      <c r="CC31" s="281">
        <v>0</v>
      </c>
      <c r="CD31" s="278">
        <v>0</v>
      </c>
      <c r="CE31" s="280">
        <v>0</v>
      </c>
      <c r="CF31" s="281">
        <v>0</v>
      </c>
      <c r="CG31" s="281">
        <v>0</v>
      </c>
      <c r="CH31" s="281">
        <v>0</v>
      </c>
      <c r="CI31" s="281">
        <v>0</v>
      </c>
      <c r="CJ31" s="281">
        <v>1</v>
      </c>
      <c r="CK31" s="278">
        <v>1</v>
      </c>
      <c r="CL31" s="283">
        <v>1</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c r="DI31" s="277">
        <v>0</v>
      </c>
      <c r="DJ31" s="281">
        <v>0</v>
      </c>
      <c r="DK31" s="278">
        <v>0</v>
      </c>
      <c r="DL31" s="280">
        <v>0</v>
      </c>
      <c r="DM31" s="281">
        <v>0</v>
      </c>
      <c r="DN31" s="281">
        <v>0</v>
      </c>
      <c r="DO31" s="281">
        <v>0</v>
      </c>
      <c r="DP31" s="281">
        <v>0</v>
      </c>
      <c r="DQ31" s="281">
        <v>0</v>
      </c>
      <c r="DR31" s="278">
        <v>0</v>
      </c>
      <c r="DS31" s="283">
        <v>0</v>
      </c>
      <c r="DT31" s="277">
        <v>2</v>
      </c>
      <c r="DU31" s="281">
        <v>1</v>
      </c>
      <c r="DV31" s="278">
        <v>3</v>
      </c>
      <c r="DW31" s="280">
        <v>0</v>
      </c>
      <c r="DX31" s="281">
        <v>1</v>
      </c>
      <c r="DY31" s="281">
        <v>2</v>
      </c>
      <c r="DZ31" s="281">
        <v>2</v>
      </c>
      <c r="EA31" s="281">
        <v>2</v>
      </c>
      <c r="EB31" s="281">
        <v>2</v>
      </c>
      <c r="EC31" s="278">
        <v>9</v>
      </c>
      <c r="ED31" s="283">
        <v>12</v>
      </c>
      <c r="EE31" s="277">
        <v>0</v>
      </c>
      <c r="EF31" s="281">
        <v>0</v>
      </c>
      <c r="EG31" s="278">
        <v>0</v>
      </c>
      <c r="EH31" s="280">
        <v>0</v>
      </c>
      <c r="EI31" s="281">
        <v>0</v>
      </c>
      <c r="EJ31" s="281">
        <v>2</v>
      </c>
      <c r="EK31" s="281">
        <v>0</v>
      </c>
      <c r="EL31" s="281">
        <v>0</v>
      </c>
      <c r="EM31" s="281">
        <v>0</v>
      </c>
      <c r="EN31" s="278">
        <v>2</v>
      </c>
      <c r="EO31" s="283">
        <v>2</v>
      </c>
      <c r="EP31" s="277">
        <v>2</v>
      </c>
      <c r="EQ31" s="281">
        <v>2</v>
      </c>
      <c r="ER31" s="278">
        <v>4</v>
      </c>
      <c r="ES31" s="280">
        <v>0</v>
      </c>
      <c r="ET31" s="281">
        <v>6</v>
      </c>
      <c r="EU31" s="281">
        <v>4</v>
      </c>
      <c r="EV31" s="281">
        <v>2</v>
      </c>
      <c r="EW31" s="281">
        <v>2</v>
      </c>
      <c r="EX31" s="281">
        <v>2</v>
      </c>
      <c r="EY31" s="278">
        <v>16</v>
      </c>
      <c r="EZ31" s="283">
        <v>20</v>
      </c>
    </row>
    <row r="32" spans="2:156" ht="19.5" customHeight="1" x14ac:dyDescent="0.2">
      <c r="B32" s="262" t="s">
        <v>30</v>
      </c>
      <c r="C32" s="277">
        <v>0</v>
      </c>
      <c r="D32" s="281">
        <v>0</v>
      </c>
      <c r="E32" s="385">
        <v>0</v>
      </c>
      <c r="F32" s="280">
        <v>0</v>
      </c>
      <c r="G32" s="281">
        <v>1</v>
      </c>
      <c r="H32" s="281">
        <v>2</v>
      </c>
      <c r="I32" s="281">
        <v>1</v>
      </c>
      <c r="J32" s="281">
        <v>2</v>
      </c>
      <c r="K32" s="281">
        <v>0</v>
      </c>
      <c r="L32" s="282">
        <v>6</v>
      </c>
      <c r="M32" s="283">
        <v>6</v>
      </c>
      <c r="N32" s="277">
        <v>0</v>
      </c>
      <c r="O32" s="281">
        <v>0</v>
      </c>
      <c r="P32" s="278">
        <v>0</v>
      </c>
      <c r="Q32" s="280">
        <v>0</v>
      </c>
      <c r="R32" s="281">
        <v>0</v>
      </c>
      <c r="S32" s="281">
        <v>0</v>
      </c>
      <c r="T32" s="281">
        <v>0</v>
      </c>
      <c r="U32" s="281">
        <v>1</v>
      </c>
      <c r="V32" s="281">
        <v>0</v>
      </c>
      <c r="W32" s="278">
        <v>1</v>
      </c>
      <c r="X32" s="283">
        <v>1</v>
      </c>
      <c r="Y32" s="277">
        <v>0</v>
      </c>
      <c r="Z32" s="281">
        <v>1</v>
      </c>
      <c r="AA32" s="278">
        <v>1</v>
      </c>
      <c r="AB32" s="280">
        <v>0</v>
      </c>
      <c r="AC32" s="281">
        <v>1</v>
      </c>
      <c r="AD32" s="281">
        <v>0</v>
      </c>
      <c r="AE32" s="281">
        <v>0</v>
      </c>
      <c r="AF32" s="281">
        <v>2</v>
      </c>
      <c r="AG32" s="281">
        <v>0</v>
      </c>
      <c r="AH32" s="278">
        <v>3</v>
      </c>
      <c r="AI32" s="283">
        <v>4</v>
      </c>
      <c r="AJ32" s="277">
        <v>0</v>
      </c>
      <c r="AK32" s="281">
        <v>0</v>
      </c>
      <c r="AL32" s="278">
        <v>0</v>
      </c>
      <c r="AM32" s="280">
        <v>0</v>
      </c>
      <c r="AN32" s="281">
        <v>0</v>
      </c>
      <c r="AO32" s="281">
        <v>0</v>
      </c>
      <c r="AP32" s="281">
        <v>0</v>
      </c>
      <c r="AQ32" s="281">
        <v>0</v>
      </c>
      <c r="AR32" s="281">
        <v>0</v>
      </c>
      <c r="AS32" s="278">
        <v>0</v>
      </c>
      <c r="AT32" s="283">
        <v>0</v>
      </c>
      <c r="AU32" s="277">
        <v>0</v>
      </c>
      <c r="AV32" s="281">
        <v>0</v>
      </c>
      <c r="AW32" s="278">
        <v>0</v>
      </c>
      <c r="AX32" s="280">
        <v>0</v>
      </c>
      <c r="AY32" s="281">
        <v>2</v>
      </c>
      <c r="AZ32" s="281">
        <v>1</v>
      </c>
      <c r="BA32" s="281">
        <v>0</v>
      </c>
      <c r="BB32" s="281">
        <v>2</v>
      </c>
      <c r="BC32" s="281">
        <v>0</v>
      </c>
      <c r="BD32" s="282">
        <v>5</v>
      </c>
      <c r="BE32" s="283">
        <v>5</v>
      </c>
      <c r="BF32" s="277">
        <v>0</v>
      </c>
      <c r="BG32" s="281">
        <v>0</v>
      </c>
      <c r="BH32" s="278">
        <v>0</v>
      </c>
      <c r="BI32" s="280">
        <v>0</v>
      </c>
      <c r="BJ32" s="281">
        <v>0</v>
      </c>
      <c r="BK32" s="281">
        <v>0</v>
      </c>
      <c r="BL32" s="281">
        <v>0</v>
      </c>
      <c r="BM32" s="281">
        <v>2</v>
      </c>
      <c r="BN32" s="281">
        <v>0</v>
      </c>
      <c r="BO32" s="278">
        <v>2</v>
      </c>
      <c r="BP32" s="283">
        <v>2</v>
      </c>
      <c r="BQ32" s="277">
        <v>0</v>
      </c>
      <c r="BR32" s="281">
        <v>0</v>
      </c>
      <c r="BS32" s="278">
        <v>0</v>
      </c>
      <c r="BT32" s="280">
        <v>0</v>
      </c>
      <c r="BU32" s="281">
        <v>1</v>
      </c>
      <c r="BV32" s="281">
        <v>0</v>
      </c>
      <c r="BW32" s="281">
        <v>0</v>
      </c>
      <c r="BX32" s="281">
        <v>0</v>
      </c>
      <c r="BY32" s="281">
        <v>0</v>
      </c>
      <c r="BZ32" s="278">
        <v>1</v>
      </c>
      <c r="CA32" s="283">
        <v>1</v>
      </c>
      <c r="CB32" s="277">
        <v>0</v>
      </c>
      <c r="CC32" s="281">
        <v>0</v>
      </c>
      <c r="CD32" s="278">
        <v>0</v>
      </c>
      <c r="CE32" s="280">
        <v>0</v>
      </c>
      <c r="CF32" s="281">
        <v>1</v>
      </c>
      <c r="CG32" s="281">
        <v>0</v>
      </c>
      <c r="CH32" s="281">
        <v>0</v>
      </c>
      <c r="CI32" s="281">
        <v>2</v>
      </c>
      <c r="CJ32" s="281">
        <v>0</v>
      </c>
      <c r="CK32" s="278">
        <v>3</v>
      </c>
      <c r="CL32" s="283">
        <v>3</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c r="DI32" s="277">
        <v>0</v>
      </c>
      <c r="DJ32" s="281">
        <v>0</v>
      </c>
      <c r="DK32" s="278">
        <v>0</v>
      </c>
      <c r="DL32" s="280">
        <v>0</v>
      </c>
      <c r="DM32" s="281">
        <v>0</v>
      </c>
      <c r="DN32" s="281">
        <v>0</v>
      </c>
      <c r="DO32" s="281">
        <v>0</v>
      </c>
      <c r="DP32" s="281">
        <v>0</v>
      </c>
      <c r="DQ32" s="281">
        <v>0</v>
      </c>
      <c r="DR32" s="278">
        <v>0</v>
      </c>
      <c r="DS32" s="283">
        <v>0</v>
      </c>
      <c r="DT32" s="277">
        <v>1</v>
      </c>
      <c r="DU32" s="281">
        <v>1</v>
      </c>
      <c r="DV32" s="278">
        <v>2</v>
      </c>
      <c r="DW32" s="280">
        <v>0</v>
      </c>
      <c r="DX32" s="281">
        <v>2</v>
      </c>
      <c r="DY32" s="281">
        <v>2</v>
      </c>
      <c r="DZ32" s="281">
        <v>2</v>
      </c>
      <c r="EA32" s="281">
        <v>4</v>
      </c>
      <c r="EB32" s="281">
        <v>0</v>
      </c>
      <c r="EC32" s="278">
        <v>10</v>
      </c>
      <c r="ED32" s="283">
        <v>12</v>
      </c>
      <c r="EE32" s="277">
        <v>0</v>
      </c>
      <c r="EF32" s="281">
        <v>0</v>
      </c>
      <c r="EG32" s="278">
        <v>0</v>
      </c>
      <c r="EH32" s="280">
        <v>0</v>
      </c>
      <c r="EI32" s="281">
        <v>2</v>
      </c>
      <c r="EJ32" s="281">
        <v>0</v>
      </c>
      <c r="EK32" s="281">
        <v>0</v>
      </c>
      <c r="EL32" s="281">
        <v>0</v>
      </c>
      <c r="EM32" s="281">
        <v>0</v>
      </c>
      <c r="EN32" s="278">
        <v>2</v>
      </c>
      <c r="EO32" s="283">
        <v>2</v>
      </c>
      <c r="EP32" s="277">
        <v>2</v>
      </c>
      <c r="EQ32" s="281">
        <v>1</v>
      </c>
      <c r="ER32" s="278">
        <v>3</v>
      </c>
      <c r="ES32" s="280">
        <v>0</v>
      </c>
      <c r="ET32" s="281">
        <v>4</v>
      </c>
      <c r="EU32" s="281">
        <v>3</v>
      </c>
      <c r="EV32" s="281">
        <v>2</v>
      </c>
      <c r="EW32" s="281">
        <v>5</v>
      </c>
      <c r="EX32" s="281">
        <v>0</v>
      </c>
      <c r="EY32" s="278">
        <v>14</v>
      </c>
      <c r="EZ32" s="283">
        <v>17</v>
      </c>
    </row>
    <row r="33" spans="2:156" ht="19.5" customHeight="1" x14ac:dyDescent="0.2">
      <c r="B33" s="262" t="s">
        <v>31</v>
      </c>
      <c r="C33" s="277">
        <v>0</v>
      </c>
      <c r="D33" s="281">
        <v>0</v>
      </c>
      <c r="E33" s="385">
        <v>0</v>
      </c>
      <c r="F33" s="280">
        <v>0</v>
      </c>
      <c r="G33" s="281">
        <v>2</v>
      </c>
      <c r="H33" s="281">
        <v>1</v>
      </c>
      <c r="I33" s="281">
        <v>0</v>
      </c>
      <c r="J33" s="281">
        <v>1</v>
      </c>
      <c r="K33" s="281">
        <v>0</v>
      </c>
      <c r="L33" s="282">
        <v>4</v>
      </c>
      <c r="M33" s="283">
        <v>4</v>
      </c>
      <c r="N33" s="277">
        <v>0</v>
      </c>
      <c r="O33" s="281">
        <v>0</v>
      </c>
      <c r="P33" s="278">
        <v>0</v>
      </c>
      <c r="Q33" s="280">
        <v>0</v>
      </c>
      <c r="R33" s="281">
        <v>0</v>
      </c>
      <c r="S33" s="281">
        <v>1</v>
      </c>
      <c r="T33" s="281">
        <v>1</v>
      </c>
      <c r="U33" s="281">
        <v>0</v>
      </c>
      <c r="V33" s="281">
        <v>0</v>
      </c>
      <c r="W33" s="278">
        <v>2</v>
      </c>
      <c r="X33" s="283">
        <v>2</v>
      </c>
      <c r="Y33" s="277">
        <v>0</v>
      </c>
      <c r="Z33" s="281">
        <v>0</v>
      </c>
      <c r="AA33" s="278">
        <v>0</v>
      </c>
      <c r="AB33" s="280">
        <v>0</v>
      </c>
      <c r="AC33" s="281">
        <v>2</v>
      </c>
      <c r="AD33" s="281">
        <v>0</v>
      </c>
      <c r="AE33" s="281">
        <v>1</v>
      </c>
      <c r="AF33" s="281">
        <v>1</v>
      </c>
      <c r="AG33" s="281">
        <v>0</v>
      </c>
      <c r="AH33" s="278">
        <v>4</v>
      </c>
      <c r="AI33" s="283">
        <v>4</v>
      </c>
      <c r="AJ33" s="277">
        <v>0</v>
      </c>
      <c r="AK33" s="281">
        <v>0</v>
      </c>
      <c r="AL33" s="278">
        <v>0</v>
      </c>
      <c r="AM33" s="280">
        <v>0</v>
      </c>
      <c r="AN33" s="281">
        <v>1</v>
      </c>
      <c r="AO33" s="281">
        <v>1</v>
      </c>
      <c r="AP33" s="281">
        <v>0</v>
      </c>
      <c r="AQ33" s="281">
        <v>1</v>
      </c>
      <c r="AR33" s="281">
        <v>0</v>
      </c>
      <c r="AS33" s="278">
        <v>3</v>
      </c>
      <c r="AT33" s="283">
        <v>3</v>
      </c>
      <c r="AU33" s="277">
        <v>0</v>
      </c>
      <c r="AV33" s="281">
        <v>0</v>
      </c>
      <c r="AW33" s="278">
        <v>0</v>
      </c>
      <c r="AX33" s="280">
        <v>0</v>
      </c>
      <c r="AY33" s="281">
        <v>0</v>
      </c>
      <c r="AZ33" s="281">
        <v>1</v>
      </c>
      <c r="BA33" s="281">
        <v>0</v>
      </c>
      <c r="BB33" s="281">
        <v>1</v>
      </c>
      <c r="BC33" s="281">
        <v>0</v>
      </c>
      <c r="BD33" s="282">
        <v>2</v>
      </c>
      <c r="BE33" s="283">
        <v>2</v>
      </c>
      <c r="BF33" s="277">
        <v>0</v>
      </c>
      <c r="BG33" s="281">
        <v>0</v>
      </c>
      <c r="BH33" s="278">
        <v>0</v>
      </c>
      <c r="BI33" s="280">
        <v>0</v>
      </c>
      <c r="BJ33" s="281">
        <v>4</v>
      </c>
      <c r="BK33" s="281">
        <v>2</v>
      </c>
      <c r="BL33" s="281">
        <v>1</v>
      </c>
      <c r="BM33" s="281">
        <v>1</v>
      </c>
      <c r="BN33" s="281">
        <v>0</v>
      </c>
      <c r="BO33" s="278">
        <v>8</v>
      </c>
      <c r="BP33" s="283">
        <v>8</v>
      </c>
      <c r="BQ33" s="277">
        <v>0</v>
      </c>
      <c r="BR33" s="281">
        <v>0</v>
      </c>
      <c r="BS33" s="278">
        <v>0</v>
      </c>
      <c r="BT33" s="280">
        <v>0</v>
      </c>
      <c r="BU33" s="281">
        <v>0</v>
      </c>
      <c r="BV33" s="281">
        <v>3</v>
      </c>
      <c r="BW33" s="281">
        <v>0</v>
      </c>
      <c r="BX33" s="281">
        <v>1</v>
      </c>
      <c r="BY33" s="281">
        <v>0</v>
      </c>
      <c r="BZ33" s="278">
        <v>4</v>
      </c>
      <c r="CA33" s="283">
        <v>4</v>
      </c>
      <c r="CB33" s="277">
        <v>0</v>
      </c>
      <c r="CC33" s="281">
        <v>0</v>
      </c>
      <c r="CD33" s="278">
        <v>0</v>
      </c>
      <c r="CE33" s="280">
        <v>0</v>
      </c>
      <c r="CF33" s="281">
        <v>1</v>
      </c>
      <c r="CG33" s="281">
        <v>2</v>
      </c>
      <c r="CH33" s="281">
        <v>0</v>
      </c>
      <c r="CI33" s="281">
        <v>1</v>
      </c>
      <c r="CJ33" s="281">
        <v>0</v>
      </c>
      <c r="CK33" s="278">
        <v>4</v>
      </c>
      <c r="CL33" s="283">
        <v>4</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c r="DI33" s="277">
        <v>0</v>
      </c>
      <c r="DJ33" s="281">
        <v>0</v>
      </c>
      <c r="DK33" s="278">
        <v>0</v>
      </c>
      <c r="DL33" s="280">
        <v>0</v>
      </c>
      <c r="DM33" s="281">
        <v>0</v>
      </c>
      <c r="DN33" s="281">
        <v>0</v>
      </c>
      <c r="DO33" s="281">
        <v>0</v>
      </c>
      <c r="DP33" s="281">
        <v>0</v>
      </c>
      <c r="DQ33" s="281">
        <v>0</v>
      </c>
      <c r="DR33" s="278">
        <v>0</v>
      </c>
      <c r="DS33" s="283">
        <v>0</v>
      </c>
      <c r="DT33" s="277">
        <v>3</v>
      </c>
      <c r="DU33" s="281">
        <v>1</v>
      </c>
      <c r="DV33" s="278">
        <v>4</v>
      </c>
      <c r="DW33" s="280">
        <v>0</v>
      </c>
      <c r="DX33" s="281">
        <v>3</v>
      </c>
      <c r="DY33" s="281">
        <v>7</v>
      </c>
      <c r="DZ33" s="281">
        <v>2</v>
      </c>
      <c r="EA33" s="281">
        <v>1</v>
      </c>
      <c r="EB33" s="281">
        <v>0</v>
      </c>
      <c r="EC33" s="278">
        <v>13</v>
      </c>
      <c r="ED33" s="283">
        <v>17</v>
      </c>
      <c r="EE33" s="277">
        <v>0</v>
      </c>
      <c r="EF33" s="281">
        <v>0</v>
      </c>
      <c r="EG33" s="278">
        <v>0</v>
      </c>
      <c r="EH33" s="280">
        <v>0</v>
      </c>
      <c r="EI33" s="281">
        <v>0</v>
      </c>
      <c r="EJ33" s="281">
        <v>1</v>
      </c>
      <c r="EK33" s="281">
        <v>1</v>
      </c>
      <c r="EL33" s="281">
        <v>0</v>
      </c>
      <c r="EM33" s="281">
        <v>0</v>
      </c>
      <c r="EN33" s="278">
        <v>2</v>
      </c>
      <c r="EO33" s="283">
        <v>2</v>
      </c>
      <c r="EP33" s="277">
        <v>3</v>
      </c>
      <c r="EQ33" s="281">
        <v>1</v>
      </c>
      <c r="ER33" s="278">
        <v>4</v>
      </c>
      <c r="ES33" s="280">
        <v>0</v>
      </c>
      <c r="ET33" s="281">
        <v>8</v>
      </c>
      <c r="EU33" s="281">
        <v>10</v>
      </c>
      <c r="EV33" s="281">
        <v>2</v>
      </c>
      <c r="EW33" s="281">
        <v>3</v>
      </c>
      <c r="EX33" s="281">
        <v>0</v>
      </c>
      <c r="EY33" s="278">
        <v>23</v>
      </c>
      <c r="EZ33" s="283">
        <v>27</v>
      </c>
    </row>
    <row r="34" spans="2:156" ht="19.5" customHeight="1" x14ac:dyDescent="0.2">
      <c r="B34" s="262" t="s">
        <v>32</v>
      </c>
      <c r="C34" s="277">
        <v>0</v>
      </c>
      <c r="D34" s="281">
        <v>0</v>
      </c>
      <c r="E34" s="385">
        <v>0</v>
      </c>
      <c r="F34" s="280">
        <v>0</v>
      </c>
      <c r="G34" s="281">
        <v>1</v>
      </c>
      <c r="H34" s="281">
        <v>2</v>
      </c>
      <c r="I34" s="281">
        <v>1</v>
      </c>
      <c r="J34" s="281">
        <v>2</v>
      </c>
      <c r="K34" s="281">
        <v>1</v>
      </c>
      <c r="L34" s="282">
        <v>7</v>
      </c>
      <c r="M34" s="283">
        <v>7</v>
      </c>
      <c r="N34" s="277">
        <v>0</v>
      </c>
      <c r="O34" s="281">
        <v>0</v>
      </c>
      <c r="P34" s="278">
        <v>0</v>
      </c>
      <c r="Q34" s="280">
        <v>0</v>
      </c>
      <c r="R34" s="281">
        <v>0</v>
      </c>
      <c r="S34" s="281">
        <v>1</v>
      </c>
      <c r="T34" s="281">
        <v>0</v>
      </c>
      <c r="U34" s="281">
        <v>1</v>
      </c>
      <c r="V34" s="281">
        <v>1</v>
      </c>
      <c r="W34" s="278">
        <v>3</v>
      </c>
      <c r="X34" s="283">
        <v>3</v>
      </c>
      <c r="Y34" s="277">
        <v>0</v>
      </c>
      <c r="Z34" s="281">
        <v>1</v>
      </c>
      <c r="AA34" s="278">
        <v>1</v>
      </c>
      <c r="AB34" s="280">
        <v>0</v>
      </c>
      <c r="AC34" s="281">
        <v>2</v>
      </c>
      <c r="AD34" s="281">
        <v>2</v>
      </c>
      <c r="AE34" s="281">
        <v>1</v>
      </c>
      <c r="AF34" s="281">
        <v>1</v>
      </c>
      <c r="AG34" s="281">
        <v>0</v>
      </c>
      <c r="AH34" s="278">
        <v>6</v>
      </c>
      <c r="AI34" s="283">
        <v>7</v>
      </c>
      <c r="AJ34" s="277">
        <v>0</v>
      </c>
      <c r="AK34" s="281">
        <v>0</v>
      </c>
      <c r="AL34" s="278">
        <v>0</v>
      </c>
      <c r="AM34" s="280">
        <v>0</v>
      </c>
      <c r="AN34" s="281">
        <v>0</v>
      </c>
      <c r="AO34" s="281">
        <v>1</v>
      </c>
      <c r="AP34" s="281">
        <v>0</v>
      </c>
      <c r="AQ34" s="281">
        <v>0</v>
      </c>
      <c r="AR34" s="281">
        <v>0</v>
      </c>
      <c r="AS34" s="278">
        <v>1</v>
      </c>
      <c r="AT34" s="283">
        <v>1</v>
      </c>
      <c r="AU34" s="277">
        <v>0</v>
      </c>
      <c r="AV34" s="281">
        <v>0</v>
      </c>
      <c r="AW34" s="278">
        <v>0</v>
      </c>
      <c r="AX34" s="280">
        <v>0</v>
      </c>
      <c r="AY34" s="281">
        <v>0</v>
      </c>
      <c r="AZ34" s="281">
        <v>1</v>
      </c>
      <c r="BA34" s="281">
        <v>4</v>
      </c>
      <c r="BB34" s="281">
        <v>3</v>
      </c>
      <c r="BC34" s="281">
        <v>0</v>
      </c>
      <c r="BD34" s="282">
        <v>8</v>
      </c>
      <c r="BE34" s="283">
        <v>8</v>
      </c>
      <c r="BF34" s="277">
        <v>0</v>
      </c>
      <c r="BG34" s="281">
        <v>0</v>
      </c>
      <c r="BH34" s="278">
        <v>0</v>
      </c>
      <c r="BI34" s="280">
        <v>0</v>
      </c>
      <c r="BJ34" s="281">
        <v>3</v>
      </c>
      <c r="BK34" s="281">
        <v>1</v>
      </c>
      <c r="BL34" s="281">
        <v>1</v>
      </c>
      <c r="BM34" s="281">
        <v>0</v>
      </c>
      <c r="BN34" s="281">
        <v>1</v>
      </c>
      <c r="BO34" s="278">
        <v>6</v>
      </c>
      <c r="BP34" s="283">
        <v>6</v>
      </c>
      <c r="BQ34" s="277">
        <v>0</v>
      </c>
      <c r="BR34" s="281">
        <v>0</v>
      </c>
      <c r="BS34" s="278">
        <v>0</v>
      </c>
      <c r="BT34" s="280">
        <v>0</v>
      </c>
      <c r="BU34" s="281">
        <v>2</v>
      </c>
      <c r="BV34" s="281">
        <v>0</v>
      </c>
      <c r="BW34" s="281">
        <v>0</v>
      </c>
      <c r="BX34" s="281">
        <v>0</v>
      </c>
      <c r="BY34" s="281">
        <v>1</v>
      </c>
      <c r="BZ34" s="278">
        <v>3</v>
      </c>
      <c r="CA34" s="283">
        <v>3</v>
      </c>
      <c r="CB34" s="277">
        <v>0</v>
      </c>
      <c r="CC34" s="281">
        <v>0</v>
      </c>
      <c r="CD34" s="278">
        <v>0</v>
      </c>
      <c r="CE34" s="280">
        <v>0</v>
      </c>
      <c r="CF34" s="281">
        <v>1</v>
      </c>
      <c r="CG34" s="281">
        <v>0</v>
      </c>
      <c r="CH34" s="281">
        <v>1</v>
      </c>
      <c r="CI34" s="281">
        <v>0</v>
      </c>
      <c r="CJ34" s="281">
        <v>0</v>
      </c>
      <c r="CK34" s="278">
        <v>2</v>
      </c>
      <c r="CL34" s="283">
        <v>2</v>
      </c>
      <c r="CM34" s="277">
        <v>0</v>
      </c>
      <c r="CN34" s="281">
        <v>0</v>
      </c>
      <c r="CO34" s="278">
        <v>0</v>
      </c>
      <c r="CP34" s="280">
        <v>0</v>
      </c>
      <c r="CQ34" s="281">
        <v>0</v>
      </c>
      <c r="CR34" s="281">
        <v>0</v>
      </c>
      <c r="CS34" s="281">
        <v>0</v>
      </c>
      <c r="CT34" s="281">
        <v>0</v>
      </c>
      <c r="CU34" s="281">
        <v>1</v>
      </c>
      <c r="CV34" s="278">
        <v>1</v>
      </c>
      <c r="CW34" s="283">
        <v>1</v>
      </c>
      <c r="CX34" s="277">
        <v>0</v>
      </c>
      <c r="CY34" s="281">
        <v>0</v>
      </c>
      <c r="CZ34" s="278">
        <v>0</v>
      </c>
      <c r="DA34" s="280">
        <v>0</v>
      </c>
      <c r="DB34" s="281">
        <v>0</v>
      </c>
      <c r="DC34" s="281">
        <v>0</v>
      </c>
      <c r="DD34" s="281">
        <v>0</v>
      </c>
      <c r="DE34" s="281">
        <v>0</v>
      </c>
      <c r="DF34" s="281">
        <v>0</v>
      </c>
      <c r="DG34" s="278">
        <v>0</v>
      </c>
      <c r="DH34" s="283">
        <v>0</v>
      </c>
      <c r="DI34" s="277">
        <v>0</v>
      </c>
      <c r="DJ34" s="281">
        <v>0</v>
      </c>
      <c r="DK34" s="278">
        <v>0</v>
      </c>
      <c r="DL34" s="280">
        <v>0</v>
      </c>
      <c r="DM34" s="281">
        <v>0</v>
      </c>
      <c r="DN34" s="281">
        <v>0</v>
      </c>
      <c r="DO34" s="281">
        <v>0</v>
      </c>
      <c r="DP34" s="281">
        <v>0</v>
      </c>
      <c r="DQ34" s="281">
        <v>0</v>
      </c>
      <c r="DR34" s="278">
        <v>0</v>
      </c>
      <c r="DS34" s="283">
        <v>0</v>
      </c>
      <c r="DT34" s="277">
        <v>0</v>
      </c>
      <c r="DU34" s="281">
        <v>3</v>
      </c>
      <c r="DV34" s="278">
        <v>3</v>
      </c>
      <c r="DW34" s="280">
        <v>0</v>
      </c>
      <c r="DX34" s="281">
        <v>5</v>
      </c>
      <c r="DY34" s="281">
        <v>7</v>
      </c>
      <c r="DZ34" s="281">
        <v>3</v>
      </c>
      <c r="EA34" s="281">
        <v>2</v>
      </c>
      <c r="EB34" s="281">
        <v>2</v>
      </c>
      <c r="EC34" s="278">
        <v>19</v>
      </c>
      <c r="ED34" s="283">
        <v>22</v>
      </c>
      <c r="EE34" s="277">
        <v>0</v>
      </c>
      <c r="EF34" s="281">
        <v>1</v>
      </c>
      <c r="EG34" s="278">
        <v>1</v>
      </c>
      <c r="EH34" s="280">
        <v>0</v>
      </c>
      <c r="EI34" s="281">
        <v>0</v>
      </c>
      <c r="EJ34" s="281">
        <v>1</v>
      </c>
      <c r="EK34" s="281">
        <v>1</v>
      </c>
      <c r="EL34" s="281">
        <v>2</v>
      </c>
      <c r="EM34" s="281">
        <v>0</v>
      </c>
      <c r="EN34" s="278">
        <v>4</v>
      </c>
      <c r="EO34" s="283">
        <v>5</v>
      </c>
      <c r="EP34" s="277">
        <v>0</v>
      </c>
      <c r="EQ34" s="281">
        <v>3</v>
      </c>
      <c r="ER34" s="278">
        <v>3</v>
      </c>
      <c r="ES34" s="280">
        <v>0</v>
      </c>
      <c r="ET34" s="281">
        <v>9</v>
      </c>
      <c r="EU34" s="281">
        <v>8</v>
      </c>
      <c r="EV34" s="281">
        <v>3</v>
      </c>
      <c r="EW34" s="281">
        <v>2</v>
      </c>
      <c r="EX34" s="281">
        <v>2</v>
      </c>
      <c r="EY34" s="278">
        <v>24</v>
      </c>
      <c r="EZ34" s="283">
        <v>27</v>
      </c>
    </row>
    <row r="35" spans="2:156" ht="19.5" customHeight="1" x14ac:dyDescent="0.2">
      <c r="B35" s="262" t="s">
        <v>33</v>
      </c>
      <c r="C35" s="277">
        <v>0</v>
      </c>
      <c r="D35" s="281">
        <v>0</v>
      </c>
      <c r="E35" s="385">
        <v>0</v>
      </c>
      <c r="F35" s="280">
        <v>0</v>
      </c>
      <c r="G35" s="281">
        <v>2</v>
      </c>
      <c r="H35" s="281">
        <v>0</v>
      </c>
      <c r="I35" s="281">
        <v>0</v>
      </c>
      <c r="J35" s="281">
        <v>0</v>
      </c>
      <c r="K35" s="281">
        <v>0</v>
      </c>
      <c r="L35" s="282">
        <v>2</v>
      </c>
      <c r="M35" s="283">
        <v>2</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2</v>
      </c>
      <c r="AD35" s="281">
        <v>0</v>
      </c>
      <c r="AE35" s="281">
        <v>0</v>
      </c>
      <c r="AF35" s="281">
        <v>0</v>
      </c>
      <c r="AG35" s="281">
        <v>0</v>
      </c>
      <c r="AH35" s="278">
        <v>2</v>
      </c>
      <c r="AI35" s="283">
        <v>2</v>
      </c>
      <c r="AJ35" s="277">
        <v>2</v>
      </c>
      <c r="AK35" s="281">
        <v>2</v>
      </c>
      <c r="AL35" s="278">
        <v>4</v>
      </c>
      <c r="AM35" s="280">
        <v>0</v>
      </c>
      <c r="AN35" s="281">
        <v>0</v>
      </c>
      <c r="AO35" s="281">
        <v>0</v>
      </c>
      <c r="AP35" s="281">
        <v>0</v>
      </c>
      <c r="AQ35" s="281">
        <v>0</v>
      </c>
      <c r="AR35" s="281">
        <v>0</v>
      </c>
      <c r="AS35" s="278">
        <v>0</v>
      </c>
      <c r="AT35" s="283">
        <v>4</v>
      </c>
      <c r="AU35" s="277">
        <v>0</v>
      </c>
      <c r="AV35" s="281">
        <v>0</v>
      </c>
      <c r="AW35" s="278">
        <v>0</v>
      </c>
      <c r="AX35" s="280">
        <v>0</v>
      </c>
      <c r="AY35" s="281">
        <v>1</v>
      </c>
      <c r="AZ35" s="281">
        <v>0</v>
      </c>
      <c r="BA35" s="281">
        <v>1</v>
      </c>
      <c r="BB35" s="281">
        <v>0</v>
      </c>
      <c r="BC35" s="281">
        <v>0</v>
      </c>
      <c r="BD35" s="282">
        <v>2</v>
      </c>
      <c r="BE35" s="283">
        <v>2</v>
      </c>
      <c r="BF35" s="277">
        <v>0</v>
      </c>
      <c r="BG35" s="281">
        <v>0</v>
      </c>
      <c r="BH35" s="278">
        <v>0</v>
      </c>
      <c r="BI35" s="280">
        <v>0</v>
      </c>
      <c r="BJ35" s="281">
        <v>1</v>
      </c>
      <c r="BK35" s="281">
        <v>0</v>
      </c>
      <c r="BL35" s="281">
        <v>0</v>
      </c>
      <c r="BM35" s="281">
        <v>0</v>
      </c>
      <c r="BN35" s="281">
        <v>0</v>
      </c>
      <c r="BO35" s="278">
        <v>1</v>
      </c>
      <c r="BP35" s="283">
        <v>1</v>
      </c>
      <c r="BQ35" s="277">
        <v>1</v>
      </c>
      <c r="BR35" s="281">
        <v>0</v>
      </c>
      <c r="BS35" s="278">
        <v>1</v>
      </c>
      <c r="BT35" s="280">
        <v>0</v>
      </c>
      <c r="BU35" s="281">
        <v>1</v>
      </c>
      <c r="BV35" s="281">
        <v>2</v>
      </c>
      <c r="BW35" s="281">
        <v>0</v>
      </c>
      <c r="BX35" s="281">
        <v>0</v>
      </c>
      <c r="BY35" s="281">
        <v>0</v>
      </c>
      <c r="BZ35" s="278">
        <v>3</v>
      </c>
      <c r="CA35" s="283">
        <v>4</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0</v>
      </c>
      <c r="DE35" s="281">
        <v>0</v>
      </c>
      <c r="DF35" s="281">
        <v>0</v>
      </c>
      <c r="DG35" s="278">
        <v>0</v>
      </c>
      <c r="DH35" s="283">
        <v>0</v>
      </c>
      <c r="DI35" s="277">
        <v>0</v>
      </c>
      <c r="DJ35" s="281">
        <v>0</v>
      </c>
      <c r="DK35" s="278">
        <v>0</v>
      </c>
      <c r="DL35" s="280">
        <v>0</v>
      </c>
      <c r="DM35" s="281">
        <v>0</v>
      </c>
      <c r="DN35" s="281">
        <v>0</v>
      </c>
      <c r="DO35" s="281">
        <v>0</v>
      </c>
      <c r="DP35" s="281">
        <v>0</v>
      </c>
      <c r="DQ35" s="281">
        <v>0</v>
      </c>
      <c r="DR35" s="278">
        <v>0</v>
      </c>
      <c r="DS35" s="283">
        <v>0</v>
      </c>
      <c r="DT35" s="277">
        <v>1</v>
      </c>
      <c r="DU35" s="281">
        <v>0</v>
      </c>
      <c r="DV35" s="278">
        <v>1</v>
      </c>
      <c r="DW35" s="280">
        <v>0</v>
      </c>
      <c r="DX35" s="281">
        <v>3</v>
      </c>
      <c r="DY35" s="281">
        <v>0</v>
      </c>
      <c r="DZ35" s="281">
        <v>1</v>
      </c>
      <c r="EA35" s="281">
        <v>0</v>
      </c>
      <c r="EB35" s="281">
        <v>0</v>
      </c>
      <c r="EC35" s="278">
        <v>4</v>
      </c>
      <c r="ED35" s="283">
        <v>5</v>
      </c>
      <c r="EE35" s="277">
        <v>0</v>
      </c>
      <c r="EF35" s="281">
        <v>0</v>
      </c>
      <c r="EG35" s="278">
        <v>0</v>
      </c>
      <c r="EH35" s="280">
        <v>0</v>
      </c>
      <c r="EI35" s="281">
        <v>0</v>
      </c>
      <c r="EJ35" s="281">
        <v>0</v>
      </c>
      <c r="EK35" s="281">
        <v>0</v>
      </c>
      <c r="EL35" s="281">
        <v>0</v>
      </c>
      <c r="EM35" s="281">
        <v>0</v>
      </c>
      <c r="EN35" s="278">
        <v>0</v>
      </c>
      <c r="EO35" s="283">
        <v>0</v>
      </c>
      <c r="EP35" s="277">
        <v>3</v>
      </c>
      <c r="EQ35" s="281">
        <v>2</v>
      </c>
      <c r="ER35" s="278">
        <v>5</v>
      </c>
      <c r="ES35" s="280">
        <v>0</v>
      </c>
      <c r="ET35" s="281">
        <v>5</v>
      </c>
      <c r="EU35" s="281">
        <v>2</v>
      </c>
      <c r="EV35" s="281">
        <v>0</v>
      </c>
      <c r="EW35" s="281">
        <v>0</v>
      </c>
      <c r="EX35" s="281">
        <v>0</v>
      </c>
      <c r="EY35" s="278">
        <v>7</v>
      </c>
      <c r="EZ35" s="283">
        <v>12</v>
      </c>
    </row>
    <row r="36" spans="2:156" ht="19.5" customHeight="1" x14ac:dyDescent="0.2">
      <c r="B36" s="262" t="s">
        <v>34</v>
      </c>
      <c r="C36" s="277">
        <v>0</v>
      </c>
      <c r="D36" s="281">
        <v>0</v>
      </c>
      <c r="E36" s="385">
        <v>0</v>
      </c>
      <c r="F36" s="280">
        <v>0</v>
      </c>
      <c r="G36" s="281">
        <v>1</v>
      </c>
      <c r="H36" s="281">
        <v>0</v>
      </c>
      <c r="I36" s="281">
        <v>0</v>
      </c>
      <c r="J36" s="281">
        <v>0</v>
      </c>
      <c r="K36" s="281">
        <v>0</v>
      </c>
      <c r="L36" s="282">
        <v>1</v>
      </c>
      <c r="M36" s="283">
        <v>1</v>
      </c>
      <c r="N36" s="277">
        <v>0</v>
      </c>
      <c r="O36" s="281">
        <v>0</v>
      </c>
      <c r="P36" s="278">
        <v>0</v>
      </c>
      <c r="Q36" s="280">
        <v>0</v>
      </c>
      <c r="R36" s="281">
        <v>0</v>
      </c>
      <c r="S36" s="281">
        <v>0</v>
      </c>
      <c r="T36" s="281">
        <v>0</v>
      </c>
      <c r="U36" s="281">
        <v>0</v>
      </c>
      <c r="V36" s="281">
        <v>0</v>
      </c>
      <c r="W36" s="278">
        <v>0</v>
      </c>
      <c r="X36" s="283">
        <v>0</v>
      </c>
      <c r="Y36" s="277">
        <v>0</v>
      </c>
      <c r="Z36" s="281">
        <v>1</v>
      </c>
      <c r="AA36" s="278">
        <v>1</v>
      </c>
      <c r="AB36" s="280">
        <v>0</v>
      </c>
      <c r="AC36" s="281">
        <v>1</v>
      </c>
      <c r="AD36" s="281">
        <v>1</v>
      </c>
      <c r="AE36" s="281">
        <v>0</v>
      </c>
      <c r="AF36" s="281">
        <v>0</v>
      </c>
      <c r="AG36" s="281">
        <v>0</v>
      </c>
      <c r="AH36" s="278">
        <v>2</v>
      </c>
      <c r="AI36" s="283">
        <v>3</v>
      </c>
      <c r="AJ36" s="277">
        <v>0</v>
      </c>
      <c r="AK36" s="281">
        <v>0</v>
      </c>
      <c r="AL36" s="278">
        <v>0</v>
      </c>
      <c r="AM36" s="280">
        <v>0</v>
      </c>
      <c r="AN36" s="281">
        <v>0</v>
      </c>
      <c r="AO36" s="281">
        <v>1</v>
      </c>
      <c r="AP36" s="281">
        <v>0</v>
      </c>
      <c r="AQ36" s="281">
        <v>0</v>
      </c>
      <c r="AR36" s="281">
        <v>0</v>
      </c>
      <c r="AS36" s="278">
        <v>1</v>
      </c>
      <c r="AT36" s="283">
        <v>1</v>
      </c>
      <c r="AU36" s="277">
        <v>0</v>
      </c>
      <c r="AV36" s="281">
        <v>0</v>
      </c>
      <c r="AW36" s="278">
        <v>0</v>
      </c>
      <c r="AX36" s="280">
        <v>0</v>
      </c>
      <c r="AY36" s="281">
        <v>2</v>
      </c>
      <c r="AZ36" s="281">
        <v>1</v>
      </c>
      <c r="BA36" s="281">
        <v>1</v>
      </c>
      <c r="BB36" s="281">
        <v>0</v>
      </c>
      <c r="BC36" s="281">
        <v>1</v>
      </c>
      <c r="BD36" s="282">
        <v>5</v>
      </c>
      <c r="BE36" s="283">
        <v>5</v>
      </c>
      <c r="BF36" s="277">
        <v>0</v>
      </c>
      <c r="BG36" s="281">
        <v>0</v>
      </c>
      <c r="BH36" s="278">
        <v>0</v>
      </c>
      <c r="BI36" s="280">
        <v>0</v>
      </c>
      <c r="BJ36" s="281">
        <v>1</v>
      </c>
      <c r="BK36" s="281">
        <v>0</v>
      </c>
      <c r="BL36" s="281">
        <v>0</v>
      </c>
      <c r="BM36" s="281">
        <v>0</v>
      </c>
      <c r="BN36" s="281">
        <v>0</v>
      </c>
      <c r="BO36" s="278">
        <v>1</v>
      </c>
      <c r="BP36" s="283">
        <v>1</v>
      </c>
      <c r="BQ36" s="277">
        <v>0</v>
      </c>
      <c r="BR36" s="281">
        <v>0</v>
      </c>
      <c r="BS36" s="278">
        <v>0</v>
      </c>
      <c r="BT36" s="280">
        <v>0</v>
      </c>
      <c r="BU36" s="281">
        <v>1</v>
      </c>
      <c r="BV36" s="281">
        <v>1</v>
      </c>
      <c r="BW36" s="281">
        <v>0</v>
      </c>
      <c r="BX36" s="281">
        <v>0</v>
      </c>
      <c r="BY36" s="281">
        <v>0</v>
      </c>
      <c r="BZ36" s="278">
        <v>2</v>
      </c>
      <c r="CA36" s="283">
        <v>2</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c r="DI36" s="277">
        <v>0</v>
      </c>
      <c r="DJ36" s="281">
        <v>0</v>
      </c>
      <c r="DK36" s="278">
        <v>0</v>
      </c>
      <c r="DL36" s="280">
        <v>0</v>
      </c>
      <c r="DM36" s="281">
        <v>0</v>
      </c>
      <c r="DN36" s="281">
        <v>0</v>
      </c>
      <c r="DO36" s="281">
        <v>0</v>
      </c>
      <c r="DP36" s="281">
        <v>0</v>
      </c>
      <c r="DQ36" s="281">
        <v>0</v>
      </c>
      <c r="DR36" s="278">
        <v>0</v>
      </c>
      <c r="DS36" s="283">
        <v>0</v>
      </c>
      <c r="DT36" s="277">
        <v>0</v>
      </c>
      <c r="DU36" s="281">
        <v>0</v>
      </c>
      <c r="DV36" s="278">
        <v>0</v>
      </c>
      <c r="DW36" s="280">
        <v>0</v>
      </c>
      <c r="DX36" s="281">
        <v>2</v>
      </c>
      <c r="DY36" s="281">
        <v>1</v>
      </c>
      <c r="DZ36" s="281">
        <v>3</v>
      </c>
      <c r="EA36" s="281">
        <v>0</v>
      </c>
      <c r="EB36" s="281">
        <v>0</v>
      </c>
      <c r="EC36" s="278">
        <v>6</v>
      </c>
      <c r="ED36" s="283">
        <v>6</v>
      </c>
      <c r="EE36" s="277">
        <v>0</v>
      </c>
      <c r="EF36" s="281">
        <v>0</v>
      </c>
      <c r="EG36" s="278">
        <v>0</v>
      </c>
      <c r="EH36" s="280">
        <v>0</v>
      </c>
      <c r="EI36" s="281">
        <v>1</v>
      </c>
      <c r="EJ36" s="281">
        <v>0</v>
      </c>
      <c r="EK36" s="281">
        <v>1</v>
      </c>
      <c r="EL36" s="281">
        <v>0</v>
      </c>
      <c r="EM36" s="281">
        <v>1</v>
      </c>
      <c r="EN36" s="278">
        <v>3</v>
      </c>
      <c r="EO36" s="283">
        <v>3</v>
      </c>
      <c r="EP36" s="277">
        <v>0</v>
      </c>
      <c r="EQ36" s="281">
        <v>1</v>
      </c>
      <c r="ER36" s="278">
        <v>1</v>
      </c>
      <c r="ES36" s="280">
        <v>0</v>
      </c>
      <c r="ET36" s="281">
        <v>5</v>
      </c>
      <c r="EU36" s="281">
        <v>2</v>
      </c>
      <c r="EV36" s="281">
        <v>2</v>
      </c>
      <c r="EW36" s="281">
        <v>0</v>
      </c>
      <c r="EX36" s="281">
        <v>0</v>
      </c>
      <c r="EY36" s="278">
        <v>9</v>
      </c>
      <c r="EZ36" s="283">
        <v>10</v>
      </c>
    </row>
    <row r="37" spans="2:156" ht="19.5" customHeight="1" x14ac:dyDescent="0.2">
      <c r="B37" s="262" t="s">
        <v>35</v>
      </c>
      <c r="C37" s="277">
        <v>0</v>
      </c>
      <c r="D37" s="281">
        <v>0</v>
      </c>
      <c r="E37" s="385">
        <v>0</v>
      </c>
      <c r="F37" s="280">
        <v>0</v>
      </c>
      <c r="G37" s="281">
        <v>4</v>
      </c>
      <c r="H37" s="281">
        <v>3</v>
      </c>
      <c r="I37" s="281">
        <v>0</v>
      </c>
      <c r="J37" s="281">
        <v>0</v>
      </c>
      <c r="K37" s="281">
        <v>1</v>
      </c>
      <c r="L37" s="282">
        <v>8</v>
      </c>
      <c r="M37" s="283">
        <v>8</v>
      </c>
      <c r="N37" s="277">
        <v>0</v>
      </c>
      <c r="O37" s="281">
        <v>0</v>
      </c>
      <c r="P37" s="278">
        <v>0</v>
      </c>
      <c r="Q37" s="280">
        <v>0</v>
      </c>
      <c r="R37" s="281">
        <v>0</v>
      </c>
      <c r="S37" s="281">
        <v>0</v>
      </c>
      <c r="T37" s="281">
        <v>0</v>
      </c>
      <c r="U37" s="281">
        <v>0</v>
      </c>
      <c r="V37" s="281">
        <v>1</v>
      </c>
      <c r="W37" s="278">
        <v>1</v>
      </c>
      <c r="X37" s="283">
        <v>1</v>
      </c>
      <c r="Y37" s="277">
        <v>0</v>
      </c>
      <c r="Z37" s="281">
        <v>0</v>
      </c>
      <c r="AA37" s="278">
        <v>0</v>
      </c>
      <c r="AB37" s="280">
        <v>0</v>
      </c>
      <c r="AC37" s="281">
        <v>0</v>
      </c>
      <c r="AD37" s="281">
        <v>4</v>
      </c>
      <c r="AE37" s="281">
        <v>0</v>
      </c>
      <c r="AF37" s="281">
        <v>0</v>
      </c>
      <c r="AG37" s="281">
        <v>0</v>
      </c>
      <c r="AH37" s="278">
        <v>4</v>
      </c>
      <c r="AI37" s="283">
        <v>4</v>
      </c>
      <c r="AJ37" s="277">
        <v>0</v>
      </c>
      <c r="AK37" s="281">
        <v>0</v>
      </c>
      <c r="AL37" s="278">
        <v>0</v>
      </c>
      <c r="AM37" s="280">
        <v>0</v>
      </c>
      <c r="AN37" s="281">
        <v>2</v>
      </c>
      <c r="AO37" s="281">
        <v>1</v>
      </c>
      <c r="AP37" s="281">
        <v>1</v>
      </c>
      <c r="AQ37" s="281">
        <v>0</v>
      </c>
      <c r="AR37" s="281">
        <v>0</v>
      </c>
      <c r="AS37" s="278">
        <v>4</v>
      </c>
      <c r="AT37" s="283">
        <v>4</v>
      </c>
      <c r="AU37" s="277">
        <v>4</v>
      </c>
      <c r="AV37" s="281">
        <v>1</v>
      </c>
      <c r="AW37" s="278">
        <v>5</v>
      </c>
      <c r="AX37" s="280">
        <v>0</v>
      </c>
      <c r="AY37" s="281">
        <v>7</v>
      </c>
      <c r="AZ37" s="281">
        <v>8</v>
      </c>
      <c r="BA37" s="281">
        <v>4</v>
      </c>
      <c r="BB37" s="281">
        <v>3</v>
      </c>
      <c r="BC37" s="281">
        <v>2</v>
      </c>
      <c r="BD37" s="282">
        <v>24</v>
      </c>
      <c r="BE37" s="283">
        <v>29</v>
      </c>
      <c r="BF37" s="277">
        <v>0</v>
      </c>
      <c r="BG37" s="281">
        <v>0</v>
      </c>
      <c r="BH37" s="278">
        <v>0</v>
      </c>
      <c r="BI37" s="280">
        <v>0</v>
      </c>
      <c r="BJ37" s="281">
        <v>5</v>
      </c>
      <c r="BK37" s="281">
        <v>5</v>
      </c>
      <c r="BL37" s="281">
        <v>2</v>
      </c>
      <c r="BM37" s="281">
        <v>0</v>
      </c>
      <c r="BN37" s="281">
        <v>0</v>
      </c>
      <c r="BO37" s="278">
        <v>12</v>
      </c>
      <c r="BP37" s="283">
        <v>12</v>
      </c>
      <c r="BQ37" s="277">
        <v>0</v>
      </c>
      <c r="BR37" s="281">
        <v>0</v>
      </c>
      <c r="BS37" s="278">
        <v>0</v>
      </c>
      <c r="BT37" s="280">
        <v>0</v>
      </c>
      <c r="BU37" s="281">
        <v>1</v>
      </c>
      <c r="BV37" s="281">
        <v>1</v>
      </c>
      <c r="BW37" s="281">
        <v>0</v>
      </c>
      <c r="BX37" s="281">
        <v>1</v>
      </c>
      <c r="BY37" s="281">
        <v>0</v>
      </c>
      <c r="BZ37" s="278">
        <v>3</v>
      </c>
      <c r="CA37" s="283">
        <v>3</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c r="DI37" s="277">
        <v>0</v>
      </c>
      <c r="DJ37" s="281">
        <v>0</v>
      </c>
      <c r="DK37" s="278">
        <v>0</v>
      </c>
      <c r="DL37" s="280">
        <v>0</v>
      </c>
      <c r="DM37" s="281">
        <v>0</v>
      </c>
      <c r="DN37" s="281">
        <v>0</v>
      </c>
      <c r="DO37" s="281">
        <v>0</v>
      </c>
      <c r="DP37" s="281">
        <v>0</v>
      </c>
      <c r="DQ37" s="281">
        <v>0</v>
      </c>
      <c r="DR37" s="278">
        <v>0</v>
      </c>
      <c r="DS37" s="283">
        <v>0</v>
      </c>
      <c r="DT37" s="277">
        <v>1</v>
      </c>
      <c r="DU37" s="281">
        <v>1</v>
      </c>
      <c r="DV37" s="278">
        <v>2</v>
      </c>
      <c r="DW37" s="280">
        <v>0</v>
      </c>
      <c r="DX37" s="281">
        <v>8</v>
      </c>
      <c r="DY37" s="281">
        <v>8</v>
      </c>
      <c r="DZ37" s="281">
        <v>2</v>
      </c>
      <c r="EA37" s="281">
        <v>3</v>
      </c>
      <c r="EB37" s="281">
        <v>1</v>
      </c>
      <c r="EC37" s="278">
        <v>22</v>
      </c>
      <c r="ED37" s="283">
        <v>24</v>
      </c>
      <c r="EE37" s="277">
        <v>4</v>
      </c>
      <c r="EF37" s="281">
        <v>0</v>
      </c>
      <c r="EG37" s="278">
        <v>4</v>
      </c>
      <c r="EH37" s="280">
        <v>0</v>
      </c>
      <c r="EI37" s="281">
        <v>4</v>
      </c>
      <c r="EJ37" s="281">
        <v>3</v>
      </c>
      <c r="EK37" s="281">
        <v>2</v>
      </c>
      <c r="EL37" s="281">
        <v>3</v>
      </c>
      <c r="EM37" s="281">
        <v>1</v>
      </c>
      <c r="EN37" s="278">
        <v>13</v>
      </c>
      <c r="EO37" s="283">
        <v>17</v>
      </c>
      <c r="EP37" s="277">
        <v>1</v>
      </c>
      <c r="EQ37" s="281">
        <v>1</v>
      </c>
      <c r="ER37" s="278">
        <v>2</v>
      </c>
      <c r="ES37" s="280">
        <v>0</v>
      </c>
      <c r="ET37" s="281">
        <v>13</v>
      </c>
      <c r="EU37" s="281">
        <v>11</v>
      </c>
      <c r="EV37" s="281">
        <v>2</v>
      </c>
      <c r="EW37" s="281">
        <v>3</v>
      </c>
      <c r="EX37" s="281">
        <v>1</v>
      </c>
      <c r="EY37" s="278">
        <v>30</v>
      </c>
      <c r="EZ37" s="283">
        <v>32</v>
      </c>
    </row>
    <row r="38" spans="2:156" ht="19.5" customHeight="1" x14ac:dyDescent="0.2">
      <c r="B38" s="262" t="s">
        <v>36</v>
      </c>
      <c r="C38" s="277">
        <v>0</v>
      </c>
      <c r="D38" s="281">
        <v>0</v>
      </c>
      <c r="E38" s="385">
        <v>0</v>
      </c>
      <c r="F38" s="280">
        <v>0</v>
      </c>
      <c r="G38" s="281">
        <v>2</v>
      </c>
      <c r="H38" s="281">
        <v>1</v>
      </c>
      <c r="I38" s="281">
        <v>0</v>
      </c>
      <c r="J38" s="281">
        <v>0</v>
      </c>
      <c r="K38" s="281">
        <v>0</v>
      </c>
      <c r="L38" s="282">
        <v>3</v>
      </c>
      <c r="M38" s="283">
        <v>3</v>
      </c>
      <c r="N38" s="277">
        <v>0</v>
      </c>
      <c r="O38" s="281">
        <v>0</v>
      </c>
      <c r="P38" s="278">
        <v>0</v>
      </c>
      <c r="Q38" s="280">
        <v>0</v>
      </c>
      <c r="R38" s="281">
        <v>0</v>
      </c>
      <c r="S38" s="281">
        <v>0</v>
      </c>
      <c r="T38" s="281">
        <v>0</v>
      </c>
      <c r="U38" s="281">
        <v>1</v>
      </c>
      <c r="V38" s="281">
        <v>0</v>
      </c>
      <c r="W38" s="278">
        <v>1</v>
      </c>
      <c r="X38" s="283">
        <v>1</v>
      </c>
      <c r="Y38" s="277">
        <v>0</v>
      </c>
      <c r="Z38" s="281">
        <v>0</v>
      </c>
      <c r="AA38" s="278">
        <v>0</v>
      </c>
      <c r="AB38" s="280">
        <v>0</v>
      </c>
      <c r="AC38" s="281">
        <v>3</v>
      </c>
      <c r="AD38" s="281">
        <v>1</v>
      </c>
      <c r="AE38" s="281">
        <v>2</v>
      </c>
      <c r="AF38" s="281">
        <v>2</v>
      </c>
      <c r="AG38" s="281">
        <v>0</v>
      </c>
      <c r="AH38" s="278">
        <v>8</v>
      </c>
      <c r="AI38" s="283">
        <v>8</v>
      </c>
      <c r="AJ38" s="277">
        <v>0</v>
      </c>
      <c r="AK38" s="281">
        <v>0</v>
      </c>
      <c r="AL38" s="278">
        <v>0</v>
      </c>
      <c r="AM38" s="280">
        <v>0</v>
      </c>
      <c r="AN38" s="281">
        <v>0</v>
      </c>
      <c r="AO38" s="281">
        <v>0</v>
      </c>
      <c r="AP38" s="281">
        <v>0</v>
      </c>
      <c r="AQ38" s="281">
        <v>0</v>
      </c>
      <c r="AR38" s="281">
        <v>0</v>
      </c>
      <c r="AS38" s="278">
        <v>0</v>
      </c>
      <c r="AT38" s="283">
        <v>0</v>
      </c>
      <c r="AU38" s="277">
        <v>0</v>
      </c>
      <c r="AV38" s="281">
        <v>1</v>
      </c>
      <c r="AW38" s="278">
        <v>1</v>
      </c>
      <c r="AX38" s="280">
        <v>0</v>
      </c>
      <c r="AY38" s="281">
        <v>1</v>
      </c>
      <c r="AZ38" s="281">
        <v>1</v>
      </c>
      <c r="BA38" s="281">
        <v>4</v>
      </c>
      <c r="BB38" s="281">
        <v>0</v>
      </c>
      <c r="BC38" s="281">
        <v>1</v>
      </c>
      <c r="BD38" s="282">
        <v>7</v>
      </c>
      <c r="BE38" s="283">
        <v>8</v>
      </c>
      <c r="BF38" s="277">
        <v>0</v>
      </c>
      <c r="BG38" s="281">
        <v>0</v>
      </c>
      <c r="BH38" s="278">
        <v>0</v>
      </c>
      <c r="BI38" s="280">
        <v>0</v>
      </c>
      <c r="BJ38" s="281">
        <v>2</v>
      </c>
      <c r="BK38" s="281">
        <v>2</v>
      </c>
      <c r="BL38" s="281">
        <v>0</v>
      </c>
      <c r="BM38" s="281">
        <v>1</v>
      </c>
      <c r="BN38" s="281">
        <v>0</v>
      </c>
      <c r="BO38" s="278">
        <v>5</v>
      </c>
      <c r="BP38" s="283">
        <v>5</v>
      </c>
      <c r="BQ38" s="277">
        <v>0</v>
      </c>
      <c r="BR38" s="281">
        <v>1</v>
      </c>
      <c r="BS38" s="278">
        <v>1</v>
      </c>
      <c r="BT38" s="280">
        <v>0</v>
      </c>
      <c r="BU38" s="281">
        <v>0</v>
      </c>
      <c r="BV38" s="281">
        <v>1</v>
      </c>
      <c r="BW38" s="281">
        <v>0</v>
      </c>
      <c r="BX38" s="281">
        <v>0</v>
      </c>
      <c r="BY38" s="281">
        <v>0</v>
      </c>
      <c r="BZ38" s="278">
        <v>1</v>
      </c>
      <c r="CA38" s="283">
        <v>2</v>
      </c>
      <c r="CB38" s="277">
        <v>0</v>
      </c>
      <c r="CC38" s="281">
        <v>0</v>
      </c>
      <c r="CD38" s="278">
        <v>0</v>
      </c>
      <c r="CE38" s="280">
        <v>0</v>
      </c>
      <c r="CF38" s="281">
        <v>1</v>
      </c>
      <c r="CG38" s="281">
        <v>0</v>
      </c>
      <c r="CH38" s="281">
        <v>0</v>
      </c>
      <c r="CI38" s="281">
        <v>1</v>
      </c>
      <c r="CJ38" s="281">
        <v>0</v>
      </c>
      <c r="CK38" s="278">
        <v>2</v>
      </c>
      <c r="CL38" s="283">
        <v>2</v>
      </c>
      <c r="CM38" s="277">
        <v>0</v>
      </c>
      <c r="CN38" s="281">
        <v>0</v>
      </c>
      <c r="CO38" s="278">
        <v>0</v>
      </c>
      <c r="CP38" s="280">
        <v>0</v>
      </c>
      <c r="CQ38" s="281">
        <v>0</v>
      </c>
      <c r="CR38" s="281">
        <v>1</v>
      </c>
      <c r="CS38" s="281">
        <v>0</v>
      </c>
      <c r="CT38" s="281">
        <v>0</v>
      </c>
      <c r="CU38" s="281">
        <v>0</v>
      </c>
      <c r="CV38" s="278">
        <v>1</v>
      </c>
      <c r="CW38" s="283">
        <v>1</v>
      </c>
      <c r="CX38" s="277">
        <v>0</v>
      </c>
      <c r="CY38" s="281">
        <v>0</v>
      </c>
      <c r="CZ38" s="278">
        <v>0</v>
      </c>
      <c r="DA38" s="280">
        <v>0</v>
      </c>
      <c r="DB38" s="281">
        <v>0</v>
      </c>
      <c r="DC38" s="281">
        <v>0</v>
      </c>
      <c r="DD38" s="281">
        <v>0</v>
      </c>
      <c r="DE38" s="281">
        <v>0</v>
      </c>
      <c r="DF38" s="281">
        <v>0</v>
      </c>
      <c r="DG38" s="278">
        <v>0</v>
      </c>
      <c r="DH38" s="283">
        <v>0</v>
      </c>
      <c r="DI38" s="277">
        <v>0</v>
      </c>
      <c r="DJ38" s="281">
        <v>0</v>
      </c>
      <c r="DK38" s="278">
        <v>0</v>
      </c>
      <c r="DL38" s="280">
        <v>0</v>
      </c>
      <c r="DM38" s="281">
        <v>0</v>
      </c>
      <c r="DN38" s="281">
        <v>0</v>
      </c>
      <c r="DO38" s="281">
        <v>0</v>
      </c>
      <c r="DP38" s="281">
        <v>0</v>
      </c>
      <c r="DQ38" s="281">
        <v>0</v>
      </c>
      <c r="DR38" s="278">
        <v>0</v>
      </c>
      <c r="DS38" s="283">
        <v>0</v>
      </c>
      <c r="DT38" s="277">
        <v>1</v>
      </c>
      <c r="DU38" s="281">
        <v>4</v>
      </c>
      <c r="DV38" s="278">
        <v>5</v>
      </c>
      <c r="DW38" s="280">
        <v>0</v>
      </c>
      <c r="DX38" s="281">
        <v>5</v>
      </c>
      <c r="DY38" s="281">
        <v>3</v>
      </c>
      <c r="DZ38" s="281">
        <v>2</v>
      </c>
      <c r="EA38" s="281">
        <v>3</v>
      </c>
      <c r="EB38" s="281">
        <v>1</v>
      </c>
      <c r="EC38" s="278">
        <v>14</v>
      </c>
      <c r="ED38" s="283">
        <v>19</v>
      </c>
      <c r="EE38" s="277">
        <v>0</v>
      </c>
      <c r="EF38" s="281">
        <v>0</v>
      </c>
      <c r="EG38" s="278">
        <v>0</v>
      </c>
      <c r="EH38" s="280">
        <v>0</v>
      </c>
      <c r="EI38" s="281">
        <v>0</v>
      </c>
      <c r="EJ38" s="281">
        <v>0</v>
      </c>
      <c r="EK38" s="281">
        <v>1</v>
      </c>
      <c r="EL38" s="281">
        <v>0</v>
      </c>
      <c r="EM38" s="281">
        <v>1</v>
      </c>
      <c r="EN38" s="278">
        <v>2</v>
      </c>
      <c r="EO38" s="283">
        <v>2</v>
      </c>
      <c r="EP38" s="277">
        <v>1</v>
      </c>
      <c r="EQ38" s="281">
        <v>5</v>
      </c>
      <c r="ER38" s="278">
        <v>6</v>
      </c>
      <c r="ES38" s="280">
        <v>0</v>
      </c>
      <c r="ET38" s="281">
        <v>11</v>
      </c>
      <c r="EU38" s="281">
        <v>5</v>
      </c>
      <c r="EV38" s="281">
        <v>2</v>
      </c>
      <c r="EW38" s="281">
        <v>2</v>
      </c>
      <c r="EX38" s="281">
        <v>1</v>
      </c>
      <c r="EY38" s="278">
        <v>21</v>
      </c>
      <c r="EZ38" s="283">
        <v>27</v>
      </c>
    </row>
    <row r="39" spans="2:156" ht="19.5" customHeight="1" thickBot="1" x14ac:dyDescent="0.25">
      <c r="B39" s="263" t="s">
        <v>37</v>
      </c>
      <c r="C39" s="284">
        <v>0</v>
      </c>
      <c r="D39" s="288">
        <v>0</v>
      </c>
      <c r="E39" s="386">
        <v>0</v>
      </c>
      <c r="F39" s="287">
        <v>0</v>
      </c>
      <c r="G39" s="288">
        <v>0</v>
      </c>
      <c r="H39" s="288">
        <v>0</v>
      </c>
      <c r="I39" s="288">
        <v>0</v>
      </c>
      <c r="J39" s="288">
        <v>0</v>
      </c>
      <c r="K39" s="288">
        <v>0</v>
      </c>
      <c r="L39" s="289">
        <v>0</v>
      </c>
      <c r="M39" s="290">
        <v>0</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0</v>
      </c>
      <c r="AH39" s="285">
        <v>0</v>
      </c>
      <c r="AI39" s="290">
        <v>0</v>
      </c>
      <c r="AJ39" s="284">
        <v>0</v>
      </c>
      <c r="AK39" s="288">
        <v>0</v>
      </c>
      <c r="AL39" s="285">
        <v>0</v>
      </c>
      <c r="AM39" s="287">
        <v>0</v>
      </c>
      <c r="AN39" s="288">
        <v>1</v>
      </c>
      <c r="AO39" s="288">
        <v>1</v>
      </c>
      <c r="AP39" s="288">
        <v>0</v>
      </c>
      <c r="AQ39" s="288">
        <v>0</v>
      </c>
      <c r="AR39" s="288">
        <v>0</v>
      </c>
      <c r="AS39" s="285">
        <v>2</v>
      </c>
      <c r="AT39" s="290">
        <v>2</v>
      </c>
      <c r="AU39" s="284">
        <v>0</v>
      </c>
      <c r="AV39" s="288">
        <v>0</v>
      </c>
      <c r="AW39" s="285">
        <v>0</v>
      </c>
      <c r="AX39" s="287">
        <v>0</v>
      </c>
      <c r="AY39" s="288">
        <v>0</v>
      </c>
      <c r="AZ39" s="288">
        <v>0</v>
      </c>
      <c r="BA39" s="288">
        <v>0</v>
      </c>
      <c r="BB39" s="288">
        <v>0</v>
      </c>
      <c r="BC39" s="288">
        <v>1</v>
      </c>
      <c r="BD39" s="289">
        <v>1</v>
      </c>
      <c r="BE39" s="290">
        <v>1</v>
      </c>
      <c r="BF39" s="284">
        <v>0</v>
      </c>
      <c r="BG39" s="288">
        <v>0</v>
      </c>
      <c r="BH39" s="285">
        <v>0</v>
      </c>
      <c r="BI39" s="287">
        <v>0</v>
      </c>
      <c r="BJ39" s="288">
        <v>1</v>
      </c>
      <c r="BK39" s="288">
        <v>1</v>
      </c>
      <c r="BL39" s="288">
        <v>0</v>
      </c>
      <c r="BM39" s="288">
        <v>0</v>
      </c>
      <c r="BN39" s="288">
        <v>0</v>
      </c>
      <c r="BO39" s="285">
        <v>2</v>
      </c>
      <c r="BP39" s="290">
        <v>2</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c r="DI39" s="284">
        <v>0</v>
      </c>
      <c r="DJ39" s="288">
        <v>0</v>
      </c>
      <c r="DK39" s="285">
        <v>0</v>
      </c>
      <c r="DL39" s="287">
        <v>0</v>
      </c>
      <c r="DM39" s="288">
        <v>0</v>
      </c>
      <c r="DN39" s="288">
        <v>0</v>
      </c>
      <c r="DO39" s="288">
        <v>0</v>
      </c>
      <c r="DP39" s="288">
        <v>0</v>
      </c>
      <c r="DQ39" s="288">
        <v>0</v>
      </c>
      <c r="DR39" s="285">
        <v>0</v>
      </c>
      <c r="DS39" s="290">
        <v>0</v>
      </c>
      <c r="DT39" s="284">
        <v>1</v>
      </c>
      <c r="DU39" s="288">
        <v>0</v>
      </c>
      <c r="DV39" s="285">
        <v>1</v>
      </c>
      <c r="DW39" s="287">
        <v>0</v>
      </c>
      <c r="DX39" s="288">
        <v>1</v>
      </c>
      <c r="DY39" s="288">
        <v>1</v>
      </c>
      <c r="DZ39" s="288">
        <v>0</v>
      </c>
      <c r="EA39" s="288">
        <v>0</v>
      </c>
      <c r="EB39" s="288">
        <v>0</v>
      </c>
      <c r="EC39" s="285">
        <v>2</v>
      </c>
      <c r="ED39" s="290">
        <v>3</v>
      </c>
      <c r="EE39" s="284">
        <v>0</v>
      </c>
      <c r="EF39" s="288">
        <v>0</v>
      </c>
      <c r="EG39" s="285">
        <v>0</v>
      </c>
      <c r="EH39" s="287">
        <v>0</v>
      </c>
      <c r="EI39" s="288">
        <v>0</v>
      </c>
      <c r="EJ39" s="288">
        <v>0</v>
      </c>
      <c r="EK39" s="288">
        <v>0</v>
      </c>
      <c r="EL39" s="288">
        <v>0</v>
      </c>
      <c r="EM39" s="288">
        <v>1</v>
      </c>
      <c r="EN39" s="285">
        <v>1</v>
      </c>
      <c r="EO39" s="290">
        <v>1</v>
      </c>
      <c r="EP39" s="284">
        <v>1</v>
      </c>
      <c r="EQ39" s="288">
        <v>0</v>
      </c>
      <c r="ER39" s="285">
        <v>1</v>
      </c>
      <c r="ES39" s="287">
        <v>0</v>
      </c>
      <c r="ET39" s="288">
        <v>1</v>
      </c>
      <c r="EU39" s="288">
        <v>2</v>
      </c>
      <c r="EV39" s="288">
        <v>0</v>
      </c>
      <c r="EW39" s="288">
        <v>0</v>
      </c>
      <c r="EX39" s="288">
        <v>0</v>
      </c>
      <c r="EY39" s="285">
        <v>3</v>
      </c>
      <c r="EZ39" s="290">
        <v>4</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10.21875" style="256" customWidth="1"/>
    <col min="8" max="8" width="10.4414062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21875" style="256" customWidth="1"/>
    <col min="51" max="60" width="9" style="256"/>
    <col min="61" max="61" width="7.2187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04" width="9" style="256"/>
    <col min="105" max="105" width="7.44140625" style="256" customWidth="1"/>
    <col min="106" max="115" width="9" style="256"/>
    <col min="116" max="116" width="7.44140625" style="256" customWidth="1"/>
    <col min="117" max="126" width="9" style="256"/>
    <col min="127" max="127" width="7.44140625" style="256" customWidth="1"/>
    <col min="128" max="137" width="9" style="256"/>
    <col min="138" max="138" width="7.33203125" style="256" customWidth="1"/>
    <col min="139" max="148" width="9" style="256"/>
    <col min="149" max="149" width="7.77734375" style="256" customWidth="1"/>
    <col min="150" max="16384" width="9" style="256"/>
  </cols>
  <sheetData>
    <row r="1" spans="2:156" ht="24" customHeight="1" x14ac:dyDescent="0.2">
      <c r="B1" s="291" t="s">
        <v>122</v>
      </c>
      <c r="I1" s="528">
        <f>第１表!F2</f>
        <v>4</v>
      </c>
      <c r="J1" s="528"/>
      <c r="K1" s="248">
        <f>第１表!G2</f>
        <v>7</v>
      </c>
      <c r="L1" s="529">
        <f>IF(K1&lt;3,K1+12-2,K1-2)</f>
        <v>5</v>
      </c>
      <c r="M1" s="529"/>
    </row>
    <row r="2" spans="2:156" ht="24" customHeight="1" thickBot="1" x14ac:dyDescent="0.25">
      <c r="B2" s="291" t="s">
        <v>154</v>
      </c>
      <c r="G2" s="247"/>
      <c r="H2" s="248"/>
      <c r="J2" s="350"/>
      <c r="K2" s="350"/>
    </row>
    <row r="3" spans="2:156" ht="23.25" customHeight="1" thickBot="1" x14ac:dyDescent="0.25">
      <c r="B3" s="542"/>
      <c r="C3" s="533" t="s">
        <v>70</v>
      </c>
      <c r="D3" s="534"/>
      <c r="E3" s="534"/>
      <c r="F3" s="534"/>
      <c r="G3" s="534"/>
      <c r="H3" s="534"/>
      <c r="I3" s="534"/>
      <c r="J3" s="534"/>
      <c r="K3" s="534"/>
      <c r="L3" s="534"/>
      <c r="M3" s="535"/>
      <c r="N3" s="533" t="s">
        <v>71</v>
      </c>
      <c r="O3" s="534"/>
      <c r="P3" s="534"/>
      <c r="Q3" s="534"/>
      <c r="R3" s="534"/>
      <c r="S3" s="534"/>
      <c r="T3" s="534"/>
      <c r="U3" s="534"/>
      <c r="V3" s="534"/>
      <c r="W3" s="534"/>
      <c r="X3" s="535"/>
      <c r="Y3" s="533" t="s">
        <v>72</v>
      </c>
      <c r="Z3" s="534"/>
      <c r="AA3" s="534"/>
      <c r="AB3" s="534"/>
      <c r="AC3" s="534"/>
      <c r="AD3" s="534"/>
      <c r="AE3" s="534"/>
      <c r="AF3" s="534"/>
      <c r="AG3" s="534"/>
      <c r="AH3" s="534"/>
      <c r="AI3" s="535"/>
      <c r="AJ3" s="533" t="s">
        <v>73</v>
      </c>
      <c r="AK3" s="534"/>
      <c r="AL3" s="534"/>
      <c r="AM3" s="534"/>
      <c r="AN3" s="534"/>
      <c r="AO3" s="534"/>
      <c r="AP3" s="534"/>
      <c r="AQ3" s="534"/>
      <c r="AR3" s="534"/>
      <c r="AS3" s="534"/>
      <c r="AT3" s="535"/>
      <c r="AU3" s="533" t="s">
        <v>74</v>
      </c>
      <c r="AV3" s="534"/>
      <c r="AW3" s="534"/>
      <c r="AX3" s="534"/>
      <c r="AY3" s="534"/>
      <c r="AZ3" s="534"/>
      <c r="BA3" s="534"/>
      <c r="BB3" s="534"/>
      <c r="BC3" s="534"/>
      <c r="BD3" s="534"/>
      <c r="BE3" s="535"/>
      <c r="BF3" s="533" t="s">
        <v>75</v>
      </c>
      <c r="BG3" s="534"/>
      <c r="BH3" s="534"/>
      <c r="BI3" s="534"/>
      <c r="BJ3" s="534"/>
      <c r="BK3" s="534"/>
      <c r="BL3" s="534"/>
      <c r="BM3" s="534"/>
      <c r="BN3" s="534"/>
      <c r="BO3" s="534"/>
      <c r="BP3" s="535"/>
      <c r="BQ3" s="533" t="s">
        <v>76</v>
      </c>
      <c r="BR3" s="534"/>
      <c r="BS3" s="534"/>
      <c r="BT3" s="534"/>
      <c r="BU3" s="534"/>
      <c r="BV3" s="534"/>
      <c r="BW3" s="534"/>
      <c r="BX3" s="534"/>
      <c r="BY3" s="534"/>
      <c r="BZ3" s="534"/>
      <c r="CA3" s="535"/>
      <c r="CB3" s="533" t="s">
        <v>77</v>
      </c>
      <c r="CC3" s="534"/>
      <c r="CD3" s="534"/>
      <c r="CE3" s="534"/>
      <c r="CF3" s="534"/>
      <c r="CG3" s="534"/>
      <c r="CH3" s="534"/>
      <c r="CI3" s="534"/>
      <c r="CJ3" s="534"/>
      <c r="CK3" s="534"/>
      <c r="CL3" s="535"/>
      <c r="CM3" s="533" t="s">
        <v>78</v>
      </c>
      <c r="CN3" s="534"/>
      <c r="CO3" s="534"/>
      <c r="CP3" s="534"/>
      <c r="CQ3" s="534"/>
      <c r="CR3" s="534"/>
      <c r="CS3" s="534"/>
      <c r="CT3" s="534"/>
      <c r="CU3" s="534"/>
      <c r="CV3" s="534"/>
      <c r="CW3" s="535"/>
      <c r="CX3" s="533" t="s">
        <v>79</v>
      </c>
      <c r="CY3" s="534"/>
      <c r="CZ3" s="534"/>
      <c r="DA3" s="534"/>
      <c r="DB3" s="534"/>
      <c r="DC3" s="534"/>
      <c r="DD3" s="534"/>
      <c r="DE3" s="534"/>
      <c r="DF3" s="534"/>
      <c r="DG3" s="534"/>
      <c r="DH3" s="535"/>
      <c r="DI3" s="533" t="s">
        <v>152</v>
      </c>
      <c r="DJ3" s="534"/>
      <c r="DK3" s="534"/>
      <c r="DL3" s="534"/>
      <c r="DM3" s="534"/>
      <c r="DN3" s="534"/>
      <c r="DO3" s="534"/>
      <c r="DP3" s="534"/>
      <c r="DQ3" s="534"/>
      <c r="DR3" s="534"/>
      <c r="DS3" s="535"/>
      <c r="DT3" s="533" t="s">
        <v>80</v>
      </c>
      <c r="DU3" s="534"/>
      <c r="DV3" s="534"/>
      <c r="DW3" s="534"/>
      <c r="DX3" s="534"/>
      <c r="DY3" s="534"/>
      <c r="DZ3" s="534"/>
      <c r="EA3" s="534"/>
      <c r="EB3" s="534"/>
      <c r="EC3" s="534"/>
      <c r="ED3" s="535"/>
      <c r="EE3" s="533" t="s">
        <v>68</v>
      </c>
      <c r="EF3" s="534"/>
      <c r="EG3" s="534"/>
      <c r="EH3" s="534"/>
      <c r="EI3" s="534"/>
      <c r="EJ3" s="534"/>
      <c r="EK3" s="534"/>
      <c r="EL3" s="534"/>
      <c r="EM3" s="534"/>
      <c r="EN3" s="534"/>
      <c r="EO3" s="535"/>
      <c r="EP3" s="530" t="s">
        <v>69</v>
      </c>
      <c r="EQ3" s="531"/>
      <c r="ER3" s="531"/>
      <c r="ES3" s="531"/>
      <c r="ET3" s="531"/>
      <c r="EU3" s="531"/>
      <c r="EV3" s="531"/>
      <c r="EW3" s="531"/>
      <c r="EX3" s="531"/>
      <c r="EY3" s="531"/>
      <c r="EZ3" s="532"/>
    </row>
    <row r="4" spans="2:156"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38"/>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c r="DI4" s="541" t="s">
        <v>61</v>
      </c>
      <c r="DJ4" s="537"/>
      <c r="DK4" s="538"/>
      <c r="DL4" s="536" t="s">
        <v>62</v>
      </c>
      <c r="DM4" s="537"/>
      <c r="DN4" s="537"/>
      <c r="DO4" s="537"/>
      <c r="DP4" s="537"/>
      <c r="DQ4" s="537"/>
      <c r="DR4" s="538"/>
      <c r="DS4" s="539" t="s">
        <v>52</v>
      </c>
      <c r="DT4" s="541" t="s">
        <v>61</v>
      </c>
      <c r="DU4" s="537"/>
      <c r="DV4" s="538"/>
      <c r="DW4" s="536" t="s">
        <v>62</v>
      </c>
      <c r="DX4" s="537"/>
      <c r="DY4" s="537"/>
      <c r="DZ4" s="537"/>
      <c r="EA4" s="537"/>
      <c r="EB4" s="537"/>
      <c r="EC4" s="538"/>
      <c r="ED4" s="539" t="s">
        <v>52</v>
      </c>
      <c r="EE4" s="541" t="s">
        <v>61</v>
      </c>
      <c r="EF4" s="537"/>
      <c r="EG4" s="538"/>
      <c r="EH4" s="536" t="s">
        <v>62</v>
      </c>
      <c r="EI4" s="537"/>
      <c r="EJ4" s="537"/>
      <c r="EK4" s="537"/>
      <c r="EL4" s="537"/>
      <c r="EM4" s="537"/>
      <c r="EN4" s="538"/>
      <c r="EO4" s="539" t="s">
        <v>52</v>
      </c>
      <c r="EP4" s="541" t="s">
        <v>61</v>
      </c>
      <c r="EQ4" s="537"/>
      <c r="ER4" s="538"/>
      <c r="ES4" s="536" t="s">
        <v>62</v>
      </c>
      <c r="ET4" s="537"/>
      <c r="EU4" s="537"/>
      <c r="EV4" s="537"/>
      <c r="EW4" s="537"/>
      <c r="EX4" s="537"/>
      <c r="EY4" s="538"/>
      <c r="EZ4" s="539" t="s">
        <v>52</v>
      </c>
    </row>
    <row r="5" spans="2:156" ht="34.5" customHeight="1" thickBot="1" x14ac:dyDescent="0.25">
      <c r="B5" s="544"/>
      <c r="C5" s="351" t="s">
        <v>43</v>
      </c>
      <c r="D5" s="260" t="s">
        <v>162</v>
      </c>
      <c r="E5" s="383" t="s">
        <v>45</v>
      </c>
      <c r="F5" s="268" t="s">
        <v>83</v>
      </c>
      <c r="G5" s="260" t="s">
        <v>47</v>
      </c>
      <c r="H5" s="260" t="s">
        <v>48</v>
      </c>
      <c r="I5" s="260" t="s">
        <v>49</v>
      </c>
      <c r="J5" s="260" t="s">
        <v>50</v>
      </c>
      <c r="K5" s="260" t="s">
        <v>51</v>
      </c>
      <c r="L5" s="269" t="s">
        <v>45</v>
      </c>
      <c r="M5" s="540"/>
      <c r="N5" s="351" t="s">
        <v>43</v>
      </c>
      <c r="O5" s="260" t="s">
        <v>44</v>
      </c>
      <c r="P5" s="266" t="s">
        <v>45</v>
      </c>
      <c r="Q5" s="268" t="s">
        <v>83</v>
      </c>
      <c r="R5" s="260" t="s">
        <v>47</v>
      </c>
      <c r="S5" s="260" t="s">
        <v>48</v>
      </c>
      <c r="T5" s="260" t="s">
        <v>49</v>
      </c>
      <c r="U5" s="260" t="s">
        <v>50</v>
      </c>
      <c r="V5" s="260" t="s">
        <v>51</v>
      </c>
      <c r="W5" s="266" t="s">
        <v>45</v>
      </c>
      <c r="X5" s="540"/>
      <c r="Y5" s="351" t="s">
        <v>43</v>
      </c>
      <c r="Z5" s="260" t="s">
        <v>44</v>
      </c>
      <c r="AA5" s="266" t="s">
        <v>45</v>
      </c>
      <c r="AB5" s="268" t="s">
        <v>83</v>
      </c>
      <c r="AC5" s="260" t="s">
        <v>47</v>
      </c>
      <c r="AD5" s="260" t="s">
        <v>48</v>
      </c>
      <c r="AE5" s="260" t="s">
        <v>49</v>
      </c>
      <c r="AF5" s="260" t="s">
        <v>50</v>
      </c>
      <c r="AG5" s="260" t="s">
        <v>51</v>
      </c>
      <c r="AH5" s="266" t="s">
        <v>45</v>
      </c>
      <c r="AI5" s="540"/>
      <c r="AJ5" s="351" t="s">
        <v>43</v>
      </c>
      <c r="AK5" s="260" t="s">
        <v>44</v>
      </c>
      <c r="AL5" s="266" t="s">
        <v>45</v>
      </c>
      <c r="AM5" s="268" t="s">
        <v>83</v>
      </c>
      <c r="AN5" s="260" t="s">
        <v>47</v>
      </c>
      <c r="AO5" s="260" t="s">
        <v>48</v>
      </c>
      <c r="AP5" s="260" t="s">
        <v>49</v>
      </c>
      <c r="AQ5" s="260" t="s">
        <v>50</v>
      </c>
      <c r="AR5" s="260" t="s">
        <v>51</v>
      </c>
      <c r="AS5" s="266" t="s">
        <v>45</v>
      </c>
      <c r="AT5" s="540"/>
      <c r="AU5" s="351" t="s">
        <v>43</v>
      </c>
      <c r="AV5" s="260" t="s">
        <v>44</v>
      </c>
      <c r="AW5" s="266" t="s">
        <v>45</v>
      </c>
      <c r="AX5" s="268" t="s">
        <v>83</v>
      </c>
      <c r="AY5" s="260" t="s">
        <v>47</v>
      </c>
      <c r="AZ5" s="260" t="s">
        <v>48</v>
      </c>
      <c r="BA5" s="260" t="s">
        <v>49</v>
      </c>
      <c r="BB5" s="260" t="s">
        <v>50</v>
      </c>
      <c r="BC5" s="260" t="s">
        <v>51</v>
      </c>
      <c r="BD5" s="269" t="s">
        <v>45</v>
      </c>
      <c r="BE5" s="540"/>
      <c r="BF5" s="351" t="s">
        <v>43</v>
      </c>
      <c r="BG5" s="260" t="s">
        <v>44</v>
      </c>
      <c r="BH5" s="266" t="s">
        <v>45</v>
      </c>
      <c r="BI5" s="268" t="s">
        <v>83</v>
      </c>
      <c r="BJ5" s="260" t="s">
        <v>47</v>
      </c>
      <c r="BK5" s="260" t="s">
        <v>48</v>
      </c>
      <c r="BL5" s="260" t="s">
        <v>49</v>
      </c>
      <c r="BM5" s="260" t="s">
        <v>50</v>
      </c>
      <c r="BN5" s="260" t="s">
        <v>51</v>
      </c>
      <c r="BO5" s="266" t="s">
        <v>45</v>
      </c>
      <c r="BP5" s="540"/>
      <c r="BQ5" s="351" t="s">
        <v>43</v>
      </c>
      <c r="BR5" s="260" t="s">
        <v>44</v>
      </c>
      <c r="BS5" s="266" t="s">
        <v>45</v>
      </c>
      <c r="BT5" s="268" t="s">
        <v>83</v>
      </c>
      <c r="BU5" s="260" t="s">
        <v>47</v>
      </c>
      <c r="BV5" s="260" t="s">
        <v>48</v>
      </c>
      <c r="BW5" s="260" t="s">
        <v>49</v>
      </c>
      <c r="BX5" s="260" t="s">
        <v>50</v>
      </c>
      <c r="BY5" s="260" t="s">
        <v>51</v>
      </c>
      <c r="BZ5" s="266" t="s">
        <v>45</v>
      </c>
      <c r="CA5" s="540"/>
      <c r="CB5" s="351" t="s">
        <v>43</v>
      </c>
      <c r="CC5" s="260" t="s">
        <v>44</v>
      </c>
      <c r="CD5" s="266" t="s">
        <v>45</v>
      </c>
      <c r="CE5" s="268" t="s">
        <v>83</v>
      </c>
      <c r="CF5" s="260" t="s">
        <v>47</v>
      </c>
      <c r="CG5" s="260" t="s">
        <v>48</v>
      </c>
      <c r="CH5" s="260" t="s">
        <v>49</v>
      </c>
      <c r="CI5" s="260" t="s">
        <v>50</v>
      </c>
      <c r="CJ5" s="260" t="s">
        <v>51</v>
      </c>
      <c r="CK5" s="266" t="s">
        <v>45</v>
      </c>
      <c r="CL5" s="540"/>
      <c r="CM5" s="351" t="s">
        <v>43</v>
      </c>
      <c r="CN5" s="260" t="s">
        <v>44</v>
      </c>
      <c r="CO5" s="266" t="s">
        <v>45</v>
      </c>
      <c r="CP5" s="268" t="s">
        <v>83</v>
      </c>
      <c r="CQ5" s="260" t="s">
        <v>47</v>
      </c>
      <c r="CR5" s="260" t="s">
        <v>48</v>
      </c>
      <c r="CS5" s="260" t="s">
        <v>49</v>
      </c>
      <c r="CT5" s="260" t="s">
        <v>50</v>
      </c>
      <c r="CU5" s="260" t="s">
        <v>51</v>
      </c>
      <c r="CV5" s="266" t="s">
        <v>45</v>
      </c>
      <c r="CW5" s="540"/>
      <c r="CX5" s="351" t="s">
        <v>43</v>
      </c>
      <c r="CY5" s="260" t="s">
        <v>44</v>
      </c>
      <c r="CZ5" s="266" t="s">
        <v>45</v>
      </c>
      <c r="DA5" s="268" t="s">
        <v>83</v>
      </c>
      <c r="DB5" s="260" t="s">
        <v>47</v>
      </c>
      <c r="DC5" s="260" t="s">
        <v>48</v>
      </c>
      <c r="DD5" s="260" t="s">
        <v>49</v>
      </c>
      <c r="DE5" s="260" t="s">
        <v>50</v>
      </c>
      <c r="DF5" s="260" t="s">
        <v>51</v>
      </c>
      <c r="DG5" s="266" t="s">
        <v>45</v>
      </c>
      <c r="DH5" s="540"/>
      <c r="DI5" s="351" t="s">
        <v>43</v>
      </c>
      <c r="DJ5" s="260" t="s">
        <v>44</v>
      </c>
      <c r="DK5" s="266" t="s">
        <v>45</v>
      </c>
      <c r="DL5" s="268" t="s">
        <v>83</v>
      </c>
      <c r="DM5" s="260" t="s">
        <v>47</v>
      </c>
      <c r="DN5" s="260" t="s">
        <v>48</v>
      </c>
      <c r="DO5" s="260" t="s">
        <v>49</v>
      </c>
      <c r="DP5" s="260" t="s">
        <v>50</v>
      </c>
      <c r="DQ5" s="260" t="s">
        <v>51</v>
      </c>
      <c r="DR5" s="266" t="s">
        <v>45</v>
      </c>
      <c r="DS5" s="540"/>
      <c r="DT5" s="351" t="s">
        <v>43</v>
      </c>
      <c r="DU5" s="260" t="s">
        <v>44</v>
      </c>
      <c r="DV5" s="266" t="s">
        <v>45</v>
      </c>
      <c r="DW5" s="268" t="s">
        <v>83</v>
      </c>
      <c r="DX5" s="260" t="s">
        <v>47</v>
      </c>
      <c r="DY5" s="260" t="s">
        <v>48</v>
      </c>
      <c r="DZ5" s="260" t="s">
        <v>49</v>
      </c>
      <c r="EA5" s="260" t="s">
        <v>50</v>
      </c>
      <c r="EB5" s="260" t="s">
        <v>51</v>
      </c>
      <c r="EC5" s="266" t="s">
        <v>45</v>
      </c>
      <c r="ED5" s="540"/>
      <c r="EE5" s="351" t="s">
        <v>43</v>
      </c>
      <c r="EF5" s="260" t="s">
        <v>44</v>
      </c>
      <c r="EG5" s="266" t="s">
        <v>45</v>
      </c>
      <c r="EH5" s="268" t="s">
        <v>83</v>
      </c>
      <c r="EI5" s="260" t="s">
        <v>47</v>
      </c>
      <c r="EJ5" s="260" t="s">
        <v>48</v>
      </c>
      <c r="EK5" s="260" t="s">
        <v>49</v>
      </c>
      <c r="EL5" s="260" t="s">
        <v>50</v>
      </c>
      <c r="EM5" s="260" t="s">
        <v>51</v>
      </c>
      <c r="EN5" s="266" t="s">
        <v>45</v>
      </c>
      <c r="EO5" s="540"/>
      <c r="EP5" s="351" t="s">
        <v>43</v>
      </c>
      <c r="EQ5" s="260" t="s">
        <v>44</v>
      </c>
      <c r="ER5" s="266" t="s">
        <v>45</v>
      </c>
      <c r="ES5" s="268" t="s">
        <v>83</v>
      </c>
      <c r="ET5" s="260" t="s">
        <v>47</v>
      </c>
      <c r="EU5" s="260" t="s">
        <v>48</v>
      </c>
      <c r="EV5" s="260" t="s">
        <v>49</v>
      </c>
      <c r="EW5" s="260" t="s">
        <v>50</v>
      </c>
      <c r="EX5" s="260" t="s">
        <v>51</v>
      </c>
      <c r="EY5" s="266" t="s">
        <v>45</v>
      </c>
      <c r="EZ5" s="540"/>
    </row>
    <row r="6" spans="2:156" ht="19.5" customHeight="1" x14ac:dyDescent="0.2">
      <c r="B6" s="261" t="s">
        <v>4</v>
      </c>
      <c r="C6" s="270">
        <v>1</v>
      </c>
      <c r="D6" s="274">
        <v>0</v>
      </c>
      <c r="E6" s="384">
        <v>1</v>
      </c>
      <c r="F6" s="273">
        <v>0</v>
      </c>
      <c r="G6" s="274">
        <v>1158</v>
      </c>
      <c r="H6" s="274">
        <v>1280</v>
      </c>
      <c r="I6" s="274">
        <v>661</v>
      </c>
      <c r="J6" s="274">
        <v>584</v>
      </c>
      <c r="K6" s="274">
        <v>444</v>
      </c>
      <c r="L6" s="275">
        <v>4127</v>
      </c>
      <c r="M6" s="276">
        <v>4128</v>
      </c>
      <c r="N6" s="270">
        <v>0</v>
      </c>
      <c r="O6" s="274">
        <v>3</v>
      </c>
      <c r="P6" s="271">
        <v>3</v>
      </c>
      <c r="Q6" s="273">
        <v>0</v>
      </c>
      <c r="R6" s="274">
        <v>7</v>
      </c>
      <c r="S6" s="274">
        <v>37</v>
      </c>
      <c r="T6" s="274">
        <v>58</v>
      </c>
      <c r="U6" s="274">
        <v>150</v>
      </c>
      <c r="V6" s="274">
        <v>221</v>
      </c>
      <c r="W6" s="271">
        <v>473</v>
      </c>
      <c r="X6" s="276">
        <v>476</v>
      </c>
      <c r="Y6" s="270">
        <v>189</v>
      </c>
      <c r="Z6" s="274">
        <v>385</v>
      </c>
      <c r="AA6" s="271">
        <v>574</v>
      </c>
      <c r="AB6" s="273">
        <v>0</v>
      </c>
      <c r="AC6" s="274">
        <v>831</v>
      </c>
      <c r="AD6" s="274">
        <v>1132</v>
      </c>
      <c r="AE6" s="274">
        <v>636</v>
      </c>
      <c r="AF6" s="274">
        <v>576</v>
      </c>
      <c r="AG6" s="274">
        <v>445</v>
      </c>
      <c r="AH6" s="271">
        <v>3620</v>
      </c>
      <c r="AI6" s="276">
        <v>4194</v>
      </c>
      <c r="AJ6" s="270">
        <v>17</v>
      </c>
      <c r="AK6" s="274">
        <v>50</v>
      </c>
      <c r="AL6" s="271">
        <v>67</v>
      </c>
      <c r="AM6" s="273">
        <v>0</v>
      </c>
      <c r="AN6" s="274">
        <v>96</v>
      </c>
      <c r="AO6" s="274">
        <v>148</v>
      </c>
      <c r="AP6" s="274">
        <v>93</v>
      </c>
      <c r="AQ6" s="274">
        <v>90</v>
      </c>
      <c r="AR6" s="274">
        <v>48</v>
      </c>
      <c r="AS6" s="271">
        <v>475</v>
      </c>
      <c r="AT6" s="276">
        <v>542</v>
      </c>
      <c r="AU6" s="270">
        <v>321</v>
      </c>
      <c r="AV6" s="274">
        <v>340</v>
      </c>
      <c r="AW6" s="271">
        <v>661</v>
      </c>
      <c r="AX6" s="273">
        <v>0</v>
      </c>
      <c r="AY6" s="274">
        <v>1230</v>
      </c>
      <c r="AZ6" s="274">
        <v>1518</v>
      </c>
      <c r="BA6" s="274">
        <v>1272</v>
      </c>
      <c r="BB6" s="274">
        <v>1383</v>
      </c>
      <c r="BC6" s="274">
        <v>1033</v>
      </c>
      <c r="BD6" s="275">
        <v>6436</v>
      </c>
      <c r="BE6" s="276">
        <v>7097</v>
      </c>
      <c r="BF6" s="270">
        <v>0</v>
      </c>
      <c r="BG6" s="274">
        <v>0</v>
      </c>
      <c r="BH6" s="271">
        <v>0</v>
      </c>
      <c r="BI6" s="273">
        <v>0</v>
      </c>
      <c r="BJ6" s="274">
        <v>1334</v>
      </c>
      <c r="BK6" s="274">
        <v>1179</v>
      </c>
      <c r="BL6" s="274">
        <v>568</v>
      </c>
      <c r="BM6" s="274">
        <v>347</v>
      </c>
      <c r="BN6" s="274">
        <v>153</v>
      </c>
      <c r="BO6" s="271">
        <v>3581</v>
      </c>
      <c r="BP6" s="276">
        <v>3581</v>
      </c>
      <c r="BQ6" s="270">
        <v>111</v>
      </c>
      <c r="BR6" s="274">
        <v>142</v>
      </c>
      <c r="BS6" s="271">
        <v>253</v>
      </c>
      <c r="BT6" s="273">
        <v>0</v>
      </c>
      <c r="BU6" s="274">
        <v>318</v>
      </c>
      <c r="BV6" s="274">
        <v>435</v>
      </c>
      <c r="BW6" s="274">
        <v>261</v>
      </c>
      <c r="BX6" s="274">
        <v>190</v>
      </c>
      <c r="BY6" s="274">
        <v>64</v>
      </c>
      <c r="BZ6" s="271">
        <v>1268</v>
      </c>
      <c r="CA6" s="276">
        <v>1521</v>
      </c>
      <c r="CB6" s="270">
        <v>6</v>
      </c>
      <c r="CC6" s="274">
        <v>16</v>
      </c>
      <c r="CD6" s="271">
        <v>22</v>
      </c>
      <c r="CE6" s="273">
        <v>0</v>
      </c>
      <c r="CF6" s="274">
        <v>151</v>
      </c>
      <c r="CG6" s="274">
        <v>191</v>
      </c>
      <c r="CH6" s="274">
        <v>222</v>
      </c>
      <c r="CI6" s="274">
        <v>180</v>
      </c>
      <c r="CJ6" s="274">
        <v>92</v>
      </c>
      <c r="CK6" s="271">
        <v>836</v>
      </c>
      <c r="CL6" s="276">
        <v>858</v>
      </c>
      <c r="CM6" s="270">
        <v>1</v>
      </c>
      <c r="CN6" s="274">
        <v>2</v>
      </c>
      <c r="CO6" s="271">
        <v>3</v>
      </c>
      <c r="CP6" s="273">
        <v>0</v>
      </c>
      <c r="CQ6" s="274">
        <v>16</v>
      </c>
      <c r="CR6" s="274">
        <v>47</v>
      </c>
      <c r="CS6" s="274">
        <v>42</v>
      </c>
      <c r="CT6" s="274">
        <v>46</v>
      </c>
      <c r="CU6" s="274">
        <v>27</v>
      </c>
      <c r="CV6" s="271">
        <v>178</v>
      </c>
      <c r="CW6" s="276">
        <v>181</v>
      </c>
      <c r="CX6" s="270">
        <v>0</v>
      </c>
      <c r="CY6" s="274">
        <v>0</v>
      </c>
      <c r="CZ6" s="271">
        <v>0</v>
      </c>
      <c r="DA6" s="273">
        <v>0</v>
      </c>
      <c r="DB6" s="274">
        <v>0</v>
      </c>
      <c r="DC6" s="274">
        <v>0</v>
      </c>
      <c r="DD6" s="274">
        <v>0</v>
      </c>
      <c r="DE6" s="274">
        <v>0</v>
      </c>
      <c r="DF6" s="274">
        <v>0</v>
      </c>
      <c r="DG6" s="271">
        <v>0</v>
      </c>
      <c r="DH6" s="276">
        <v>0</v>
      </c>
      <c r="DI6" s="270">
        <v>0</v>
      </c>
      <c r="DJ6" s="274">
        <v>0</v>
      </c>
      <c r="DK6" s="271">
        <v>0</v>
      </c>
      <c r="DL6" s="273">
        <v>0</v>
      </c>
      <c r="DM6" s="274">
        <v>0</v>
      </c>
      <c r="DN6" s="274">
        <v>0</v>
      </c>
      <c r="DO6" s="274">
        <v>0</v>
      </c>
      <c r="DP6" s="274">
        <v>0</v>
      </c>
      <c r="DQ6" s="274">
        <v>0</v>
      </c>
      <c r="DR6" s="271">
        <v>0</v>
      </c>
      <c r="DS6" s="276">
        <v>0</v>
      </c>
      <c r="DT6" s="270">
        <v>583</v>
      </c>
      <c r="DU6" s="274">
        <v>1137</v>
      </c>
      <c r="DV6" s="271">
        <v>1720</v>
      </c>
      <c r="DW6" s="273">
        <v>0</v>
      </c>
      <c r="DX6" s="274">
        <v>1600</v>
      </c>
      <c r="DY6" s="274">
        <v>2695</v>
      </c>
      <c r="DZ6" s="274">
        <v>1567</v>
      </c>
      <c r="EA6" s="274">
        <v>1224</v>
      </c>
      <c r="EB6" s="274">
        <v>785</v>
      </c>
      <c r="EC6" s="271">
        <v>7871</v>
      </c>
      <c r="ED6" s="276">
        <v>9591</v>
      </c>
      <c r="EE6" s="270">
        <v>218</v>
      </c>
      <c r="EF6" s="274">
        <v>164</v>
      </c>
      <c r="EG6" s="271">
        <v>382</v>
      </c>
      <c r="EH6" s="273">
        <v>0</v>
      </c>
      <c r="EI6" s="274">
        <v>613</v>
      </c>
      <c r="EJ6" s="274">
        <v>634</v>
      </c>
      <c r="EK6" s="274">
        <v>542</v>
      </c>
      <c r="EL6" s="274">
        <v>621</v>
      </c>
      <c r="EM6" s="274">
        <v>390</v>
      </c>
      <c r="EN6" s="271">
        <v>2800</v>
      </c>
      <c r="EO6" s="276">
        <v>3182</v>
      </c>
      <c r="EP6" s="270">
        <v>831</v>
      </c>
      <c r="EQ6" s="274">
        <v>1462</v>
      </c>
      <c r="ER6" s="271">
        <v>2293</v>
      </c>
      <c r="ES6" s="273">
        <v>0</v>
      </c>
      <c r="ET6" s="274">
        <v>3710</v>
      </c>
      <c r="EU6" s="274">
        <v>3798</v>
      </c>
      <c r="EV6" s="274">
        <v>1890</v>
      </c>
      <c r="EW6" s="274">
        <v>1362</v>
      </c>
      <c r="EX6" s="274">
        <v>827</v>
      </c>
      <c r="EY6" s="271">
        <v>11587</v>
      </c>
      <c r="EZ6" s="276">
        <v>13880</v>
      </c>
    </row>
    <row r="7" spans="2:156" ht="19.5" customHeight="1" x14ac:dyDescent="0.2">
      <c r="B7" s="262" t="s">
        <v>5</v>
      </c>
      <c r="C7" s="277">
        <v>0</v>
      </c>
      <c r="D7" s="281">
        <v>0</v>
      </c>
      <c r="E7" s="385">
        <v>0</v>
      </c>
      <c r="F7" s="280">
        <v>0</v>
      </c>
      <c r="G7" s="281">
        <v>442</v>
      </c>
      <c r="H7" s="281">
        <v>698</v>
      </c>
      <c r="I7" s="281">
        <v>286</v>
      </c>
      <c r="J7" s="281">
        <v>247</v>
      </c>
      <c r="K7" s="281">
        <v>184</v>
      </c>
      <c r="L7" s="282">
        <v>1857</v>
      </c>
      <c r="M7" s="283">
        <v>1857</v>
      </c>
      <c r="N7" s="277">
        <v>0</v>
      </c>
      <c r="O7" s="281">
        <v>2</v>
      </c>
      <c r="P7" s="278">
        <v>2</v>
      </c>
      <c r="Q7" s="280">
        <v>0</v>
      </c>
      <c r="R7" s="281">
        <v>1</v>
      </c>
      <c r="S7" s="281">
        <v>19</v>
      </c>
      <c r="T7" s="281">
        <v>25</v>
      </c>
      <c r="U7" s="281">
        <v>64</v>
      </c>
      <c r="V7" s="281">
        <v>86</v>
      </c>
      <c r="W7" s="278">
        <v>195</v>
      </c>
      <c r="X7" s="283">
        <v>197</v>
      </c>
      <c r="Y7" s="277">
        <v>92</v>
      </c>
      <c r="Z7" s="281">
        <v>195</v>
      </c>
      <c r="AA7" s="278">
        <v>287</v>
      </c>
      <c r="AB7" s="280">
        <v>0</v>
      </c>
      <c r="AC7" s="281">
        <v>314</v>
      </c>
      <c r="AD7" s="281">
        <v>627</v>
      </c>
      <c r="AE7" s="281">
        <v>304</v>
      </c>
      <c r="AF7" s="281">
        <v>260</v>
      </c>
      <c r="AG7" s="281">
        <v>190</v>
      </c>
      <c r="AH7" s="278">
        <v>1695</v>
      </c>
      <c r="AI7" s="283">
        <v>1982</v>
      </c>
      <c r="AJ7" s="277">
        <v>9</v>
      </c>
      <c r="AK7" s="281">
        <v>29</v>
      </c>
      <c r="AL7" s="278">
        <v>38</v>
      </c>
      <c r="AM7" s="280">
        <v>0</v>
      </c>
      <c r="AN7" s="281">
        <v>34</v>
      </c>
      <c r="AO7" s="281">
        <v>73</v>
      </c>
      <c r="AP7" s="281">
        <v>36</v>
      </c>
      <c r="AQ7" s="281">
        <v>37</v>
      </c>
      <c r="AR7" s="281">
        <v>17</v>
      </c>
      <c r="AS7" s="278">
        <v>197</v>
      </c>
      <c r="AT7" s="283">
        <v>235</v>
      </c>
      <c r="AU7" s="277">
        <v>139</v>
      </c>
      <c r="AV7" s="281">
        <v>182</v>
      </c>
      <c r="AW7" s="278">
        <v>321</v>
      </c>
      <c r="AX7" s="280">
        <v>0</v>
      </c>
      <c r="AY7" s="281">
        <v>492</v>
      </c>
      <c r="AZ7" s="281">
        <v>740</v>
      </c>
      <c r="BA7" s="281">
        <v>578</v>
      </c>
      <c r="BB7" s="281">
        <v>591</v>
      </c>
      <c r="BC7" s="281">
        <v>445</v>
      </c>
      <c r="BD7" s="282">
        <v>2846</v>
      </c>
      <c r="BE7" s="283">
        <v>3167</v>
      </c>
      <c r="BF7" s="277">
        <v>0</v>
      </c>
      <c r="BG7" s="281">
        <v>0</v>
      </c>
      <c r="BH7" s="278">
        <v>0</v>
      </c>
      <c r="BI7" s="280">
        <v>0</v>
      </c>
      <c r="BJ7" s="281">
        <v>454</v>
      </c>
      <c r="BK7" s="281">
        <v>526</v>
      </c>
      <c r="BL7" s="281">
        <v>240</v>
      </c>
      <c r="BM7" s="281">
        <v>132</v>
      </c>
      <c r="BN7" s="281">
        <v>64</v>
      </c>
      <c r="BO7" s="278">
        <v>1416</v>
      </c>
      <c r="BP7" s="283">
        <v>1416</v>
      </c>
      <c r="BQ7" s="277">
        <v>58</v>
      </c>
      <c r="BR7" s="281">
        <v>67</v>
      </c>
      <c r="BS7" s="278">
        <v>125</v>
      </c>
      <c r="BT7" s="280">
        <v>0</v>
      </c>
      <c r="BU7" s="281">
        <v>106</v>
      </c>
      <c r="BV7" s="281">
        <v>226</v>
      </c>
      <c r="BW7" s="281">
        <v>127</v>
      </c>
      <c r="BX7" s="281">
        <v>81</v>
      </c>
      <c r="BY7" s="281">
        <v>30</v>
      </c>
      <c r="BZ7" s="278">
        <v>570</v>
      </c>
      <c r="CA7" s="283">
        <v>695</v>
      </c>
      <c r="CB7" s="277">
        <v>2</v>
      </c>
      <c r="CC7" s="281">
        <v>8</v>
      </c>
      <c r="CD7" s="278">
        <v>10</v>
      </c>
      <c r="CE7" s="280">
        <v>0</v>
      </c>
      <c r="CF7" s="281">
        <v>54</v>
      </c>
      <c r="CG7" s="281">
        <v>78</v>
      </c>
      <c r="CH7" s="281">
        <v>84</v>
      </c>
      <c r="CI7" s="281">
        <v>70</v>
      </c>
      <c r="CJ7" s="281">
        <v>37</v>
      </c>
      <c r="CK7" s="278">
        <v>323</v>
      </c>
      <c r="CL7" s="283">
        <v>333</v>
      </c>
      <c r="CM7" s="277">
        <v>0</v>
      </c>
      <c r="CN7" s="281">
        <v>2</v>
      </c>
      <c r="CO7" s="278">
        <v>2</v>
      </c>
      <c r="CP7" s="280">
        <v>0</v>
      </c>
      <c r="CQ7" s="281">
        <v>10</v>
      </c>
      <c r="CR7" s="281">
        <v>27</v>
      </c>
      <c r="CS7" s="281">
        <v>26</v>
      </c>
      <c r="CT7" s="281">
        <v>28</v>
      </c>
      <c r="CU7" s="281">
        <v>16</v>
      </c>
      <c r="CV7" s="278">
        <v>107</v>
      </c>
      <c r="CW7" s="283">
        <v>109</v>
      </c>
      <c r="CX7" s="277">
        <v>0</v>
      </c>
      <c r="CY7" s="281">
        <v>0</v>
      </c>
      <c r="CZ7" s="278">
        <v>0</v>
      </c>
      <c r="DA7" s="280">
        <v>0</v>
      </c>
      <c r="DB7" s="281">
        <v>0</v>
      </c>
      <c r="DC7" s="281">
        <v>0</v>
      </c>
      <c r="DD7" s="281">
        <v>0</v>
      </c>
      <c r="DE7" s="281">
        <v>0</v>
      </c>
      <c r="DF7" s="281">
        <v>0</v>
      </c>
      <c r="DG7" s="278">
        <v>0</v>
      </c>
      <c r="DH7" s="283">
        <v>0</v>
      </c>
      <c r="DI7" s="277">
        <v>0</v>
      </c>
      <c r="DJ7" s="281">
        <v>0</v>
      </c>
      <c r="DK7" s="278">
        <v>0</v>
      </c>
      <c r="DL7" s="280">
        <v>0</v>
      </c>
      <c r="DM7" s="281">
        <v>0</v>
      </c>
      <c r="DN7" s="281">
        <v>0</v>
      </c>
      <c r="DO7" s="281">
        <v>0</v>
      </c>
      <c r="DP7" s="281">
        <v>0</v>
      </c>
      <c r="DQ7" s="281">
        <v>0</v>
      </c>
      <c r="DR7" s="278">
        <v>0</v>
      </c>
      <c r="DS7" s="283">
        <v>0</v>
      </c>
      <c r="DT7" s="277">
        <v>216</v>
      </c>
      <c r="DU7" s="281">
        <v>526</v>
      </c>
      <c r="DV7" s="278">
        <v>742</v>
      </c>
      <c r="DW7" s="280">
        <v>0</v>
      </c>
      <c r="DX7" s="281">
        <v>488</v>
      </c>
      <c r="DY7" s="281">
        <v>1316</v>
      </c>
      <c r="DZ7" s="281">
        <v>666</v>
      </c>
      <c r="EA7" s="281">
        <v>504</v>
      </c>
      <c r="EB7" s="281">
        <v>325</v>
      </c>
      <c r="EC7" s="278">
        <v>3299</v>
      </c>
      <c r="ED7" s="283">
        <v>4041</v>
      </c>
      <c r="EE7" s="277">
        <v>90</v>
      </c>
      <c r="EF7" s="281">
        <v>78</v>
      </c>
      <c r="EG7" s="278">
        <v>168</v>
      </c>
      <c r="EH7" s="280">
        <v>0</v>
      </c>
      <c r="EI7" s="281">
        <v>259</v>
      </c>
      <c r="EJ7" s="281">
        <v>324</v>
      </c>
      <c r="EK7" s="281">
        <v>265</v>
      </c>
      <c r="EL7" s="281">
        <v>267</v>
      </c>
      <c r="EM7" s="281">
        <v>176</v>
      </c>
      <c r="EN7" s="278">
        <v>1291</v>
      </c>
      <c r="EO7" s="283">
        <v>1459</v>
      </c>
      <c r="EP7" s="277">
        <v>349</v>
      </c>
      <c r="EQ7" s="281">
        <v>700</v>
      </c>
      <c r="ER7" s="278">
        <v>1049</v>
      </c>
      <c r="ES7" s="280">
        <v>0</v>
      </c>
      <c r="ET7" s="281">
        <v>1334</v>
      </c>
      <c r="EU7" s="281">
        <v>1901</v>
      </c>
      <c r="EV7" s="281">
        <v>806</v>
      </c>
      <c r="EW7" s="281">
        <v>583</v>
      </c>
      <c r="EX7" s="281">
        <v>352</v>
      </c>
      <c r="EY7" s="278">
        <v>4976</v>
      </c>
      <c r="EZ7" s="283">
        <v>6025</v>
      </c>
    </row>
    <row r="8" spans="2:156" ht="19.5" customHeight="1" x14ac:dyDescent="0.2">
      <c r="B8" s="262" t="s">
        <v>6</v>
      </c>
      <c r="C8" s="277">
        <v>0</v>
      </c>
      <c r="D8" s="281">
        <v>0</v>
      </c>
      <c r="E8" s="385">
        <v>0</v>
      </c>
      <c r="F8" s="280">
        <v>0</v>
      </c>
      <c r="G8" s="281">
        <v>231</v>
      </c>
      <c r="H8" s="281">
        <v>178</v>
      </c>
      <c r="I8" s="281">
        <v>108</v>
      </c>
      <c r="J8" s="281">
        <v>110</v>
      </c>
      <c r="K8" s="281">
        <v>72</v>
      </c>
      <c r="L8" s="282">
        <v>699</v>
      </c>
      <c r="M8" s="283">
        <v>699</v>
      </c>
      <c r="N8" s="277">
        <v>0</v>
      </c>
      <c r="O8" s="281">
        <v>1</v>
      </c>
      <c r="P8" s="278">
        <v>1</v>
      </c>
      <c r="Q8" s="280">
        <v>0</v>
      </c>
      <c r="R8" s="281">
        <v>0</v>
      </c>
      <c r="S8" s="281">
        <v>6</v>
      </c>
      <c r="T8" s="281">
        <v>13</v>
      </c>
      <c r="U8" s="281">
        <v>32</v>
      </c>
      <c r="V8" s="281">
        <v>39</v>
      </c>
      <c r="W8" s="278">
        <v>90</v>
      </c>
      <c r="X8" s="283">
        <v>91</v>
      </c>
      <c r="Y8" s="277">
        <v>27</v>
      </c>
      <c r="Z8" s="281">
        <v>60</v>
      </c>
      <c r="AA8" s="278">
        <v>87</v>
      </c>
      <c r="AB8" s="280">
        <v>0</v>
      </c>
      <c r="AC8" s="281">
        <v>192</v>
      </c>
      <c r="AD8" s="281">
        <v>157</v>
      </c>
      <c r="AE8" s="281">
        <v>107</v>
      </c>
      <c r="AF8" s="281">
        <v>98</v>
      </c>
      <c r="AG8" s="281">
        <v>76</v>
      </c>
      <c r="AH8" s="278">
        <v>630</v>
      </c>
      <c r="AI8" s="283">
        <v>717</v>
      </c>
      <c r="AJ8" s="277">
        <v>2</v>
      </c>
      <c r="AK8" s="281">
        <v>3</v>
      </c>
      <c r="AL8" s="278">
        <v>5</v>
      </c>
      <c r="AM8" s="280">
        <v>0</v>
      </c>
      <c r="AN8" s="281">
        <v>20</v>
      </c>
      <c r="AO8" s="281">
        <v>19</v>
      </c>
      <c r="AP8" s="281">
        <v>11</v>
      </c>
      <c r="AQ8" s="281">
        <v>15</v>
      </c>
      <c r="AR8" s="281">
        <v>6</v>
      </c>
      <c r="AS8" s="278">
        <v>71</v>
      </c>
      <c r="AT8" s="283">
        <v>76</v>
      </c>
      <c r="AU8" s="277">
        <v>51</v>
      </c>
      <c r="AV8" s="281">
        <v>55</v>
      </c>
      <c r="AW8" s="278">
        <v>106</v>
      </c>
      <c r="AX8" s="280">
        <v>0</v>
      </c>
      <c r="AY8" s="281">
        <v>236</v>
      </c>
      <c r="AZ8" s="281">
        <v>264</v>
      </c>
      <c r="BA8" s="281">
        <v>235</v>
      </c>
      <c r="BB8" s="281">
        <v>263</v>
      </c>
      <c r="BC8" s="281">
        <v>190</v>
      </c>
      <c r="BD8" s="282">
        <v>1188</v>
      </c>
      <c r="BE8" s="283">
        <v>1294</v>
      </c>
      <c r="BF8" s="277">
        <v>0</v>
      </c>
      <c r="BG8" s="281">
        <v>0</v>
      </c>
      <c r="BH8" s="278">
        <v>0</v>
      </c>
      <c r="BI8" s="280">
        <v>0</v>
      </c>
      <c r="BJ8" s="281">
        <v>271</v>
      </c>
      <c r="BK8" s="281">
        <v>165</v>
      </c>
      <c r="BL8" s="281">
        <v>78</v>
      </c>
      <c r="BM8" s="281">
        <v>65</v>
      </c>
      <c r="BN8" s="281">
        <v>26</v>
      </c>
      <c r="BO8" s="278">
        <v>605</v>
      </c>
      <c r="BP8" s="283">
        <v>605</v>
      </c>
      <c r="BQ8" s="277">
        <v>6</v>
      </c>
      <c r="BR8" s="281">
        <v>13</v>
      </c>
      <c r="BS8" s="278">
        <v>19</v>
      </c>
      <c r="BT8" s="280">
        <v>0</v>
      </c>
      <c r="BU8" s="281">
        <v>51</v>
      </c>
      <c r="BV8" s="281">
        <v>56</v>
      </c>
      <c r="BW8" s="281">
        <v>33</v>
      </c>
      <c r="BX8" s="281">
        <v>40</v>
      </c>
      <c r="BY8" s="281">
        <v>7</v>
      </c>
      <c r="BZ8" s="278">
        <v>187</v>
      </c>
      <c r="CA8" s="283">
        <v>206</v>
      </c>
      <c r="CB8" s="277">
        <v>0</v>
      </c>
      <c r="CC8" s="281">
        <v>0</v>
      </c>
      <c r="CD8" s="278">
        <v>0</v>
      </c>
      <c r="CE8" s="280">
        <v>0</v>
      </c>
      <c r="CF8" s="281">
        <v>15</v>
      </c>
      <c r="CG8" s="281">
        <v>21</v>
      </c>
      <c r="CH8" s="281">
        <v>29</v>
      </c>
      <c r="CI8" s="281">
        <v>25</v>
      </c>
      <c r="CJ8" s="281">
        <v>14</v>
      </c>
      <c r="CK8" s="278">
        <v>104</v>
      </c>
      <c r="CL8" s="283">
        <v>104</v>
      </c>
      <c r="CM8" s="277">
        <v>0</v>
      </c>
      <c r="CN8" s="281">
        <v>0</v>
      </c>
      <c r="CO8" s="278">
        <v>0</v>
      </c>
      <c r="CP8" s="280">
        <v>0</v>
      </c>
      <c r="CQ8" s="281">
        <v>2</v>
      </c>
      <c r="CR8" s="281">
        <v>8</v>
      </c>
      <c r="CS8" s="281">
        <v>5</v>
      </c>
      <c r="CT8" s="281">
        <v>7</v>
      </c>
      <c r="CU8" s="281">
        <v>3</v>
      </c>
      <c r="CV8" s="278">
        <v>25</v>
      </c>
      <c r="CW8" s="283">
        <v>25</v>
      </c>
      <c r="CX8" s="277">
        <v>0</v>
      </c>
      <c r="CY8" s="281">
        <v>0</v>
      </c>
      <c r="CZ8" s="278">
        <v>0</v>
      </c>
      <c r="DA8" s="280">
        <v>0</v>
      </c>
      <c r="DB8" s="281">
        <v>0</v>
      </c>
      <c r="DC8" s="281">
        <v>0</v>
      </c>
      <c r="DD8" s="281">
        <v>0</v>
      </c>
      <c r="DE8" s="281">
        <v>0</v>
      </c>
      <c r="DF8" s="281">
        <v>0</v>
      </c>
      <c r="DG8" s="278">
        <v>0</v>
      </c>
      <c r="DH8" s="283">
        <v>0</v>
      </c>
      <c r="DI8" s="277">
        <v>0</v>
      </c>
      <c r="DJ8" s="281">
        <v>0</v>
      </c>
      <c r="DK8" s="278">
        <v>0</v>
      </c>
      <c r="DL8" s="280">
        <v>0</v>
      </c>
      <c r="DM8" s="281">
        <v>0</v>
      </c>
      <c r="DN8" s="281">
        <v>0</v>
      </c>
      <c r="DO8" s="281">
        <v>0</v>
      </c>
      <c r="DP8" s="281">
        <v>0</v>
      </c>
      <c r="DQ8" s="281">
        <v>0</v>
      </c>
      <c r="DR8" s="278">
        <v>0</v>
      </c>
      <c r="DS8" s="283">
        <v>0</v>
      </c>
      <c r="DT8" s="277">
        <v>98</v>
      </c>
      <c r="DU8" s="281">
        <v>156</v>
      </c>
      <c r="DV8" s="278">
        <v>254</v>
      </c>
      <c r="DW8" s="280">
        <v>0</v>
      </c>
      <c r="DX8" s="281">
        <v>341</v>
      </c>
      <c r="DY8" s="281">
        <v>405</v>
      </c>
      <c r="DZ8" s="281">
        <v>270</v>
      </c>
      <c r="EA8" s="281">
        <v>225</v>
      </c>
      <c r="EB8" s="281">
        <v>123</v>
      </c>
      <c r="EC8" s="278">
        <v>1364</v>
      </c>
      <c r="ED8" s="283">
        <v>1618</v>
      </c>
      <c r="EE8" s="277">
        <v>31</v>
      </c>
      <c r="EF8" s="281">
        <v>22</v>
      </c>
      <c r="EG8" s="278">
        <v>53</v>
      </c>
      <c r="EH8" s="280">
        <v>0</v>
      </c>
      <c r="EI8" s="281">
        <v>100</v>
      </c>
      <c r="EJ8" s="281">
        <v>91</v>
      </c>
      <c r="EK8" s="281">
        <v>87</v>
      </c>
      <c r="EL8" s="281">
        <v>115</v>
      </c>
      <c r="EM8" s="281">
        <v>72</v>
      </c>
      <c r="EN8" s="278">
        <v>465</v>
      </c>
      <c r="EO8" s="283">
        <v>518</v>
      </c>
      <c r="EP8" s="277">
        <v>122</v>
      </c>
      <c r="EQ8" s="281">
        <v>198</v>
      </c>
      <c r="ER8" s="278">
        <v>320</v>
      </c>
      <c r="ES8" s="280">
        <v>0</v>
      </c>
      <c r="ET8" s="281">
        <v>740</v>
      </c>
      <c r="EU8" s="281">
        <v>534</v>
      </c>
      <c r="EV8" s="281">
        <v>307</v>
      </c>
      <c r="EW8" s="281">
        <v>248</v>
      </c>
      <c r="EX8" s="281">
        <v>132</v>
      </c>
      <c r="EY8" s="278">
        <v>1961</v>
      </c>
      <c r="EZ8" s="283">
        <v>2281</v>
      </c>
    </row>
    <row r="9" spans="2:156" ht="19.5" customHeight="1" x14ac:dyDescent="0.2">
      <c r="B9" s="262" t="s">
        <v>14</v>
      </c>
      <c r="C9" s="277">
        <v>0</v>
      </c>
      <c r="D9" s="281">
        <v>0</v>
      </c>
      <c r="E9" s="385">
        <v>0</v>
      </c>
      <c r="F9" s="280">
        <v>0</v>
      </c>
      <c r="G9" s="281">
        <v>57</v>
      </c>
      <c r="H9" s="281">
        <v>52</v>
      </c>
      <c r="I9" s="281">
        <v>43</v>
      </c>
      <c r="J9" s="281">
        <v>35</v>
      </c>
      <c r="K9" s="281">
        <v>30</v>
      </c>
      <c r="L9" s="282">
        <v>217</v>
      </c>
      <c r="M9" s="283">
        <v>217</v>
      </c>
      <c r="N9" s="277">
        <v>0</v>
      </c>
      <c r="O9" s="281">
        <v>0</v>
      </c>
      <c r="P9" s="278">
        <v>0</v>
      </c>
      <c r="Q9" s="280">
        <v>0</v>
      </c>
      <c r="R9" s="281">
        <v>0</v>
      </c>
      <c r="S9" s="281">
        <v>1</v>
      </c>
      <c r="T9" s="281">
        <v>2</v>
      </c>
      <c r="U9" s="281">
        <v>14</v>
      </c>
      <c r="V9" s="281">
        <v>18</v>
      </c>
      <c r="W9" s="278">
        <v>35</v>
      </c>
      <c r="X9" s="283">
        <v>35</v>
      </c>
      <c r="Y9" s="277">
        <v>4</v>
      </c>
      <c r="Z9" s="281">
        <v>26</v>
      </c>
      <c r="AA9" s="278">
        <v>30</v>
      </c>
      <c r="AB9" s="280">
        <v>0</v>
      </c>
      <c r="AC9" s="281">
        <v>33</v>
      </c>
      <c r="AD9" s="281">
        <v>60</v>
      </c>
      <c r="AE9" s="281">
        <v>40</v>
      </c>
      <c r="AF9" s="281">
        <v>43</v>
      </c>
      <c r="AG9" s="281">
        <v>37</v>
      </c>
      <c r="AH9" s="278">
        <v>213</v>
      </c>
      <c r="AI9" s="283">
        <v>243</v>
      </c>
      <c r="AJ9" s="277">
        <v>0</v>
      </c>
      <c r="AK9" s="281">
        <v>3</v>
      </c>
      <c r="AL9" s="278">
        <v>3</v>
      </c>
      <c r="AM9" s="280">
        <v>0</v>
      </c>
      <c r="AN9" s="281">
        <v>2</v>
      </c>
      <c r="AO9" s="281">
        <v>3</v>
      </c>
      <c r="AP9" s="281">
        <v>3</v>
      </c>
      <c r="AQ9" s="281">
        <v>3</v>
      </c>
      <c r="AR9" s="281">
        <v>1</v>
      </c>
      <c r="AS9" s="278">
        <v>12</v>
      </c>
      <c r="AT9" s="283">
        <v>15</v>
      </c>
      <c r="AU9" s="277">
        <v>13</v>
      </c>
      <c r="AV9" s="281">
        <v>26</v>
      </c>
      <c r="AW9" s="278">
        <v>39</v>
      </c>
      <c r="AX9" s="280">
        <v>0</v>
      </c>
      <c r="AY9" s="281">
        <v>76</v>
      </c>
      <c r="AZ9" s="281">
        <v>74</v>
      </c>
      <c r="BA9" s="281">
        <v>70</v>
      </c>
      <c r="BB9" s="281">
        <v>85</v>
      </c>
      <c r="BC9" s="281">
        <v>68</v>
      </c>
      <c r="BD9" s="282">
        <v>373</v>
      </c>
      <c r="BE9" s="283">
        <v>412</v>
      </c>
      <c r="BF9" s="277">
        <v>0</v>
      </c>
      <c r="BG9" s="281">
        <v>0</v>
      </c>
      <c r="BH9" s="278">
        <v>0</v>
      </c>
      <c r="BI9" s="280">
        <v>0</v>
      </c>
      <c r="BJ9" s="281">
        <v>88</v>
      </c>
      <c r="BK9" s="281">
        <v>68</v>
      </c>
      <c r="BL9" s="281">
        <v>52</v>
      </c>
      <c r="BM9" s="281">
        <v>31</v>
      </c>
      <c r="BN9" s="281">
        <v>17</v>
      </c>
      <c r="BO9" s="278">
        <v>256</v>
      </c>
      <c r="BP9" s="283">
        <v>256</v>
      </c>
      <c r="BQ9" s="277">
        <v>2</v>
      </c>
      <c r="BR9" s="281">
        <v>3</v>
      </c>
      <c r="BS9" s="278">
        <v>5</v>
      </c>
      <c r="BT9" s="280">
        <v>0</v>
      </c>
      <c r="BU9" s="281">
        <v>11</v>
      </c>
      <c r="BV9" s="281">
        <v>14</v>
      </c>
      <c r="BW9" s="281">
        <v>11</v>
      </c>
      <c r="BX9" s="281">
        <v>10</v>
      </c>
      <c r="BY9" s="281">
        <v>3</v>
      </c>
      <c r="BZ9" s="278">
        <v>49</v>
      </c>
      <c r="CA9" s="283">
        <v>54</v>
      </c>
      <c r="CB9" s="277">
        <v>2</v>
      </c>
      <c r="CC9" s="281">
        <v>1</v>
      </c>
      <c r="CD9" s="278">
        <v>3</v>
      </c>
      <c r="CE9" s="280">
        <v>0</v>
      </c>
      <c r="CF9" s="281">
        <v>14</v>
      </c>
      <c r="CG9" s="281">
        <v>12</v>
      </c>
      <c r="CH9" s="281">
        <v>14</v>
      </c>
      <c r="CI9" s="281">
        <v>15</v>
      </c>
      <c r="CJ9" s="281">
        <v>9</v>
      </c>
      <c r="CK9" s="278">
        <v>64</v>
      </c>
      <c r="CL9" s="283">
        <v>67</v>
      </c>
      <c r="CM9" s="277">
        <v>0</v>
      </c>
      <c r="CN9" s="281">
        <v>0</v>
      </c>
      <c r="CO9" s="278">
        <v>0</v>
      </c>
      <c r="CP9" s="280">
        <v>0</v>
      </c>
      <c r="CQ9" s="281">
        <v>0</v>
      </c>
      <c r="CR9" s="281">
        <v>1</v>
      </c>
      <c r="CS9" s="281">
        <v>0</v>
      </c>
      <c r="CT9" s="281">
        <v>1</v>
      </c>
      <c r="CU9" s="281">
        <v>1</v>
      </c>
      <c r="CV9" s="278">
        <v>3</v>
      </c>
      <c r="CW9" s="283">
        <v>3</v>
      </c>
      <c r="CX9" s="277">
        <v>0</v>
      </c>
      <c r="CY9" s="281">
        <v>0</v>
      </c>
      <c r="CZ9" s="278">
        <v>0</v>
      </c>
      <c r="DA9" s="280">
        <v>0</v>
      </c>
      <c r="DB9" s="281">
        <v>0</v>
      </c>
      <c r="DC9" s="281">
        <v>0</v>
      </c>
      <c r="DD9" s="281">
        <v>0</v>
      </c>
      <c r="DE9" s="281">
        <v>0</v>
      </c>
      <c r="DF9" s="281">
        <v>0</v>
      </c>
      <c r="DG9" s="278">
        <v>0</v>
      </c>
      <c r="DH9" s="283">
        <v>0</v>
      </c>
      <c r="DI9" s="277">
        <v>0</v>
      </c>
      <c r="DJ9" s="281">
        <v>0</v>
      </c>
      <c r="DK9" s="278">
        <v>0</v>
      </c>
      <c r="DL9" s="280">
        <v>0</v>
      </c>
      <c r="DM9" s="281">
        <v>0</v>
      </c>
      <c r="DN9" s="281">
        <v>0</v>
      </c>
      <c r="DO9" s="281">
        <v>0</v>
      </c>
      <c r="DP9" s="281">
        <v>0</v>
      </c>
      <c r="DQ9" s="281">
        <v>0</v>
      </c>
      <c r="DR9" s="278">
        <v>0</v>
      </c>
      <c r="DS9" s="283">
        <v>0</v>
      </c>
      <c r="DT9" s="277">
        <v>26</v>
      </c>
      <c r="DU9" s="281">
        <v>79</v>
      </c>
      <c r="DV9" s="278">
        <v>105</v>
      </c>
      <c r="DW9" s="280">
        <v>0</v>
      </c>
      <c r="DX9" s="281">
        <v>89</v>
      </c>
      <c r="DY9" s="281">
        <v>146</v>
      </c>
      <c r="DZ9" s="281">
        <v>105</v>
      </c>
      <c r="EA9" s="281">
        <v>84</v>
      </c>
      <c r="EB9" s="281">
        <v>67</v>
      </c>
      <c r="EC9" s="278">
        <v>491</v>
      </c>
      <c r="ED9" s="283">
        <v>596</v>
      </c>
      <c r="EE9" s="277">
        <v>10</v>
      </c>
      <c r="EF9" s="281">
        <v>16</v>
      </c>
      <c r="EG9" s="278">
        <v>26</v>
      </c>
      <c r="EH9" s="280">
        <v>0</v>
      </c>
      <c r="EI9" s="281">
        <v>31</v>
      </c>
      <c r="EJ9" s="281">
        <v>33</v>
      </c>
      <c r="EK9" s="281">
        <v>33</v>
      </c>
      <c r="EL9" s="281">
        <v>34</v>
      </c>
      <c r="EM9" s="281">
        <v>17</v>
      </c>
      <c r="EN9" s="278">
        <v>148</v>
      </c>
      <c r="EO9" s="283">
        <v>174</v>
      </c>
      <c r="EP9" s="277">
        <v>34</v>
      </c>
      <c r="EQ9" s="281">
        <v>93</v>
      </c>
      <c r="ER9" s="278">
        <v>127</v>
      </c>
      <c r="ES9" s="280">
        <v>0</v>
      </c>
      <c r="ET9" s="281">
        <v>201</v>
      </c>
      <c r="EU9" s="281">
        <v>206</v>
      </c>
      <c r="EV9" s="281">
        <v>127</v>
      </c>
      <c r="EW9" s="281">
        <v>96</v>
      </c>
      <c r="EX9" s="281">
        <v>70</v>
      </c>
      <c r="EY9" s="278">
        <v>700</v>
      </c>
      <c r="EZ9" s="283">
        <v>827</v>
      </c>
    </row>
    <row r="10" spans="2:156" ht="19.5" customHeight="1" x14ac:dyDescent="0.2">
      <c r="B10" s="262" t="s">
        <v>7</v>
      </c>
      <c r="C10" s="277">
        <v>0</v>
      </c>
      <c r="D10" s="281">
        <v>0</v>
      </c>
      <c r="E10" s="385">
        <v>0</v>
      </c>
      <c r="F10" s="280">
        <v>0</v>
      </c>
      <c r="G10" s="281">
        <v>55</v>
      </c>
      <c r="H10" s="281">
        <v>37</v>
      </c>
      <c r="I10" s="281">
        <v>24</v>
      </c>
      <c r="J10" s="281">
        <v>13</v>
      </c>
      <c r="K10" s="281">
        <v>20</v>
      </c>
      <c r="L10" s="282">
        <v>149</v>
      </c>
      <c r="M10" s="283">
        <v>149</v>
      </c>
      <c r="N10" s="277">
        <v>0</v>
      </c>
      <c r="O10" s="281">
        <v>0</v>
      </c>
      <c r="P10" s="278">
        <v>0</v>
      </c>
      <c r="Q10" s="280">
        <v>0</v>
      </c>
      <c r="R10" s="281">
        <v>3</v>
      </c>
      <c r="S10" s="281">
        <v>1</v>
      </c>
      <c r="T10" s="281">
        <v>1</v>
      </c>
      <c r="U10" s="281">
        <v>2</v>
      </c>
      <c r="V10" s="281">
        <v>7</v>
      </c>
      <c r="W10" s="278">
        <v>14</v>
      </c>
      <c r="X10" s="283">
        <v>14</v>
      </c>
      <c r="Y10" s="277">
        <v>0</v>
      </c>
      <c r="Z10" s="281">
        <v>3</v>
      </c>
      <c r="AA10" s="278">
        <v>3</v>
      </c>
      <c r="AB10" s="280">
        <v>0</v>
      </c>
      <c r="AC10" s="281">
        <v>29</v>
      </c>
      <c r="AD10" s="281">
        <v>29</v>
      </c>
      <c r="AE10" s="281">
        <v>13</v>
      </c>
      <c r="AF10" s="281">
        <v>10</v>
      </c>
      <c r="AG10" s="281">
        <v>17</v>
      </c>
      <c r="AH10" s="278">
        <v>98</v>
      </c>
      <c r="AI10" s="283">
        <v>101</v>
      </c>
      <c r="AJ10" s="277">
        <v>0</v>
      </c>
      <c r="AK10" s="281">
        <v>0</v>
      </c>
      <c r="AL10" s="278">
        <v>0</v>
      </c>
      <c r="AM10" s="280">
        <v>0</v>
      </c>
      <c r="AN10" s="281">
        <v>3</v>
      </c>
      <c r="AO10" s="281">
        <v>5</v>
      </c>
      <c r="AP10" s="281">
        <v>5</v>
      </c>
      <c r="AQ10" s="281">
        <v>2</v>
      </c>
      <c r="AR10" s="281">
        <v>1</v>
      </c>
      <c r="AS10" s="278">
        <v>16</v>
      </c>
      <c r="AT10" s="283">
        <v>16</v>
      </c>
      <c r="AU10" s="277">
        <v>13</v>
      </c>
      <c r="AV10" s="281">
        <v>7</v>
      </c>
      <c r="AW10" s="278">
        <v>20</v>
      </c>
      <c r="AX10" s="280">
        <v>0</v>
      </c>
      <c r="AY10" s="281">
        <v>61</v>
      </c>
      <c r="AZ10" s="281">
        <v>51</v>
      </c>
      <c r="BA10" s="281">
        <v>37</v>
      </c>
      <c r="BB10" s="281">
        <v>34</v>
      </c>
      <c r="BC10" s="281">
        <v>29</v>
      </c>
      <c r="BD10" s="282">
        <v>212</v>
      </c>
      <c r="BE10" s="283">
        <v>232</v>
      </c>
      <c r="BF10" s="277">
        <v>0</v>
      </c>
      <c r="BG10" s="281">
        <v>0</v>
      </c>
      <c r="BH10" s="278">
        <v>0</v>
      </c>
      <c r="BI10" s="280">
        <v>0</v>
      </c>
      <c r="BJ10" s="281">
        <v>64</v>
      </c>
      <c r="BK10" s="281">
        <v>39</v>
      </c>
      <c r="BL10" s="281">
        <v>10</v>
      </c>
      <c r="BM10" s="281">
        <v>7</v>
      </c>
      <c r="BN10" s="281">
        <v>7</v>
      </c>
      <c r="BO10" s="278">
        <v>127</v>
      </c>
      <c r="BP10" s="283">
        <v>127</v>
      </c>
      <c r="BQ10" s="277">
        <v>3</v>
      </c>
      <c r="BR10" s="281">
        <v>2</v>
      </c>
      <c r="BS10" s="278">
        <v>5</v>
      </c>
      <c r="BT10" s="280">
        <v>0</v>
      </c>
      <c r="BU10" s="281">
        <v>23</v>
      </c>
      <c r="BV10" s="281">
        <v>11</v>
      </c>
      <c r="BW10" s="281">
        <v>10</v>
      </c>
      <c r="BX10" s="281">
        <v>1</v>
      </c>
      <c r="BY10" s="281">
        <v>2</v>
      </c>
      <c r="BZ10" s="278">
        <v>47</v>
      </c>
      <c r="CA10" s="283">
        <v>52</v>
      </c>
      <c r="CB10" s="277">
        <v>0</v>
      </c>
      <c r="CC10" s="281">
        <v>0</v>
      </c>
      <c r="CD10" s="278">
        <v>0</v>
      </c>
      <c r="CE10" s="280">
        <v>0</v>
      </c>
      <c r="CF10" s="281">
        <v>6</v>
      </c>
      <c r="CG10" s="281">
        <v>10</v>
      </c>
      <c r="CH10" s="281">
        <v>11</v>
      </c>
      <c r="CI10" s="281">
        <v>5</v>
      </c>
      <c r="CJ10" s="281">
        <v>2</v>
      </c>
      <c r="CK10" s="278">
        <v>34</v>
      </c>
      <c r="CL10" s="283">
        <v>34</v>
      </c>
      <c r="CM10" s="277">
        <v>0</v>
      </c>
      <c r="CN10" s="281">
        <v>0</v>
      </c>
      <c r="CO10" s="278">
        <v>0</v>
      </c>
      <c r="CP10" s="280">
        <v>0</v>
      </c>
      <c r="CQ10" s="281">
        <v>0</v>
      </c>
      <c r="CR10" s="281">
        <v>1</v>
      </c>
      <c r="CS10" s="281">
        <v>0</v>
      </c>
      <c r="CT10" s="281">
        <v>0</v>
      </c>
      <c r="CU10" s="281">
        <v>1</v>
      </c>
      <c r="CV10" s="278">
        <v>2</v>
      </c>
      <c r="CW10" s="283">
        <v>2</v>
      </c>
      <c r="CX10" s="277">
        <v>0</v>
      </c>
      <c r="CY10" s="281">
        <v>0</v>
      </c>
      <c r="CZ10" s="278">
        <v>0</v>
      </c>
      <c r="DA10" s="280">
        <v>0</v>
      </c>
      <c r="DB10" s="281">
        <v>0</v>
      </c>
      <c r="DC10" s="281">
        <v>0</v>
      </c>
      <c r="DD10" s="281">
        <v>0</v>
      </c>
      <c r="DE10" s="281">
        <v>0</v>
      </c>
      <c r="DF10" s="281">
        <v>0</v>
      </c>
      <c r="DG10" s="278">
        <v>0</v>
      </c>
      <c r="DH10" s="283">
        <v>0</v>
      </c>
      <c r="DI10" s="277">
        <v>0</v>
      </c>
      <c r="DJ10" s="281">
        <v>0</v>
      </c>
      <c r="DK10" s="278">
        <v>0</v>
      </c>
      <c r="DL10" s="280">
        <v>0</v>
      </c>
      <c r="DM10" s="281">
        <v>0</v>
      </c>
      <c r="DN10" s="281">
        <v>0</v>
      </c>
      <c r="DO10" s="281">
        <v>0</v>
      </c>
      <c r="DP10" s="281">
        <v>0</v>
      </c>
      <c r="DQ10" s="281">
        <v>0</v>
      </c>
      <c r="DR10" s="278">
        <v>0</v>
      </c>
      <c r="DS10" s="283">
        <v>0</v>
      </c>
      <c r="DT10" s="277">
        <v>17</v>
      </c>
      <c r="DU10" s="281">
        <v>20</v>
      </c>
      <c r="DV10" s="278">
        <v>37</v>
      </c>
      <c r="DW10" s="280">
        <v>0</v>
      </c>
      <c r="DX10" s="281">
        <v>86</v>
      </c>
      <c r="DY10" s="281">
        <v>94</v>
      </c>
      <c r="DZ10" s="281">
        <v>49</v>
      </c>
      <c r="EA10" s="281">
        <v>24</v>
      </c>
      <c r="EB10" s="281">
        <v>27</v>
      </c>
      <c r="EC10" s="278">
        <v>280</v>
      </c>
      <c r="ED10" s="283">
        <v>317</v>
      </c>
      <c r="EE10" s="277">
        <v>11</v>
      </c>
      <c r="EF10" s="281">
        <v>5</v>
      </c>
      <c r="EG10" s="278">
        <v>16</v>
      </c>
      <c r="EH10" s="280">
        <v>0</v>
      </c>
      <c r="EI10" s="281">
        <v>30</v>
      </c>
      <c r="EJ10" s="281">
        <v>25</v>
      </c>
      <c r="EK10" s="281">
        <v>18</v>
      </c>
      <c r="EL10" s="281">
        <v>20</v>
      </c>
      <c r="EM10" s="281">
        <v>10</v>
      </c>
      <c r="EN10" s="278">
        <v>103</v>
      </c>
      <c r="EO10" s="283">
        <v>119</v>
      </c>
      <c r="EP10" s="277">
        <v>19</v>
      </c>
      <c r="EQ10" s="281">
        <v>23</v>
      </c>
      <c r="ER10" s="278">
        <v>42</v>
      </c>
      <c r="ES10" s="280">
        <v>0</v>
      </c>
      <c r="ET10" s="281">
        <v>168</v>
      </c>
      <c r="EU10" s="281">
        <v>126</v>
      </c>
      <c r="EV10" s="281">
        <v>63</v>
      </c>
      <c r="EW10" s="281">
        <v>29</v>
      </c>
      <c r="EX10" s="281">
        <v>31</v>
      </c>
      <c r="EY10" s="278">
        <v>417</v>
      </c>
      <c r="EZ10" s="283">
        <v>459</v>
      </c>
    </row>
    <row r="11" spans="2:156" ht="19.5" customHeight="1" x14ac:dyDescent="0.2">
      <c r="B11" s="262" t="s">
        <v>8</v>
      </c>
      <c r="C11" s="277">
        <v>0</v>
      </c>
      <c r="D11" s="281">
        <v>0</v>
      </c>
      <c r="E11" s="385">
        <v>0</v>
      </c>
      <c r="F11" s="280">
        <v>0</v>
      </c>
      <c r="G11" s="281">
        <v>22</v>
      </c>
      <c r="H11" s="281">
        <v>30</v>
      </c>
      <c r="I11" s="281">
        <v>11</v>
      </c>
      <c r="J11" s="281">
        <v>13</v>
      </c>
      <c r="K11" s="281">
        <v>9</v>
      </c>
      <c r="L11" s="282">
        <v>85</v>
      </c>
      <c r="M11" s="283">
        <v>85</v>
      </c>
      <c r="N11" s="277">
        <v>0</v>
      </c>
      <c r="O11" s="281">
        <v>0</v>
      </c>
      <c r="P11" s="278">
        <v>0</v>
      </c>
      <c r="Q11" s="280">
        <v>0</v>
      </c>
      <c r="R11" s="281">
        <v>0</v>
      </c>
      <c r="S11" s="281">
        <v>0</v>
      </c>
      <c r="T11" s="281">
        <v>0</v>
      </c>
      <c r="U11" s="281">
        <v>7</v>
      </c>
      <c r="V11" s="281">
        <v>2</v>
      </c>
      <c r="W11" s="278">
        <v>9</v>
      </c>
      <c r="X11" s="283">
        <v>9</v>
      </c>
      <c r="Y11" s="277">
        <v>1</v>
      </c>
      <c r="Z11" s="281">
        <v>2</v>
      </c>
      <c r="AA11" s="278">
        <v>3</v>
      </c>
      <c r="AB11" s="280">
        <v>0</v>
      </c>
      <c r="AC11" s="281">
        <v>12</v>
      </c>
      <c r="AD11" s="281">
        <v>13</v>
      </c>
      <c r="AE11" s="281">
        <v>4</v>
      </c>
      <c r="AF11" s="281">
        <v>14</v>
      </c>
      <c r="AG11" s="281">
        <v>3</v>
      </c>
      <c r="AH11" s="278">
        <v>46</v>
      </c>
      <c r="AI11" s="283">
        <v>49</v>
      </c>
      <c r="AJ11" s="277">
        <v>0</v>
      </c>
      <c r="AK11" s="281">
        <v>2</v>
      </c>
      <c r="AL11" s="278">
        <v>2</v>
      </c>
      <c r="AM11" s="280">
        <v>0</v>
      </c>
      <c r="AN11" s="281">
        <v>2</v>
      </c>
      <c r="AO11" s="281">
        <v>5</v>
      </c>
      <c r="AP11" s="281">
        <v>6</v>
      </c>
      <c r="AQ11" s="281">
        <v>5</v>
      </c>
      <c r="AR11" s="281">
        <v>3</v>
      </c>
      <c r="AS11" s="278">
        <v>21</v>
      </c>
      <c r="AT11" s="283">
        <v>23</v>
      </c>
      <c r="AU11" s="277">
        <v>6</v>
      </c>
      <c r="AV11" s="281">
        <v>3</v>
      </c>
      <c r="AW11" s="278">
        <v>9</v>
      </c>
      <c r="AX11" s="280">
        <v>0</v>
      </c>
      <c r="AY11" s="281">
        <v>11</v>
      </c>
      <c r="AZ11" s="281">
        <v>28</v>
      </c>
      <c r="BA11" s="281">
        <v>16</v>
      </c>
      <c r="BB11" s="281">
        <v>31</v>
      </c>
      <c r="BC11" s="281">
        <v>15</v>
      </c>
      <c r="BD11" s="282">
        <v>101</v>
      </c>
      <c r="BE11" s="283">
        <v>110</v>
      </c>
      <c r="BF11" s="277">
        <v>0</v>
      </c>
      <c r="BG11" s="281">
        <v>0</v>
      </c>
      <c r="BH11" s="278">
        <v>0</v>
      </c>
      <c r="BI11" s="280">
        <v>0</v>
      </c>
      <c r="BJ11" s="281">
        <v>24</v>
      </c>
      <c r="BK11" s="281">
        <v>33</v>
      </c>
      <c r="BL11" s="281">
        <v>9</v>
      </c>
      <c r="BM11" s="281">
        <v>10</v>
      </c>
      <c r="BN11" s="281">
        <v>3</v>
      </c>
      <c r="BO11" s="278">
        <v>79</v>
      </c>
      <c r="BP11" s="283">
        <v>79</v>
      </c>
      <c r="BQ11" s="277">
        <v>1</v>
      </c>
      <c r="BR11" s="281">
        <v>3</v>
      </c>
      <c r="BS11" s="278">
        <v>4</v>
      </c>
      <c r="BT11" s="280">
        <v>0</v>
      </c>
      <c r="BU11" s="281">
        <v>14</v>
      </c>
      <c r="BV11" s="281">
        <v>8</v>
      </c>
      <c r="BW11" s="281">
        <v>5</v>
      </c>
      <c r="BX11" s="281">
        <v>6</v>
      </c>
      <c r="BY11" s="281">
        <v>1</v>
      </c>
      <c r="BZ11" s="278">
        <v>34</v>
      </c>
      <c r="CA11" s="283">
        <v>38</v>
      </c>
      <c r="CB11" s="277">
        <v>0</v>
      </c>
      <c r="CC11" s="281">
        <v>0</v>
      </c>
      <c r="CD11" s="278">
        <v>0</v>
      </c>
      <c r="CE11" s="280">
        <v>0</v>
      </c>
      <c r="CF11" s="281">
        <v>5</v>
      </c>
      <c r="CG11" s="281">
        <v>8</v>
      </c>
      <c r="CH11" s="281">
        <v>3</v>
      </c>
      <c r="CI11" s="281">
        <v>4</v>
      </c>
      <c r="CJ11" s="281">
        <v>0</v>
      </c>
      <c r="CK11" s="278">
        <v>20</v>
      </c>
      <c r="CL11" s="283">
        <v>20</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c r="DI11" s="277">
        <v>0</v>
      </c>
      <c r="DJ11" s="281">
        <v>0</v>
      </c>
      <c r="DK11" s="278">
        <v>0</v>
      </c>
      <c r="DL11" s="280">
        <v>0</v>
      </c>
      <c r="DM11" s="281">
        <v>0</v>
      </c>
      <c r="DN11" s="281">
        <v>0</v>
      </c>
      <c r="DO11" s="281">
        <v>0</v>
      </c>
      <c r="DP11" s="281">
        <v>0</v>
      </c>
      <c r="DQ11" s="281">
        <v>0</v>
      </c>
      <c r="DR11" s="278">
        <v>0</v>
      </c>
      <c r="DS11" s="283">
        <v>0</v>
      </c>
      <c r="DT11" s="277">
        <v>11</v>
      </c>
      <c r="DU11" s="281">
        <v>16</v>
      </c>
      <c r="DV11" s="278">
        <v>27</v>
      </c>
      <c r="DW11" s="280">
        <v>0</v>
      </c>
      <c r="DX11" s="281">
        <v>46</v>
      </c>
      <c r="DY11" s="281">
        <v>61</v>
      </c>
      <c r="DZ11" s="281">
        <v>27</v>
      </c>
      <c r="EA11" s="281">
        <v>30</v>
      </c>
      <c r="EB11" s="281">
        <v>12</v>
      </c>
      <c r="EC11" s="278">
        <v>176</v>
      </c>
      <c r="ED11" s="283">
        <v>203</v>
      </c>
      <c r="EE11" s="277">
        <v>6</v>
      </c>
      <c r="EF11" s="281">
        <v>0</v>
      </c>
      <c r="EG11" s="278">
        <v>6</v>
      </c>
      <c r="EH11" s="280">
        <v>0</v>
      </c>
      <c r="EI11" s="281">
        <v>9</v>
      </c>
      <c r="EJ11" s="281">
        <v>11</v>
      </c>
      <c r="EK11" s="281">
        <v>9</v>
      </c>
      <c r="EL11" s="281">
        <v>7</v>
      </c>
      <c r="EM11" s="281">
        <v>8</v>
      </c>
      <c r="EN11" s="278">
        <v>44</v>
      </c>
      <c r="EO11" s="283">
        <v>50</v>
      </c>
      <c r="EP11" s="277">
        <v>13</v>
      </c>
      <c r="EQ11" s="281">
        <v>20</v>
      </c>
      <c r="ER11" s="278">
        <v>33</v>
      </c>
      <c r="ES11" s="280">
        <v>0</v>
      </c>
      <c r="ET11" s="281">
        <v>95</v>
      </c>
      <c r="EU11" s="281">
        <v>85</v>
      </c>
      <c r="EV11" s="281">
        <v>31</v>
      </c>
      <c r="EW11" s="281">
        <v>33</v>
      </c>
      <c r="EX11" s="281">
        <v>12</v>
      </c>
      <c r="EY11" s="278">
        <v>256</v>
      </c>
      <c r="EZ11" s="283">
        <v>289</v>
      </c>
    </row>
    <row r="12" spans="2:156" ht="19.5" customHeight="1" x14ac:dyDescent="0.2">
      <c r="B12" s="262" t="s">
        <v>9</v>
      </c>
      <c r="C12" s="277">
        <v>0</v>
      </c>
      <c r="D12" s="281">
        <v>0</v>
      </c>
      <c r="E12" s="385">
        <v>0</v>
      </c>
      <c r="F12" s="280">
        <v>0</v>
      </c>
      <c r="G12" s="281">
        <v>76</v>
      </c>
      <c r="H12" s="281">
        <v>45</v>
      </c>
      <c r="I12" s="281">
        <v>34</v>
      </c>
      <c r="J12" s="281">
        <v>38</v>
      </c>
      <c r="K12" s="281">
        <v>29</v>
      </c>
      <c r="L12" s="282">
        <v>222</v>
      </c>
      <c r="M12" s="283">
        <v>222</v>
      </c>
      <c r="N12" s="277">
        <v>0</v>
      </c>
      <c r="O12" s="281">
        <v>0</v>
      </c>
      <c r="P12" s="278">
        <v>0</v>
      </c>
      <c r="Q12" s="280">
        <v>0</v>
      </c>
      <c r="R12" s="281">
        <v>2</v>
      </c>
      <c r="S12" s="281">
        <v>0</v>
      </c>
      <c r="T12" s="281">
        <v>3</v>
      </c>
      <c r="U12" s="281">
        <v>4</v>
      </c>
      <c r="V12" s="281">
        <v>14</v>
      </c>
      <c r="W12" s="278">
        <v>23</v>
      </c>
      <c r="X12" s="283">
        <v>23</v>
      </c>
      <c r="Y12" s="277">
        <v>8</v>
      </c>
      <c r="Z12" s="281">
        <v>13</v>
      </c>
      <c r="AA12" s="278">
        <v>21</v>
      </c>
      <c r="AB12" s="280">
        <v>0</v>
      </c>
      <c r="AC12" s="281">
        <v>50</v>
      </c>
      <c r="AD12" s="281">
        <v>30</v>
      </c>
      <c r="AE12" s="281">
        <v>22</v>
      </c>
      <c r="AF12" s="281">
        <v>33</v>
      </c>
      <c r="AG12" s="281">
        <v>17</v>
      </c>
      <c r="AH12" s="278">
        <v>152</v>
      </c>
      <c r="AI12" s="283">
        <v>173</v>
      </c>
      <c r="AJ12" s="277">
        <v>0</v>
      </c>
      <c r="AK12" s="281">
        <v>2</v>
      </c>
      <c r="AL12" s="278">
        <v>2</v>
      </c>
      <c r="AM12" s="280">
        <v>0</v>
      </c>
      <c r="AN12" s="281">
        <v>9</v>
      </c>
      <c r="AO12" s="281">
        <v>8</v>
      </c>
      <c r="AP12" s="281">
        <v>7</v>
      </c>
      <c r="AQ12" s="281">
        <v>8</v>
      </c>
      <c r="AR12" s="281">
        <v>5</v>
      </c>
      <c r="AS12" s="278">
        <v>37</v>
      </c>
      <c r="AT12" s="283">
        <v>39</v>
      </c>
      <c r="AU12" s="277">
        <v>18</v>
      </c>
      <c r="AV12" s="281">
        <v>8</v>
      </c>
      <c r="AW12" s="278">
        <v>26</v>
      </c>
      <c r="AX12" s="280">
        <v>0</v>
      </c>
      <c r="AY12" s="281">
        <v>55</v>
      </c>
      <c r="AZ12" s="281">
        <v>65</v>
      </c>
      <c r="BA12" s="281">
        <v>58</v>
      </c>
      <c r="BB12" s="281">
        <v>65</v>
      </c>
      <c r="BC12" s="281">
        <v>44</v>
      </c>
      <c r="BD12" s="282">
        <v>287</v>
      </c>
      <c r="BE12" s="283">
        <v>313</v>
      </c>
      <c r="BF12" s="277">
        <v>0</v>
      </c>
      <c r="BG12" s="281">
        <v>0</v>
      </c>
      <c r="BH12" s="278">
        <v>0</v>
      </c>
      <c r="BI12" s="280">
        <v>0</v>
      </c>
      <c r="BJ12" s="281">
        <v>52</v>
      </c>
      <c r="BK12" s="281">
        <v>39</v>
      </c>
      <c r="BL12" s="281">
        <v>24</v>
      </c>
      <c r="BM12" s="281">
        <v>10</v>
      </c>
      <c r="BN12" s="281">
        <v>4</v>
      </c>
      <c r="BO12" s="278">
        <v>129</v>
      </c>
      <c r="BP12" s="283">
        <v>129</v>
      </c>
      <c r="BQ12" s="277">
        <v>4</v>
      </c>
      <c r="BR12" s="281">
        <v>8</v>
      </c>
      <c r="BS12" s="278">
        <v>12</v>
      </c>
      <c r="BT12" s="280">
        <v>0</v>
      </c>
      <c r="BU12" s="281">
        <v>13</v>
      </c>
      <c r="BV12" s="281">
        <v>12</v>
      </c>
      <c r="BW12" s="281">
        <v>6</v>
      </c>
      <c r="BX12" s="281">
        <v>6</v>
      </c>
      <c r="BY12" s="281">
        <v>1</v>
      </c>
      <c r="BZ12" s="278">
        <v>38</v>
      </c>
      <c r="CA12" s="283">
        <v>50</v>
      </c>
      <c r="CB12" s="277">
        <v>0</v>
      </c>
      <c r="CC12" s="281">
        <v>0</v>
      </c>
      <c r="CD12" s="278">
        <v>0</v>
      </c>
      <c r="CE12" s="280">
        <v>0</v>
      </c>
      <c r="CF12" s="281">
        <v>9</v>
      </c>
      <c r="CG12" s="281">
        <v>13</v>
      </c>
      <c r="CH12" s="281">
        <v>9</v>
      </c>
      <c r="CI12" s="281">
        <v>10</v>
      </c>
      <c r="CJ12" s="281">
        <v>5</v>
      </c>
      <c r="CK12" s="278">
        <v>46</v>
      </c>
      <c r="CL12" s="283">
        <v>46</v>
      </c>
      <c r="CM12" s="277">
        <v>1</v>
      </c>
      <c r="CN12" s="281">
        <v>0</v>
      </c>
      <c r="CO12" s="278">
        <v>1</v>
      </c>
      <c r="CP12" s="280">
        <v>0</v>
      </c>
      <c r="CQ12" s="281">
        <v>0</v>
      </c>
      <c r="CR12" s="281">
        <v>1</v>
      </c>
      <c r="CS12" s="281">
        <v>4</v>
      </c>
      <c r="CT12" s="281">
        <v>0</v>
      </c>
      <c r="CU12" s="281">
        <v>2</v>
      </c>
      <c r="CV12" s="278">
        <v>7</v>
      </c>
      <c r="CW12" s="283">
        <v>8</v>
      </c>
      <c r="CX12" s="277">
        <v>0</v>
      </c>
      <c r="CY12" s="281">
        <v>0</v>
      </c>
      <c r="CZ12" s="278">
        <v>0</v>
      </c>
      <c r="DA12" s="280">
        <v>0</v>
      </c>
      <c r="DB12" s="281">
        <v>0</v>
      </c>
      <c r="DC12" s="281">
        <v>0</v>
      </c>
      <c r="DD12" s="281">
        <v>0</v>
      </c>
      <c r="DE12" s="281">
        <v>0</v>
      </c>
      <c r="DF12" s="281">
        <v>0</v>
      </c>
      <c r="DG12" s="278">
        <v>0</v>
      </c>
      <c r="DH12" s="283">
        <v>0</v>
      </c>
      <c r="DI12" s="277">
        <v>0</v>
      </c>
      <c r="DJ12" s="281">
        <v>0</v>
      </c>
      <c r="DK12" s="278">
        <v>0</v>
      </c>
      <c r="DL12" s="280">
        <v>0</v>
      </c>
      <c r="DM12" s="281">
        <v>0</v>
      </c>
      <c r="DN12" s="281">
        <v>0</v>
      </c>
      <c r="DO12" s="281">
        <v>0</v>
      </c>
      <c r="DP12" s="281">
        <v>0</v>
      </c>
      <c r="DQ12" s="281">
        <v>0</v>
      </c>
      <c r="DR12" s="278">
        <v>0</v>
      </c>
      <c r="DS12" s="283">
        <v>0</v>
      </c>
      <c r="DT12" s="277">
        <v>31</v>
      </c>
      <c r="DU12" s="281">
        <v>46</v>
      </c>
      <c r="DV12" s="278">
        <v>77</v>
      </c>
      <c r="DW12" s="280">
        <v>0</v>
      </c>
      <c r="DX12" s="281">
        <v>98</v>
      </c>
      <c r="DY12" s="281">
        <v>97</v>
      </c>
      <c r="DZ12" s="281">
        <v>67</v>
      </c>
      <c r="EA12" s="281">
        <v>58</v>
      </c>
      <c r="EB12" s="281">
        <v>37</v>
      </c>
      <c r="EC12" s="278">
        <v>357</v>
      </c>
      <c r="ED12" s="283">
        <v>434</v>
      </c>
      <c r="EE12" s="277">
        <v>14</v>
      </c>
      <c r="EF12" s="281">
        <v>7</v>
      </c>
      <c r="EG12" s="278">
        <v>21</v>
      </c>
      <c r="EH12" s="280">
        <v>0</v>
      </c>
      <c r="EI12" s="281">
        <v>33</v>
      </c>
      <c r="EJ12" s="281">
        <v>25</v>
      </c>
      <c r="EK12" s="281">
        <v>18</v>
      </c>
      <c r="EL12" s="281">
        <v>29</v>
      </c>
      <c r="EM12" s="281">
        <v>17</v>
      </c>
      <c r="EN12" s="278">
        <v>122</v>
      </c>
      <c r="EO12" s="283">
        <v>143</v>
      </c>
      <c r="EP12" s="277">
        <v>39</v>
      </c>
      <c r="EQ12" s="281">
        <v>54</v>
      </c>
      <c r="ER12" s="278">
        <v>93</v>
      </c>
      <c r="ES12" s="280">
        <v>0</v>
      </c>
      <c r="ET12" s="281">
        <v>189</v>
      </c>
      <c r="EU12" s="281">
        <v>128</v>
      </c>
      <c r="EV12" s="281">
        <v>84</v>
      </c>
      <c r="EW12" s="281">
        <v>59</v>
      </c>
      <c r="EX12" s="281">
        <v>38</v>
      </c>
      <c r="EY12" s="278">
        <v>498</v>
      </c>
      <c r="EZ12" s="283">
        <v>591</v>
      </c>
    </row>
    <row r="13" spans="2:156" ht="19.5" customHeight="1" x14ac:dyDescent="0.2">
      <c r="B13" s="262" t="s">
        <v>10</v>
      </c>
      <c r="C13" s="277">
        <v>1</v>
      </c>
      <c r="D13" s="281">
        <v>0</v>
      </c>
      <c r="E13" s="385">
        <v>1</v>
      </c>
      <c r="F13" s="280">
        <v>0</v>
      </c>
      <c r="G13" s="281">
        <v>88</v>
      </c>
      <c r="H13" s="281">
        <v>60</v>
      </c>
      <c r="I13" s="281">
        <v>28</v>
      </c>
      <c r="J13" s="281">
        <v>32</v>
      </c>
      <c r="K13" s="281">
        <v>27</v>
      </c>
      <c r="L13" s="282">
        <v>235</v>
      </c>
      <c r="M13" s="283">
        <v>236</v>
      </c>
      <c r="N13" s="277">
        <v>0</v>
      </c>
      <c r="O13" s="281">
        <v>0</v>
      </c>
      <c r="P13" s="278">
        <v>0</v>
      </c>
      <c r="Q13" s="280">
        <v>0</v>
      </c>
      <c r="R13" s="281">
        <v>1</v>
      </c>
      <c r="S13" s="281">
        <v>0</v>
      </c>
      <c r="T13" s="281">
        <v>0</v>
      </c>
      <c r="U13" s="281">
        <v>3</v>
      </c>
      <c r="V13" s="281">
        <v>12</v>
      </c>
      <c r="W13" s="278">
        <v>16</v>
      </c>
      <c r="X13" s="283">
        <v>16</v>
      </c>
      <c r="Y13" s="277">
        <v>12</v>
      </c>
      <c r="Z13" s="281">
        <v>24</v>
      </c>
      <c r="AA13" s="278">
        <v>36</v>
      </c>
      <c r="AB13" s="280">
        <v>0</v>
      </c>
      <c r="AC13" s="281">
        <v>56</v>
      </c>
      <c r="AD13" s="281">
        <v>37</v>
      </c>
      <c r="AE13" s="281">
        <v>21</v>
      </c>
      <c r="AF13" s="281">
        <v>18</v>
      </c>
      <c r="AG13" s="281">
        <v>22</v>
      </c>
      <c r="AH13" s="278">
        <v>154</v>
      </c>
      <c r="AI13" s="283">
        <v>190</v>
      </c>
      <c r="AJ13" s="277">
        <v>2</v>
      </c>
      <c r="AK13" s="281">
        <v>4</v>
      </c>
      <c r="AL13" s="278">
        <v>6</v>
      </c>
      <c r="AM13" s="280">
        <v>0</v>
      </c>
      <c r="AN13" s="281">
        <v>7</v>
      </c>
      <c r="AO13" s="281">
        <v>8</v>
      </c>
      <c r="AP13" s="281">
        <v>6</v>
      </c>
      <c r="AQ13" s="281">
        <v>7</v>
      </c>
      <c r="AR13" s="281">
        <v>5</v>
      </c>
      <c r="AS13" s="278">
        <v>33</v>
      </c>
      <c r="AT13" s="283">
        <v>39</v>
      </c>
      <c r="AU13" s="277">
        <v>22</v>
      </c>
      <c r="AV13" s="281">
        <v>18</v>
      </c>
      <c r="AW13" s="278">
        <v>40</v>
      </c>
      <c r="AX13" s="280">
        <v>0</v>
      </c>
      <c r="AY13" s="281">
        <v>95</v>
      </c>
      <c r="AZ13" s="281">
        <v>84</v>
      </c>
      <c r="BA13" s="281">
        <v>73</v>
      </c>
      <c r="BB13" s="281">
        <v>74</v>
      </c>
      <c r="BC13" s="281">
        <v>69</v>
      </c>
      <c r="BD13" s="282">
        <v>395</v>
      </c>
      <c r="BE13" s="283">
        <v>435</v>
      </c>
      <c r="BF13" s="277">
        <v>0</v>
      </c>
      <c r="BG13" s="281">
        <v>0</v>
      </c>
      <c r="BH13" s="278">
        <v>0</v>
      </c>
      <c r="BI13" s="280">
        <v>0</v>
      </c>
      <c r="BJ13" s="281">
        <v>120</v>
      </c>
      <c r="BK13" s="281">
        <v>68</v>
      </c>
      <c r="BL13" s="281">
        <v>28</v>
      </c>
      <c r="BM13" s="281">
        <v>10</v>
      </c>
      <c r="BN13" s="281">
        <v>4</v>
      </c>
      <c r="BO13" s="278">
        <v>230</v>
      </c>
      <c r="BP13" s="283">
        <v>230</v>
      </c>
      <c r="BQ13" s="277">
        <v>4</v>
      </c>
      <c r="BR13" s="281">
        <v>5</v>
      </c>
      <c r="BS13" s="278">
        <v>9</v>
      </c>
      <c r="BT13" s="280">
        <v>0</v>
      </c>
      <c r="BU13" s="281">
        <v>21</v>
      </c>
      <c r="BV13" s="281">
        <v>9</v>
      </c>
      <c r="BW13" s="281">
        <v>9</v>
      </c>
      <c r="BX13" s="281">
        <v>5</v>
      </c>
      <c r="BY13" s="281">
        <v>2</v>
      </c>
      <c r="BZ13" s="278">
        <v>46</v>
      </c>
      <c r="CA13" s="283">
        <v>55</v>
      </c>
      <c r="CB13" s="277">
        <v>1</v>
      </c>
      <c r="CC13" s="281">
        <v>3</v>
      </c>
      <c r="CD13" s="278">
        <v>4</v>
      </c>
      <c r="CE13" s="280">
        <v>0</v>
      </c>
      <c r="CF13" s="281">
        <v>12</v>
      </c>
      <c r="CG13" s="281">
        <v>7</v>
      </c>
      <c r="CH13" s="281">
        <v>13</v>
      </c>
      <c r="CI13" s="281">
        <v>6</v>
      </c>
      <c r="CJ13" s="281">
        <v>4</v>
      </c>
      <c r="CK13" s="278">
        <v>42</v>
      </c>
      <c r="CL13" s="283">
        <v>46</v>
      </c>
      <c r="CM13" s="277">
        <v>0</v>
      </c>
      <c r="CN13" s="281">
        <v>0</v>
      </c>
      <c r="CO13" s="278">
        <v>0</v>
      </c>
      <c r="CP13" s="280">
        <v>0</v>
      </c>
      <c r="CQ13" s="281">
        <v>1</v>
      </c>
      <c r="CR13" s="281">
        <v>3</v>
      </c>
      <c r="CS13" s="281">
        <v>0</v>
      </c>
      <c r="CT13" s="281">
        <v>0</v>
      </c>
      <c r="CU13" s="281">
        <v>0</v>
      </c>
      <c r="CV13" s="278">
        <v>4</v>
      </c>
      <c r="CW13" s="283">
        <v>4</v>
      </c>
      <c r="CX13" s="277">
        <v>0</v>
      </c>
      <c r="CY13" s="281">
        <v>0</v>
      </c>
      <c r="CZ13" s="278">
        <v>0</v>
      </c>
      <c r="DA13" s="280">
        <v>0</v>
      </c>
      <c r="DB13" s="281">
        <v>0</v>
      </c>
      <c r="DC13" s="281">
        <v>0</v>
      </c>
      <c r="DD13" s="281">
        <v>0</v>
      </c>
      <c r="DE13" s="281">
        <v>0</v>
      </c>
      <c r="DF13" s="281">
        <v>0</v>
      </c>
      <c r="DG13" s="278">
        <v>0</v>
      </c>
      <c r="DH13" s="283">
        <v>0</v>
      </c>
      <c r="DI13" s="277">
        <v>0</v>
      </c>
      <c r="DJ13" s="281">
        <v>0</v>
      </c>
      <c r="DK13" s="278">
        <v>0</v>
      </c>
      <c r="DL13" s="280">
        <v>0</v>
      </c>
      <c r="DM13" s="281">
        <v>0</v>
      </c>
      <c r="DN13" s="281">
        <v>0</v>
      </c>
      <c r="DO13" s="281">
        <v>0</v>
      </c>
      <c r="DP13" s="281">
        <v>0</v>
      </c>
      <c r="DQ13" s="281">
        <v>0</v>
      </c>
      <c r="DR13" s="278">
        <v>0</v>
      </c>
      <c r="DS13" s="283">
        <v>0</v>
      </c>
      <c r="DT13" s="277">
        <v>48</v>
      </c>
      <c r="DU13" s="281">
        <v>74</v>
      </c>
      <c r="DV13" s="278">
        <v>122</v>
      </c>
      <c r="DW13" s="280">
        <v>0</v>
      </c>
      <c r="DX13" s="281">
        <v>140</v>
      </c>
      <c r="DY13" s="281">
        <v>110</v>
      </c>
      <c r="DZ13" s="281">
        <v>65</v>
      </c>
      <c r="EA13" s="281">
        <v>58</v>
      </c>
      <c r="EB13" s="281">
        <v>41</v>
      </c>
      <c r="EC13" s="278">
        <v>414</v>
      </c>
      <c r="ED13" s="283">
        <v>536</v>
      </c>
      <c r="EE13" s="277">
        <v>10</v>
      </c>
      <c r="EF13" s="281">
        <v>7</v>
      </c>
      <c r="EG13" s="278">
        <v>17</v>
      </c>
      <c r="EH13" s="280">
        <v>0</v>
      </c>
      <c r="EI13" s="281">
        <v>30</v>
      </c>
      <c r="EJ13" s="281">
        <v>27</v>
      </c>
      <c r="EK13" s="281">
        <v>26</v>
      </c>
      <c r="EL13" s="281">
        <v>30</v>
      </c>
      <c r="EM13" s="281">
        <v>21</v>
      </c>
      <c r="EN13" s="278">
        <v>134</v>
      </c>
      <c r="EO13" s="283">
        <v>151</v>
      </c>
      <c r="EP13" s="277">
        <v>61</v>
      </c>
      <c r="EQ13" s="281">
        <v>90</v>
      </c>
      <c r="ER13" s="278">
        <v>151</v>
      </c>
      <c r="ES13" s="280">
        <v>0</v>
      </c>
      <c r="ET13" s="281">
        <v>254</v>
      </c>
      <c r="EU13" s="281">
        <v>149</v>
      </c>
      <c r="EV13" s="281">
        <v>76</v>
      </c>
      <c r="EW13" s="281">
        <v>64</v>
      </c>
      <c r="EX13" s="281">
        <v>38</v>
      </c>
      <c r="EY13" s="278">
        <v>581</v>
      </c>
      <c r="EZ13" s="283">
        <v>732</v>
      </c>
    </row>
    <row r="14" spans="2:156" ht="19.5" customHeight="1" x14ac:dyDescent="0.2">
      <c r="B14" s="262" t="s">
        <v>11</v>
      </c>
      <c r="C14" s="277">
        <v>0</v>
      </c>
      <c r="D14" s="281">
        <v>0</v>
      </c>
      <c r="E14" s="385">
        <v>0</v>
      </c>
      <c r="F14" s="280">
        <v>0</v>
      </c>
      <c r="G14" s="281">
        <v>12</v>
      </c>
      <c r="H14" s="281">
        <v>6</v>
      </c>
      <c r="I14" s="281">
        <v>9</v>
      </c>
      <c r="J14" s="281">
        <v>9</v>
      </c>
      <c r="K14" s="281">
        <v>9</v>
      </c>
      <c r="L14" s="282">
        <v>45</v>
      </c>
      <c r="M14" s="283">
        <v>45</v>
      </c>
      <c r="N14" s="277">
        <v>0</v>
      </c>
      <c r="O14" s="281">
        <v>0</v>
      </c>
      <c r="P14" s="278">
        <v>0</v>
      </c>
      <c r="Q14" s="280">
        <v>0</v>
      </c>
      <c r="R14" s="281">
        <v>0</v>
      </c>
      <c r="S14" s="281">
        <v>0</v>
      </c>
      <c r="T14" s="281">
        <v>0</v>
      </c>
      <c r="U14" s="281">
        <v>3</v>
      </c>
      <c r="V14" s="281">
        <v>4</v>
      </c>
      <c r="W14" s="278">
        <v>7</v>
      </c>
      <c r="X14" s="283">
        <v>7</v>
      </c>
      <c r="Y14" s="277">
        <v>4</v>
      </c>
      <c r="Z14" s="281">
        <v>3</v>
      </c>
      <c r="AA14" s="278">
        <v>7</v>
      </c>
      <c r="AB14" s="280">
        <v>0</v>
      </c>
      <c r="AC14" s="281">
        <v>20</v>
      </c>
      <c r="AD14" s="281">
        <v>9</v>
      </c>
      <c r="AE14" s="281">
        <v>11</v>
      </c>
      <c r="AF14" s="281">
        <v>12</v>
      </c>
      <c r="AG14" s="281">
        <v>11</v>
      </c>
      <c r="AH14" s="278">
        <v>63</v>
      </c>
      <c r="AI14" s="283">
        <v>70</v>
      </c>
      <c r="AJ14" s="277">
        <v>0</v>
      </c>
      <c r="AK14" s="281">
        <v>1</v>
      </c>
      <c r="AL14" s="278">
        <v>1</v>
      </c>
      <c r="AM14" s="280">
        <v>0</v>
      </c>
      <c r="AN14" s="281">
        <v>3</v>
      </c>
      <c r="AO14" s="281">
        <v>2</v>
      </c>
      <c r="AP14" s="281">
        <v>0</v>
      </c>
      <c r="AQ14" s="281">
        <v>2</v>
      </c>
      <c r="AR14" s="281">
        <v>1</v>
      </c>
      <c r="AS14" s="278">
        <v>8</v>
      </c>
      <c r="AT14" s="283">
        <v>9</v>
      </c>
      <c r="AU14" s="277">
        <v>4</v>
      </c>
      <c r="AV14" s="281">
        <v>2</v>
      </c>
      <c r="AW14" s="278">
        <v>6</v>
      </c>
      <c r="AX14" s="280">
        <v>0</v>
      </c>
      <c r="AY14" s="281">
        <v>22</v>
      </c>
      <c r="AZ14" s="281">
        <v>12</v>
      </c>
      <c r="BA14" s="281">
        <v>19</v>
      </c>
      <c r="BB14" s="281">
        <v>20</v>
      </c>
      <c r="BC14" s="281">
        <v>18</v>
      </c>
      <c r="BD14" s="282">
        <v>91</v>
      </c>
      <c r="BE14" s="283">
        <v>97</v>
      </c>
      <c r="BF14" s="277">
        <v>0</v>
      </c>
      <c r="BG14" s="281">
        <v>0</v>
      </c>
      <c r="BH14" s="278">
        <v>0</v>
      </c>
      <c r="BI14" s="280">
        <v>0</v>
      </c>
      <c r="BJ14" s="281">
        <v>24</v>
      </c>
      <c r="BK14" s="281">
        <v>13</v>
      </c>
      <c r="BL14" s="281">
        <v>12</v>
      </c>
      <c r="BM14" s="281">
        <v>8</v>
      </c>
      <c r="BN14" s="281">
        <v>4</v>
      </c>
      <c r="BO14" s="278">
        <v>61</v>
      </c>
      <c r="BP14" s="283">
        <v>61</v>
      </c>
      <c r="BQ14" s="277">
        <v>1</v>
      </c>
      <c r="BR14" s="281">
        <v>3</v>
      </c>
      <c r="BS14" s="278">
        <v>4</v>
      </c>
      <c r="BT14" s="280">
        <v>0</v>
      </c>
      <c r="BU14" s="281">
        <v>9</v>
      </c>
      <c r="BV14" s="281">
        <v>4</v>
      </c>
      <c r="BW14" s="281">
        <v>5</v>
      </c>
      <c r="BX14" s="281">
        <v>4</v>
      </c>
      <c r="BY14" s="281">
        <v>2</v>
      </c>
      <c r="BZ14" s="278">
        <v>24</v>
      </c>
      <c r="CA14" s="283">
        <v>28</v>
      </c>
      <c r="CB14" s="277">
        <v>0</v>
      </c>
      <c r="CC14" s="281">
        <v>0</v>
      </c>
      <c r="CD14" s="278">
        <v>0</v>
      </c>
      <c r="CE14" s="280">
        <v>0</v>
      </c>
      <c r="CF14" s="281">
        <v>3</v>
      </c>
      <c r="CG14" s="281">
        <v>3</v>
      </c>
      <c r="CH14" s="281">
        <v>5</v>
      </c>
      <c r="CI14" s="281">
        <v>3</v>
      </c>
      <c r="CJ14" s="281">
        <v>3</v>
      </c>
      <c r="CK14" s="278">
        <v>17</v>
      </c>
      <c r="CL14" s="283">
        <v>17</v>
      </c>
      <c r="CM14" s="277">
        <v>0</v>
      </c>
      <c r="CN14" s="281">
        <v>0</v>
      </c>
      <c r="CO14" s="278">
        <v>0</v>
      </c>
      <c r="CP14" s="280">
        <v>0</v>
      </c>
      <c r="CQ14" s="281">
        <v>0</v>
      </c>
      <c r="CR14" s="281">
        <v>0</v>
      </c>
      <c r="CS14" s="281">
        <v>3</v>
      </c>
      <c r="CT14" s="281">
        <v>2</v>
      </c>
      <c r="CU14" s="281">
        <v>1</v>
      </c>
      <c r="CV14" s="278">
        <v>6</v>
      </c>
      <c r="CW14" s="283">
        <v>6</v>
      </c>
      <c r="CX14" s="277">
        <v>0</v>
      </c>
      <c r="CY14" s="281">
        <v>0</v>
      </c>
      <c r="CZ14" s="278">
        <v>0</v>
      </c>
      <c r="DA14" s="280">
        <v>0</v>
      </c>
      <c r="DB14" s="281">
        <v>0</v>
      </c>
      <c r="DC14" s="281">
        <v>0</v>
      </c>
      <c r="DD14" s="281">
        <v>0</v>
      </c>
      <c r="DE14" s="281">
        <v>0</v>
      </c>
      <c r="DF14" s="281">
        <v>0</v>
      </c>
      <c r="DG14" s="278">
        <v>0</v>
      </c>
      <c r="DH14" s="283">
        <v>0</v>
      </c>
      <c r="DI14" s="277">
        <v>0</v>
      </c>
      <c r="DJ14" s="281">
        <v>0</v>
      </c>
      <c r="DK14" s="278">
        <v>0</v>
      </c>
      <c r="DL14" s="280">
        <v>0</v>
      </c>
      <c r="DM14" s="281">
        <v>0</v>
      </c>
      <c r="DN14" s="281">
        <v>0</v>
      </c>
      <c r="DO14" s="281">
        <v>0</v>
      </c>
      <c r="DP14" s="281">
        <v>0</v>
      </c>
      <c r="DQ14" s="281">
        <v>0</v>
      </c>
      <c r="DR14" s="278">
        <v>0</v>
      </c>
      <c r="DS14" s="283">
        <v>0</v>
      </c>
      <c r="DT14" s="277">
        <v>14</v>
      </c>
      <c r="DU14" s="281">
        <v>18</v>
      </c>
      <c r="DV14" s="278">
        <v>32</v>
      </c>
      <c r="DW14" s="280">
        <v>0</v>
      </c>
      <c r="DX14" s="281">
        <v>41</v>
      </c>
      <c r="DY14" s="281">
        <v>26</v>
      </c>
      <c r="DZ14" s="281">
        <v>30</v>
      </c>
      <c r="EA14" s="281">
        <v>23</v>
      </c>
      <c r="EB14" s="281">
        <v>18</v>
      </c>
      <c r="EC14" s="278">
        <v>138</v>
      </c>
      <c r="ED14" s="283">
        <v>170</v>
      </c>
      <c r="EE14" s="277">
        <v>3</v>
      </c>
      <c r="EF14" s="281">
        <v>3</v>
      </c>
      <c r="EG14" s="278">
        <v>6</v>
      </c>
      <c r="EH14" s="280">
        <v>0</v>
      </c>
      <c r="EI14" s="281">
        <v>20</v>
      </c>
      <c r="EJ14" s="281">
        <v>6</v>
      </c>
      <c r="EK14" s="281">
        <v>11</v>
      </c>
      <c r="EL14" s="281">
        <v>13</v>
      </c>
      <c r="EM14" s="281">
        <v>10</v>
      </c>
      <c r="EN14" s="278">
        <v>60</v>
      </c>
      <c r="EO14" s="283">
        <v>66</v>
      </c>
      <c r="EP14" s="277">
        <v>18</v>
      </c>
      <c r="EQ14" s="281">
        <v>22</v>
      </c>
      <c r="ER14" s="278">
        <v>40</v>
      </c>
      <c r="ES14" s="280">
        <v>0</v>
      </c>
      <c r="ET14" s="281">
        <v>81</v>
      </c>
      <c r="EU14" s="281">
        <v>35</v>
      </c>
      <c r="EV14" s="281">
        <v>34</v>
      </c>
      <c r="EW14" s="281">
        <v>26</v>
      </c>
      <c r="EX14" s="281">
        <v>17</v>
      </c>
      <c r="EY14" s="278">
        <v>193</v>
      </c>
      <c r="EZ14" s="283">
        <v>233</v>
      </c>
    </row>
    <row r="15" spans="2:156" ht="19.5" customHeight="1" x14ac:dyDescent="0.2">
      <c r="B15" s="262" t="s">
        <v>12</v>
      </c>
      <c r="C15" s="277">
        <v>0</v>
      </c>
      <c r="D15" s="281">
        <v>0</v>
      </c>
      <c r="E15" s="385">
        <v>0</v>
      </c>
      <c r="F15" s="280">
        <v>0</v>
      </c>
      <c r="G15" s="281">
        <v>41</v>
      </c>
      <c r="H15" s="281">
        <v>19</v>
      </c>
      <c r="I15" s="281">
        <v>17</v>
      </c>
      <c r="J15" s="281">
        <v>17</v>
      </c>
      <c r="K15" s="281">
        <v>9</v>
      </c>
      <c r="L15" s="282">
        <v>103</v>
      </c>
      <c r="M15" s="283">
        <v>103</v>
      </c>
      <c r="N15" s="277">
        <v>0</v>
      </c>
      <c r="O15" s="281">
        <v>0</v>
      </c>
      <c r="P15" s="278">
        <v>0</v>
      </c>
      <c r="Q15" s="280">
        <v>0</v>
      </c>
      <c r="R15" s="281">
        <v>0</v>
      </c>
      <c r="S15" s="281">
        <v>1</v>
      </c>
      <c r="T15" s="281">
        <v>1</v>
      </c>
      <c r="U15" s="281">
        <v>1</v>
      </c>
      <c r="V15" s="281">
        <v>7</v>
      </c>
      <c r="W15" s="278">
        <v>10</v>
      </c>
      <c r="X15" s="283">
        <v>10</v>
      </c>
      <c r="Y15" s="277">
        <v>10</v>
      </c>
      <c r="Z15" s="281">
        <v>14</v>
      </c>
      <c r="AA15" s="278">
        <v>24</v>
      </c>
      <c r="AB15" s="280">
        <v>0</v>
      </c>
      <c r="AC15" s="281">
        <v>14</v>
      </c>
      <c r="AD15" s="281">
        <v>16</v>
      </c>
      <c r="AE15" s="281">
        <v>16</v>
      </c>
      <c r="AF15" s="281">
        <v>12</v>
      </c>
      <c r="AG15" s="281">
        <v>8</v>
      </c>
      <c r="AH15" s="278">
        <v>66</v>
      </c>
      <c r="AI15" s="283">
        <v>90</v>
      </c>
      <c r="AJ15" s="277">
        <v>0</v>
      </c>
      <c r="AK15" s="281">
        <v>0</v>
      </c>
      <c r="AL15" s="278">
        <v>0</v>
      </c>
      <c r="AM15" s="280">
        <v>0</v>
      </c>
      <c r="AN15" s="281">
        <v>1</v>
      </c>
      <c r="AO15" s="281">
        <v>1</v>
      </c>
      <c r="AP15" s="281">
        <v>0</v>
      </c>
      <c r="AQ15" s="281">
        <v>0</v>
      </c>
      <c r="AR15" s="281">
        <v>0</v>
      </c>
      <c r="AS15" s="278">
        <v>2</v>
      </c>
      <c r="AT15" s="283">
        <v>2</v>
      </c>
      <c r="AU15" s="277">
        <v>10</v>
      </c>
      <c r="AV15" s="281">
        <v>10</v>
      </c>
      <c r="AW15" s="278">
        <v>20</v>
      </c>
      <c r="AX15" s="280">
        <v>0</v>
      </c>
      <c r="AY15" s="281">
        <v>22</v>
      </c>
      <c r="AZ15" s="281">
        <v>15</v>
      </c>
      <c r="BA15" s="281">
        <v>28</v>
      </c>
      <c r="BB15" s="281">
        <v>29</v>
      </c>
      <c r="BC15" s="281">
        <v>19</v>
      </c>
      <c r="BD15" s="282">
        <v>113</v>
      </c>
      <c r="BE15" s="283">
        <v>133</v>
      </c>
      <c r="BF15" s="277">
        <v>0</v>
      </c>
      <c r="BG15" s="281">
        <v>0</v>
      </c>
      <c r="BH15" s="278">
        <v>0</v>
      </c>
      <c r="BI15" s="280">
        <v>0</v>
      </c>
      <c r="BJ15" s="281">
        <v>35</v>
      </c>
      <c r="BK15" s="281">
        <v>20</v>
      </c>
      <c r="BL15" s="281">
        <v>9</v>
      </c>
      <c r="BM15" s="281">
        <v>16</v>
      </c>
      <c r="BN15" s="281">
        <v>4</v>
      </c>
      <c r="BO15" s="278">
        <v>84</v>
      </c>
      <c r="BP15" s="283">
        <v>84</v>
      </c>
      <c r="BQ15" s="277">
        <v>11</v>
      </c>
      <c r="BR15" s="281">
        <v>9</v>
      </c>
      <c r="BS15" s="278">
        <v>20</v>
      </c>
      <c r="BT15" s="280">
        <v>0</v>
      </c>
      <c r="BU15" s="281">
        <v>9</v>
      </c>
      <c r="BV15" s="281">
        <v>9</v>
      </c>
      <c r="BW15" s="281">
        <v>7</v>
      </c>
      <c r="BX15" s="281">
        <v>6</v>
      </c>
      <c r="BY15" s="281">
        <v>2</v>
      </c>
      <c r="BZ15" s="278">
        <v>33</v>
      </c>
      <c r="CA15" s="283">
        <v>53</v>
      </c>
      <c r="CB15" s="277">
        <v>0</v>
      </c>
      <c r="CC15" s="281">
        <v>1</v>
      </c>
      <c r="CD15" s="278">
        <v>1</v>
      </c>
      <c r="CE15" s="280">
        <v>0</v>
      </c>
      <c r="CF15" s="281">
        <v>8</v>
      </c>
      <c r="CG15" s="281">
        <v>3</v>
      </c>
      <c r="CH15" s="281">
        <v>8</v>
      </c>
      <c r="CI15" s="281">
        <v>8</v>
      </c>
      <c r="CJ15" s="281">
        <v>3</v>
      </c>
      <c r="CK15" s="278">
        <v>30</v>
      </c>
      <c r="CL15" s="283">
        <v>31</v>
      </c>
      <c r="CM15" s="277">
        <v>0</v>
      </c>
      <c r="CN15" s="281">
        <v>0</v>
      </c>
      <c r="CO15" s="278">
        <v>0</v>
      </c>
      <c r="CP15" s="280">
        <v>0</v>
      </c>
      <c r="CQ15" s="281">
        <v>0</v>
      </c>
      <c r="CR15" s="281">
        <v>0</v>
      </c>
      <c r="CS15" s="281">
        <v>0</v>
      </c>
      <c r="CT15" s="281">
        <v>0</v>
      </c>
      <c r="CU15" s="281">
        <v>1</v>
      </c>
      <c r="CV15" s="278">
        <v>1</v>
      </c>
      <c r="CW15" s="283">
        <v>1</v>
      </c>
      <c r="CX15" s="277">
        <v>0</v>
      </c>
      <c r="CY15" s="281">
        <v>0</v>
      </c>
      <c r="CZ15" s="278">
        <v>0</v>
      </c>
      <c r="DA15" s="280">
        <v>0</v>
      </c>
      <c r="DB15" s="281">
        <v>0</v>
      </c>
      <c r="DC15" s="281">
        <v>0</v>
      </c>
      <c r="DD15" s="281">
        <v>0</v>
      </c>
      <c r="DE15" s="281">
        <v>0</v>
      </c>
      <c r="DF15" s="281">
        <v>0</v>
      </c>
      <c r="DG15" s="278">
        <v>0</v>
      </c>
      <c r="DH15" s="283">
        <v>0</v>
      </c>
      <c r="DI15" s="277">
        <v>0</v>
      </c>
      <c r="DJ15" s="281">
        <v>0</v>
      </c>
      <c r="DK15" s="278">
        <v>0</v>
      </c>
      <c r="DL15" s="280">
        <v>0</v>
      </c>
      <c r="DM15" s="281">
        <v>0</v>
      </c>
      <c r="DN15" s="281">
        <v>0</v>
      </c>
      <c r="DO15" s="281">
        <v>0</v>
      </c>
      <c r="DP15" s="281">
        <v>0</v>
      </c>
      <c r="DQ15" s="281">
        <v>0</v>
      </c>
      <c r="DR15" s="278">
        <v>0</v>
      </c>
      <c r="DS15" s="283">
        <v>0</v>
      </c>
      <c r="DT15" s="277">
        <v>34</v>
      </c>
      <c r="DU15" s="281">
        <v>40</v>
      </c>
      <c r="DV15" s="278">
        <v>74</v>
      </c>
      <c r="DW15" s="280">
        <v>0</v>
      </c>
      <c r="DX15" s="281">
        <v>35</v>
      </c>
      <c r="DY15" s="281">
        <v>41</v>
      </c>
      <c r="DZ15" s="281">
        <v>43</v>
      </c>
      <c r="EA15" s="281">
        <v>43</v>
      </c>
      <c r="EB15" s="281">
        <v>21</v>
      </c>
      <c r="EC15" s="278">
        <v>183</v>
      </c>
      <c r="ED15" s="283">
        <v>257</v>
      </c>
      <c r="EE15" s="277">
        <v>7</v>
      </c>
      <c r="EF15" s="281">
        <v>5</v>
      </c>
      <c r="EG15" s="278">
        <v>12</v>
      </c>
      <c r="EH15" s="280">
        <v>0</v>
      </c>
      <c r="EI15" s="281">
        <v>7</v>
      </c>
      <c r="EJ15" s="281">
        <v>8</v>
      </c>
      <c r="EK15" s="281">
        <v>12</v>
      </c>
      <c r="EL15" s="281">
        <v>9</v>
      </c>
      <c r="EM15" s="281">
        <v>7</v>
      </c>
      <c r="EN15" s="278">
        <v>43</v>
      </c>
      <c r="EO15" s="283">
        <v>55</v>
      </c>
      <c r="EP15" s="277">
        <v>49</v>
      </c>
      <c r="EQ15" s="281">
        <v>52</v>
      </c>
      <c r="ER15" s="278">
        <v>101</v>
      </c>
      <c r="ES15" s="280">
        <v>0</v>
      </c>
      <c r="ET15" s="281">
        <v>95</v>
      </c>
      <c r="EU15" s="281">
        <v>63</v>
      </c>
      <c r="EV15" s="281">
        <v>52</v>
      </c>
      <c r="EW15" s="281">
        <v>40</v>
      </c>
      <c r="EX15" s="281">
        <v>19</v>
      </c>
      <c r="EY15" s="278">
        <v>269</v>
      </c>
      <c r="EZ15" s="283">
        <v>370</v>
      </c>
    </row>
    <row r="16" spans="2:156" ht="19.5" customHeight="1" x14ac:dyDescent="0.2">
      <c r="B16" s="262" t="s">
        <v>13</v>
      </c>
      <c r="C16" s="277">
        <v>0</v>
      </c>
      <c r="D16" s="281">
        <v>0</v>
      </c>
      <c r="E16" s="385">
        <v>0</v>
      </c>
      <c r="F16" s="280">
        <v>0</v>
      </c>
      <c r="G16" s="281">
        <v>13</v>
      </c>
      <c r="H16" s="281">
        <v>20</v>
      </c>
      <c r="I16" s="281">
        <v>20</v>
      </c>
      <c r="J16" s="281">
        <v>16</v>
      </c>
      <c r="K16" s="281">
        <v>10</v>
      </c>
      <c r="L16" s="282">
        <v>79</v>
      </c>
      <c r="M16" s="283">
        <v>79</v>
      </c>
      <c r="N16" s="277">
        <v>0</v>
      </c>
      <c r="O16" s="281">
        <v>0</v>
      </c>
      <c r="P16" s="278">
        <v>0</v>
      </c>
      <c r="Q16" s="280">
        <v>0</v>
      </c>
      <c r="R16" s="281">
        <v>0</v>
      </c>
      <c r="S16" s="281">
        <v>0</v>
      </c>
      <c r="T16" s="281">
        <v>2</v>
      </c>
      <c r="U16" s="281">
        <v>3</v>
      </c>
      <c r="V16" s="281">
        <v>0</v>
      </c>
      <c r="W16" s="278">
        <v>5</v>
      </c>
      <c r="X16" s="283">
        <v>5</v>
      </c>
      <c r="Y16" s="277">
        <v>1</v>
      </c>
      <c r="Z16" s="281">
        <v>4</v>
      </c>
      <c r="AA16" s="278">
        <v>5</v>
      </c>
      <c r="AB16" s="280">
        <v>0</v>
      </c>
      <c r="AC16" s="281">
        <v>10</v>
      </c>
      <c r="AD16" s="281">
        <v>12</v>
      </c>
      <c r="AE16" s="281">
        <v>14</v>
      </c>
      <c r="AF16" s="281">
        <v>9</v>
      </c>
      <c r="AG16" s="281">
        <v>7</v>
      </c>
      <c r="AH16" s="278">
        <v>52</v>
      </c>
      <c r="AI16" s="283">
        <v>57</v>
      </c>
      <c r="AJ16" s="277">
        <v>0</v>
      </c>
      <c r="AK16" s="281">
        <v>0</v>
      </c>
      <c r="AL16" s="278">
        <v>0</v>
      </c>
      <c r="AM16" s="280">
        <v>0</v>
      </c>
      <c r="AN16" s="281">
        <v>0</v>
      </c>
      <c r="AO16" s="281">
        <v>7</v>
      </c>
      <c r="AP16" s="281">
        <v>2</v>
      </c>
      <c r="AQ16" s="281">
        <v>0</v>
      </c>
      <c r="AR16" s="281">
        <v>2</v>
      </c>
      <c r="AS16" s="278">
        <v>11</v>
      </c>
      <c r="AT16" s="283">
        <v>11</v>
      </c>
      <c r="AU16" s="277">
        <v>9</v>
      </c>
      <c r="AV16" s="281">
        <v>7</v>
      </c>
      <c r="AW16" s="278">
        <v>16</v>
      </c>
      <c r="AX16" s="280">
        <v>0</v>
      </c>
      <c r="AY16" s="281">
        <v>16</v>
      </c>
      <c r="AZ16" s="281">
        <v>17</v>
      </c>
      <c r="BA16" s="281">
        <v>25</v>
      </c>
      <c r="BB16" s="281">
        <v>18</v>
      </c>
      <c r="BC16" s="281">
        <v>15</v>
      </c>
      <c r="BD16" s="282">
        <v>91</v>
      </c>
      <c r="BE16" s="283">
        <v>107</v>
      </c>
      <c r="BF16" s="277">
        <v>0</v>
      </c>
      <c r="BG16" s="281">
        <v>0</v>
      </c>
      <c r="BH16" s="278">
        <v>0</v>
      </c>
      <c r="BI16" s="280">
        <v>0</v>
      </c>
      <c r="BJ16" s="281">
        <v>14</v>
      </c>
      <c r="BK16" s="281">
        <v>19</v>
      </c>
      <c r="BL16" s="281">
        <v>15</v>
      </c>
      <c r="BM16" s="281">
        <v>4</v>
      </c>
      <c r="BN16" s="281">
        <v>2</v>
      </c>
      <c r="BO16" s="278">
        <v>54</v>
      </c>
      <c r="BP16" s="283">
        <v>54</v>
      </c>
      <c r="BQ16" s="277">
        <v>0</v>
      </c>
      <c r="BR16" s="281">
        <v>1</v>
      </c>
      <c r="BS16" s="278">
        <v>1</v>
      </c>
      <c r="BT16" s="280">
        <v>0</v>
      </c>
      <c r="BU16" s="281">
        <v>2</v>
      </c>
      <c r="BV16" s="281">
        <v>3</v>
      </c>
      <c r="BW16" s="281">
        <v>4</v>
      </c>
      <c r="BX16" s="281">
        <v>2</v>
      </c>
      <c r="BY16" s="281">
        <v>1</v>
      </c>
      <c r="BZ16" s="278">
        <v>12</v>
      </c>
      <c r="CA16" s="283">
        <v>13</v>
      </c>
      <c r="CB16" s="277">
        <v>0</v>
      </c>
      <c r="CC16" s="281">
        <v>0</v>
      </c>
      <c r="CD16" s="278">
        <v>0</v>
      </c>
      <c r="CE16" s="280">
        <v>0</v>
      </c>
      <c r="CF16" s="281">
        <v>2</v>
      </c>
      <c r="CG16" s="281">
        <v>3</v>
      </c>
      <c r="CH16" s="281">
        <v>5</v>
      </c>
      <c r="CI16" s="281">
        <v>2</v>
      </c>
      <c r="CJ16" s="281">
        <v>2</v>
      </c>
      <c r="CK16" s="278">
        <v>14</v>
      </c>
      <c r="CL16" s="283">
        <v>14</v>
      </c>
      <c r="CM16" s="277">
        <v>0</v>
      </c>
      <c r="CN16" s="281">
        <v>0</v>
      </c>
      <c r="CO16" s="278">
        <v>0</v>
      </c>
      <c r="CP16" s="280">
        <v>0</v>
      </c>
      <c r="CQ16" s="281">
        <v>0</v>
      </c>
      <c r="CR16" s="281">
        <v>0</v>
      </c>
      <c r="CS16" s="281">
        <v>1</v>
      </c>
      <c r="CT16" s="281">
        <v>1</v>
      </c>
      <c r="CU16" s="281">
        <v>0</v>
      </c>
      <c r="CV16" s="278">
        <v>2</v>
      </c>
      <c r="CW16" s="283">
        <v>2</v>
      </c>
      <c r="CX16" s="277">
        <v>0</v>
      </c>
      <c r="CY16" s="281">
        <v>0</v>
      </c>
      <c r="CZ16" s="278">
        <v>0</v>
      </c>
      <c r="DA16" s="280">
        <v>0</v>
      </c>
      <c r="DB16" s="281">
        <v>0</v>
      </c>
      <c r="DC16" s="281">
        <v>0</v>
      </c>
      <c r="DD16" s="281">
        <v>0</v>
      </c>
      <c r="DE16" s="281">
        <v>0</v>
      </c>
      <c r="DF16" s="281">
        <v>0</v>
      </c>
      <c r="DG16" s="278">
        <v>0</v>
      </c>
      <c r="DH16" s="283">
        <v>0</v>
      </c>
      <c r="DI16" s="277">
        <v>0</v>
      </c>
      <c r="DJ16" s="281">
        <v>0</v>
      </c>
      <c r="DK16" s="278">
        <v>0</v>
      </c>
      <c r="DL16" s="280">
        <v>0</v>
      </c>
      <c r="DM16" s="281">
        <v>0</v>
      </c>
      <c r="DN16" s="281">
        <v>0</v>
      </c>
      <c r="DO16" s="281">
        <v>0</v>
      </c>
      <c r="DP16" s="281">
        <v>0</v>
      </c>
      <c r="DQ16" s="281">
        <v>0</v>
      </c>
      <c r="DR16" s="278">
        <v>0</v>
      </c>
      <c r="DS16" s="283">
        <v>0</v>
      </c>
      <c r="DT16" s="277">
        <v>6</v>
      </c>
      <c r="DU16" s="281">
        <v>15</v>
      </c>
      <c r="DV16" s="278">
        <v>21</v>
      </c>
      <c r="DW16" s="280">
        <v>0</v>
      </c>
      <c r="DX16" s="281">
        <v>13</v>
      </c>
      <c r="DY16" s="281">
        <v>35</v>
      </c>
      <c r="DZ16" s="281">
        <v>23</v>
      </c>
      <c r="EA16" s="281">
        <v>18</v>
      </c>
      <c r="EB16" s="281">
        <v>14</v>
      </c>
      <c r="EC16" s="278">
        <v>103</v>
      </c>
      <c r="ED16" s="283">
        <v>124</v>
      </c>
      <c r="EE16" s="277">
        <v>7</v>
      </c>
      <c r="EF16" s="281">
        <v>3</v>
      </c>
      <c r="EG16" s="278">
        <v>10</v>
      </c>
      <c r="EH16" s="280">
        <v>0</v>
      </c>
      <c r="EI16" s="281">
        <v>12</v>
      </c>
      <c r="EJ16" s="281">
        <v>9</v>
      </c>
      <c r="EK16" s="281">
        <v>10</v>
      </c>
      <c r="EL16" s="281">
        <v>5</v>
      </c>
      <c r="EM16" s="281">
        <v>6</v>
      </c>
      <c r="EN16" s="278">
        <v>42</v>
      </c>
      <c r="EO16" s="283">
        <v>52</v>
      </c>
      <c r="EP16" s="277">
        <v>7</v>
      </c>
      <c r="EQ16" s="281">
        <v>19</v>
      </c>
      <c r="ER16" s="278">
        <v>26</v>
      </c>
      <c r="ES16" s="280">
        <v>0</v>
      </c>
      <c r="ET16" s="281">
        <v>44</v>
      </c>
      <c r="EU16" s="281">
        <v>54</v>
      </c>
      <c r="EV16" s="281">
        <v>37</v>
      </c>
      <c r="EW16" s="281">
        <v>21</v>
      </c>
      <c r="EX16" s="281">
        <v>16</v>
      </c>
      <c r="EY16" s="278">
        <v>172</v>
      </c>
      <c r="EZ16" s="283">
        <v>198</v>
      </c>
    </row>
    <row r="17" spans="2:156" ht="19.5" customHeight="1" x14ac:dyDescent="0.2">
      <c r="B17" s="262" t="s">
        <v>15</v>
      </c>
      <c r="C17" s="277">
        <v>0</v>
      </c>
      <c r="D17" s="281">
        <v>0</v>
      </c>
      <c r="E17" s="385">
        <v>0</v>
      </c>
      <c r="F17" s="280">
        <v>0</v>
      </c>
      <c r="G17" s="281">
        <v>5</v>
      </c>
      <c r="H17" s="281">
        <v>5</v>
      </c>
      <c r="I17" s="281">
        <v>1</v>
      </c>
      <c r="J17" s="281">
        <v>2</v>
      </c>
      <c r="K17" s="281">
        <v>4</v>
      </c>
      <c r="L17" s="282">
        <v>17</v>
      </c>
      <c r="M17" s="283">
        <v>17</v>
      </c>
      <c r="N17" s="277">
        <v>0</v>
      </c>
      <c r="O17" s="281">
        <v>0</v>
      </c>
      <c r="P17" s="278">
        <v>0</v>
      </c>
      <c r="Q17" s="280">
        <v>0</v>
      </c>
      <c r="R17" s="281">
        <v>0</v>
      </c>
      <c r="S17" s="281">
        <v>0</v>
      </c>
      <c r="T17" s="281">
        <v>0</v>
      </c>
      <c r="U17" s="281">
        <v>0</v>
      </c>
      <c r="V17" s="281">
        <v>2</v>
      </c>
      <c r="W17" s="278">
        <v>2</v>
      </c>
      <c r="X17" s="283">
        <v>2</v>
      </c>
      <c r="Y17" s="277">
        <v>0</v>
      </c>
      <c r="Z17" s="281">
        <v>0</v>
      </c>
      <c r="AA17" s="278">
        <v>0</v>
      </c>
      <c r="AB17" s="280">
        <v>0</v>
      </c>
      <c r="AC17" s="281">
        <v>1</v>
      </c>
      <c r="AD17" s="281">
        <v>2</v>
      </c>
      <c r="AE17" s="281">
        <v>2</v>
      </c>
      <c r="AF17" s="281">
        <v>4</v>
      </c>
      <c r="AG17" s="281">
        <v>4</v>
      </c>
      <c r="AH17" s="278">
        <v>13</v>
      </c>
      <c r="AI17" s="283">
        <v>13</v>
      </c>
      <c r="AJ17" s="277">
        <v>0</v>
      </c>
      <c r="AK17" s="281">
        <v>0</v>
      </c>
      <c r="AL17" s="278">
        <v>0</v>
      </c>
      <c r="AM17" s="280">
        <v>0</v>
      </c>
      <c r="AN17" s="281">
        <v>0</v>
      </c>
      <c r="AO17" s="281">
        <v>0</v>
      </c>
      <c r="AP17" s="281">
        <v>1</v>
      </c>
      <c r="AQ17" s="281">
        <v>1</v>
      </c>
      <c r="AR17" s="281">
        <v>1</v>
      </c>
      <c r="AS17" s="278">
        <v>3</v>
      </c>
      <c r="AT17" s="283">
        <v>3</v>
      </c>
      <c r="AU17" s="277">
        <v>0</v>
      </c>
      <c r="AV17" s="281">
        <v>1</v>
      </c>
      <c r="AW17" s="278">
        <v>1</v>
      </c>
      <c r="AX17" s="280">
        <v>0</v>
      </c>
      <c r="AY17" s="281">
        <v>4</v>
      </c>
      <c r="AZ17" s="281">
        <v>8</v>
      </c>
      <c r="BA17" s="281">
        <v>3</v>
      </c>
      <c r="BB17" s="281">
        <v>2</v>
      </c>
      <c r="BC17" s="281">
        <v>4</v>
      </c>
      <c r="BD17" s="282">
        <v>21</v>
      </c>
      <c r="BE17" s="283">
        <v>22</v>
      </c>
      <c r="BF17" s="277">
        <v>0</v>
      </c>
      <c r="BG17" s="281">
        <v>0</v>
      </c>
      <c r="BH17" s="278">
        <v>0</v>
      </c>
      <c r="BI17" s="280">
        <v>0</v>
      </c>
      <c r="BJ17" s="281">
        <v>4</v>
      </c>
      <c r="BK17" s="281">
        <v>2</v>
      </c>
      <c r="BL17" s="281">
        <v>4</v>
      </c>
      <c r="BM17" s="281">
        <v>2</v>
      </c>
      <c r="BN17" s="281">
        <v>1</v>
      </c>
      <c r="BO17" s="278">
        <v>13</v>
      </c>
      <c r="BP17" s="283">
        <v>13</v>
      </c>
      <c r="BQ17" s="277">
        <v>0</v>
      </c>
      <c r="BR17" s="281">
        <v>1</v>
      </c>
      <c r="BS17" s="278">
        <v>1</v>
      </c>
      <c r="BT17" s="280">
        <v>0</v>
      </c>
      <c r="BU17" s="281">
        <v>4</v>
      </c>
      <c r="BV17" s="281">
        <v>2</v>
      </c>
      <c r="BW17" s="281">
        <v>3</v>
      </c>
      <c r="BX17" s="281">
        <v>1</v>
      </c>
      <c r="BY17" s="281">
        <v>2</v>
      </c>
      <c r="BZ17" s="278">
        <v>12</v>
      </c>
      <c r="CA17" s="283">
        <v>13</v>
      </c>
      <c r="CB17" s="277">
        <v>0</v>
      </c>
      <c r="CC17" s="281">
        <v>0</v>
      </c>
      <c r="CD17" s="278">
        <v>0</v>
      </c>
      <c r="CE17" s="280">
        <v>0</v>
      </c>
      <c r="CF17" s="281">
        <v>1</v>
      </c>
      <c r="CG17" s="281">
        <v>1</v>
      </c>
      <c r="CH17" s="281">
        <v>0</v>
      </c>
      <c r="CI17" s="281">
        <v>4</v>
      </c>
      <c r="CJ17" s="281">
        <v>0</v>
      </c>
      <c r="CK17" s="278">
        <v>6</v>
      </c>
      <c r="CL17" s="283">
        <v>6</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c r="DI17" s="277">
        <v>0</v>
      </c>
      <c r="DJ17" s="281">
        <v>0</v>
      </c>
      <c r="DK17" s="278">
        <v>0</v>
      </c>
      <c r="DL17" s="280">
        <v>0</v>
      </c>
      <c r="DM17" s="281">
        <v>0</v>
      </c>
      <c r="DN17" s="281">
        <v>0</v>
      </c>
      <c r="DO17" s="281">
        <v>0</v>
      </c>
      <c r="DP17" s="281">
        <v>0</v>
      </c>
      <c r="DQ17" s="281">
        <v>0</v>
      </c>
      <c r="DR17" s="278">
        <v>0</v>
      </c>
      <c r="DS17" s="283">
        <v>0</v>
      </c>
      <c r="DT17" s="277">
        <v>0</v>
      </c>
      <c r="DU17" s="281">
        <v>4</v>
      </c>
      <c r="DV17" s="278">
        <v>4</v>
      </c>
      <c r="DW17" s="280">
        <v>0</v>
      </c>
      <c r="DX17" s="281">
        <v>5</v>
      </c>
      <c r="DY17" s="281">
        <v>12</v>
      </c>
      <c r="DZ17" s="281">
        <v>5</v>
      </c>
      <c r="EA17" s="281">
        <v>7</v>
      </c>
      <c r="EB17" s="281">
        <v>6</v>
      </c>
      <c r="EC17" s="278">
        <v>35</v>
      </c>
      <c r="ED17" s="283">
        <v>39</v>
      </c>
      <c r="EE17" s="277">
        <v>2</v>
      </c>
      <c r="EF17" s="281">
        <v>2</v>
      </c>
      <c r="EG17" s="278">
        <v>4</v>
      </c>
      <c r="EH17" s="280">
        <v>0</v>
      </c>
      <c r="EI17" s="281">
        <v>6</v>
      </c>
      <c r="EJ17" s="281">
        <v>4</v>
      </c>
      <c r="EK17" s="281">
        <v>3</v>
      </c>
      <c r="EL17" s="281">
        <v>0</v>
      </c>
      <c r="EM17" s="281">
        <v>0</v>
      </c>
      <c r="EN17" s="278">
        <v>13</v>
      </c>
      <c r="EO17" s="283">
        <v>17</v>
      </c>
      <c r="EP17" s="277">
        <v>0</v>
      </c>
      <c r="EQ17" s="281">
        <v>4</v>
      </c>
      <c r="ER17" s="278">
        <v>4</v>
      </c>
      <c r="ES17" s="280">
        <v>0</v>
      </c>
      <c r="ET17" s="281">
        <v>17</v>
      </c>
      <c r="EU17" s="281">
        <v>14</v>
      </c>
      <c r="EV17" s="281">
        <v>7</v>
      </c>
      <c r="EW17" s="281">
        <v>8</v>
      </c>
      <c r="EX17" s="281">
        <v>6</v>
      </c>
      <c r="EY17" s="278">
        <v>52</v>
      </c>
      <c r="EZ17" s="283">
        <v>56</v>
      </c>
    </row>
    <row r="18" spans="2:156" ht="19.5" customHeight="1" x14ac:dyDescent="0.2">
      <c r="B18" s="262" t="s">
        <v>16</v>
      </c>
      <c r="C18" s="277">
        <v>0</v>
      </c>
      <c r="D18" s="281">
        <v>0</v>
      </c>
      <c r="E18" s="385">
        <v>0</v>
      </c>
      <c r="F18" s="280">
        <v>0</v>
      </c>
      <c r="G18" s="281">
        <v>7</v>
      </c>
      <c r="H18" s="281">
        <v>16</v>
      </c>
      <c r="I18" s="281">
        <v>8</v>
      </c>
      <c r="J18" s="281">
        <v>4</v>
      </c>
      <c r="K18" s="281">
        <v>2</v>
      </c>
      <c r="L18" s="282">
        <v>37</v>
      </c>
      <c r="M18" s="283">
        <v>37</v>
      </c>
      <c r="N18" s="277">
        <v>0</v>
      </c>
      <c r="O18" s="281">
        <v>0</v>
      </c>
      <c r="P18" s="278">
        <v>0</v>
      </c>
      <c r="Q18" s="280">
        <v>0</v>
      </c>
      <c r="R18" s="281">
        <v>0</v>
      </c>
      <c r="S18" s="281">
        <v>1</v>
      </c>
      <c r="T18" s="281">
        <v>1</v>
      </c>
      <c r="U18" s="281">
        <v>0</v>
      </c>
      <c r="V18" s="281">
        <v>3</v>
      </c>
      <c r="W18" s="278">
        <v>5</v>
      </c>
      <c r="X18" s="283">
        <v>5</v>
      </c>
      <c r="Y18" s="277">
        <v>2</v>
      </c>
      <c r="Z18" s="281">
        <v>3</v>
      </c>
      <c r="AA18" s="278">
        <v>5</v>
      </c>
      <c r="AB18" s="280">
        <v>0</v>
      </c>
      <c r="AC18" s="281">
        <v>7</v>
      </c>
      <c r="AD18" s="281">
        <v>14</v>
      </c>
      <c r="AE18" s="281">
        <v>9</v>
      </c>
      <c r="AF18" s="281">
        <v>6</v>
      </c>
      <c r="AG18" s="281">
        <v>4</v>
      </c>
      <c r="AH18" s="278">
        <v>40</v>
      </c>
      <c r="AI18" s="283">
        <v>45</v>
      </c>
      <c r="AJ18" s="277">
        <v>0</v>
      </c>
      <c r="AK18" s="281">
        <v>1</v>
      </c>
      <c r="AL18" s="278">
        <v>1</v>
      </c>
      <c r="AM18" s="280">
        <v>0</v>
      </c>
      <c r="AN18" s="281">
        <v>0</v>
      </c>
      <c r="AO18" s="281">
        <v>0</v>
      </c>
      <c r="AP18" s="281">
        <v>2</v>
      </c>
      <c r="AQ18" s="281">
        <v>0</v>
      </c>
      <c r="AR18" s="281">
        <v>1</v>
      </c>
      <c r="AS18" s="278">
        <v>3</v>
      </c>
      <c r="AT18" s="283">
        <v>4</v>
      </c>
      <c r="AU18" s="277">
        <v>4</v>
      </c>
      <c r="AV18" s="281">
        <v>0</v>
      </c>
      <c r="AW18" s="278">
        <v>4</v>
      </c>
      <c r="AX18" s="280">
        <v>0</v>
      </c>
      <c r="AY18" s="281">
        <v>16</v>
      </c>
      <c r="AZ18" s="281">
        <v>15</v>
      </c>
      <c r="BA18" s="281">
        <v>9</v>
      </c>
      <c r="BB18" s="281">
        <v>14</v>
      </c>
      <c r="BC18" s="281">
        <v>11</v>
      </c>
      <c r="BD18" s="282">
        <v>65</v>
      </c>
      <c r="BE18" s="283">
        <v>69</v>
      </c>
      <c r="BF18" s="277">
        <v>0</v>
      </c>
      <c r="BG18" s="281">
        <v>0</v>
      </c>
      <c r="BH18" s="278">
        <v>0</v>
      </c>
      <c r="BI18" s="280">
        <v>0</v>
      </c>
      <c r="BJ18" s="281">
        <v>15</v>
      </c>
      <c r="BK18" s="281">
        <v>23</v>
      </c>
      <c r="BL18" s="281">
        <v>8</v>
      </c>
      <c r="BM18" s="281">
        <v>3</v>
      </c>
      <c r="BN18" s="281">
        <v>1</v>
      </c>
      <c r="BO18" s="278">
        <v>50</v>
      </c>
      <c r="BP18" s="283">
        <v>50</v>
      </c>
      <c r="BQ18" s="277">
        <v>4</v>
      </c>
      <c r="BR18" s="281">
        <v>5</v>
      </c>
      <c r="BS18" s="278">
        <v>9</v>
      </c>
      <c r="BT18" s="280">
        <v>0</v>
      </c>
      <c r="BU18" s="281">
        <v>8</v>
      </c>
      <c r="BV18" s="281">
        <v>14</v>
      </c>
      <c r="BW18" s="281">
        <v>5</v>
      </c>
      <c r="BX18" s="281">
        <v>1</v>
      </c>
      <c r="BY18" s="281">
        <v>0</v>
      </c>
      <c r="BZ18" s="278">
        <v>28</v>
      </c>
      <c r="CA18" s="283">
        <v>37</v>
      </c>
      <c r="CB18" s="277">
        <v>0</v>
      </c>
      <c r="CC18" s="281">
        <v>1</v>
      </c>
      <c r="CD18" s="278">
        <v>1</v>
      </c>
      <c r="CE18" s="280">
        <v>0</v>
      </c>
      <c r="CF18" s="281">
        <v>3</v>
      </c>
      <c r="CG18" s="281">
        <v>3</v>
      </c>
      <c r="CH18" s="281">
        <v>3</v>
      </c>
      <c r="CI18" s="281">
        <v>0</v>
      </c>
      <c r="CJ18" s="281">
        <v>1</v>
      </c>
      <c r="CK18" s="278">
        <v>10</v>
      </c>
      <c r="CL18" s="283">
        <v>11</v>
      </c>
      <c r="CM18" s="277">
        <v>0</v>
      </c>
      <c r="CN18" s="281">
        <v>0</v>
      </c>
      <c r="CO18" s="278">
        <v>0</v>
      </c>
      <c r="CP18" s="280">
        <v>0</v>
      </c>
      <c r="CQ18" s="281">
        <v>1</v>
      </c>
      <c r="CR18" s="281">
        <v>0</v>
      </c>
      <c r="CS18" s="281">
        <v>0</v>
      </c>
      <c r="CT18" s="281">
        <v>0</v>
      </c>
      <c r="CU18" s="281">
        <v>0</v>
      </c>
      <c r="CV18" s="278">
        <v>1</v>
      </c>
      <c r="CW18" s="283">
        <v>1</v>
      </c>
      <c r="CX18" s="277">
        <v>0</v>
      </c>
      <c r="CY18" s="281">
        <v>0</v>
      </c>
      <c r="CZ18" s="278">
        <v>0</v>
      </c>
      <c r="DA18" s="280">
        <v>0</v>
      </c>
      <c r="DB18" s="281">
        <v>0</v>
      </c>
      <c r="DC18" s="281">
        <v>0</v>
      </c>
      <c r="DD18" s="281">
        <v>0</v>
      </c>
      <c r="DE18" s="281">
        <v>0</v>
      </c>
      <c r="DF18" s="281">
        <v>0</v>
      </c>
      <c r="DG18" s="278">
        <v>0</v>
      </c>
      <c r="DH18" s="283">
        <v>0</v>
      </c>
      <c r="DI18" s="277">
        <v>0</v>
      </c>
      <c r="DJ18" s="281">
        <v>0</v>
      </c>
      <c r="DK18" s="278">
        <v>0</v>
      </c>
      <c r="DL18" s="280">
        <v>0</v>
      </c>
      <c r="DM18" s="281">
        <v>0</v>
      </c>
      <c r="DN18" s="281">
        <v>0</v>
      </c>
      <c r="DO18" s="281">
        <v>0</v>
      </c>
      <c r="DP18" s="281">
        <v>0</v>
      </c>
      <c r="DQ18" s="281">
        <v>0</v>
      </c>
      <c r="DR18" s="278">
        <v>0</v>
      </c>
      <c r="DS18" s="283">
        <v>0</v>
      </c>
      <c r="DT18" s="277">
        <v>7</v>
      </c>
      <c r="DU18" s="281">
        <v>13</v>
      </c>
      <c r="DV18" s="278">
        <v>20</v>
      </c>
      <c r="DW18" s="280">
        <v>0</v>
      </c>
      <c r="DX18" s="281">
        <v>16</v>
      </c>
      <c r="DY18" s="281">
        <v>41</v>
      </c>
      <c r="DZ18" s="281">
        <v>24</v>
      </c>
      <c r="EA18" s="281">
        <v>9</v>
      </c>
      <c r="EB18" s="281">
        <v>8</v>
      </c>
      <c r="EC18" s="278">
        <v>98</v>
      </c>
      <c r="ED18" s="283">
        <v>118</v>
      </c>
      <c r="EE18" s="277">
        <v>5</v>
      </c>
      <c r="EF18" s="281">
        <v>0</v>
      </c>
      <c r="EG18" s="278">
        <v>5</v>
      </c>
      <c r="EH18" s="280">
        <v>0</v>
      </c>
      <c r="EI18" s="281">
        <v>12</v>
      </c>
      <c r="EJ18" s="281">
        <v>11</v>
      </c>
      <c r="EK18" s="281">
        <v>3</v>
      </c>
      <c r="EL18" s="281">
        <v>12</v>
      </c>
      <c r="EM18" s="281">
        <v>7</v>
      </c>
      <c r="EN18" s="278">
        <v>45</v>
      </c>
      <c r="EO18" s="283">
        <v>50</v>
      </c>
      <c r="EP18" s="277">
        <v>11</v>
      </c>
      <c r="EQ18" s="281">
        <v>19</v>
      </c>
      <c r="ER18" s="278">
        <v>30</v>
      </c>
      <c r="ES18" s="280">
        <v>0</v>
      </c>
      <c r="ET18" s="281">
        <v>41</v>
      </c>
      <c r="EU18" s="281">
        <v>60</v>
      </c>
      <c r="EV18" s="281">
        <v>25</v>
      </c>
      <c r="EW18" s="281">
        <v>10</v>
      </c>
      <c r="EX18" s="281">
        <v>7</v>
      </c>
      <c r="EY18" s="278">
        <v>143</v>
      </c>
      <c r="EZ18" s="283">
        <v>173</v>
      </c>
    </row>
    <row r="19" spans="2:156" ht="19.5" customHeight="1" x14ac:dyDescent="0.2">
      <c r="B19" s="262" t="s">
        <v>17</v>
      </c>
      <c r="C19" s="277">
        <v>0</v>
      </c>
      <c r="D19" s="281">
        <v>0</v>
      </c>
      <c r="E19" s="385">
        <v>0</v>
      </c>
      <c r="F19" s="280">
        <v>0</v>
      </c>
      <c r="G19" s="281">
        <v>8</v>
      </c>
      <c r="H19" s="281">
        <v>16</v>
      </c>
      <c r="I19" s="281">
        <v>18</v>
      </c>
      <c r="J19" s="281">
        <v>5</v>
      </c>
      <c r="K19" s="281">
        <v>7</v>
      </c>
      <c r="L19" s="282">
        <v>54</v>
      </c>
      <c r="M19" s="283">
        <v>54</v>
      </c>
      <c r="N19" s="277">
        <v>0</v>
      </c>
      <c r="O19" s="281">
        <v>0</v>
      </c>
      <c r="P19" s="278">
        <v>0</v>
      </c>
      <c r="Q19" s="280">
        <v>0</v>
      </c>
      <c r="R19" s="281">
        <v>0</v>
      </c>
      <c r="S19" s="281">
        <v>4</v>
      </c>
      <c r="T19" s="281">
        <v>2</v>
      </c>
      <c r="U19" s="281">
        <v>3</v>
      </c>
      <c r="V19" s="281">
        <v>4</v>
      </c>
      <c r="W19" s="278">
        <v>13</v>
      </c>
      <c r="X19" s="283">
        <v>13</v>
      </c>
      <c r="Y19" s="277">
        <v>4</v>
      </c>
      <c r="Z19" s="281">
        <v>9</v>
      </c>
      <c r="AA19" s="278">
        <v>13</v>
      </c>
      <c r="AB19" s="280">
        <v>0</v>
      </c>
      <c r="AC19" s="281">
        <v>14</v>
      </c>
      <c r="AD19" s="281">
        <v>18</v>
      </c>
      <c r="AE19" s="281">
        <v>14</v>
      </c>
      <c r="AF19" s="281">
        <v>7</v>
      </c>
      <c r="AG19" s="281">
        <v>9</v>
      </c>
      <c r="AH19" s="278">
        <v>62</v>
      </c>
      <c r="AI19" s="283">
        <v>75</v>
      </c>
      <c r="AJ19" s="277">
        <v>0</v>
      </c>
      <c r="AK19" s="281">
        <v>0</v>
      </c>
      <c r="AL19" s="278">
        <v>0</v>
      </c>
      <c r="AM19" s="280">
        <v>0</v>
      </c>
      <c r="AN19" s="281">
        <v>0</v>
      </c>
      <c r="AO19" s="281">
        <v>1</v>
      </c>
      <c r="AP19" s="281">
        <v>2</v>
      </c>
      <c r="AQ19" s="281">
        <v>2</v>
      </c>
      <c r="AR19" s="281">
        <v>0</v>
      </c>
      <c r="AS19" s="278">
        <v>5</v>
      </c>
      <c r="AT19" s="283">
        <v>5</v>
      </c>
      <c r="AU19" s="277">
        <v>2</v>
      </c>
      <c r="AV19" s="281">
        <v>7</v>
      </c>
      <c r="AW19" s="278">
        <v>9</v>
      </c>
      <c r="AX19" s="280">
        <v>0</v>
      </c>
      <c r="AY19" s="281">
        <v>15</v>
      </c>
      <c r="AZ19" s="281">
        <v>26</v>
      </c>
      <c r="BA19" s="281">
        <v>24</v>
      </c>
      <c r="BB19" s="281">
        <v>26</v>
      </c>
      <c r="BC19" s="281">
        <v>22</v>
      </c>
      <c r="BD19" s="282">
        <v>113</v>
      </c>
      <c r="BE19" s="283">
        <v>122</v>
      </c>
      <c r="BF19" s="277">
        <v>0</v>
      </c>
      <c r="BG19" s="281">
        <v>0</v>
      </c>
      <c r="BH19" s="278">
        <v>0</v>
      </c>
      <c r="BI19" s="280">
        <v>0</v>
      </c>
      <c r="BJ19" s="281">
        <v>23</v>
      </c>
      <c r="BK19" s="281">
        <v>31</v>
      </c>
      <c r="BL19" s="281">
        <v>17</v>
      </c>
      <c r="BM19" s="281">
        <v>7</v>
      </c>
      <c r="BN19" s="281">
        <v>1</v>
      </c>
      <c r="BO19" s="278">
        <v>79</v>
      </c>
      <c r="BP19" s="283">
        <v>79</v>
      </c>
      <c r="BQ19" s="277">
        <v>3</v>
      </c>
      <c r="BR19" s="281">
        <v>5</v>
      </c>
      <c r="BS19" s="278">
        <v>8</v>
      </c>
      <c r="BT19" s="280">
        <v>0</v>
      </c>
      <c r="BU19" s="281">
        <v>7</v>
      </c>
      <c r="BV19" s="281">
        <v>5</v>
      </c>
      <c r="BW19" s="281">
        <v>3</v>
      </c>
      <c r="BX19" s="281">
        <v>2</v>
      </c>
      <c r="BY19" s="281">
        <v>1</v>
      </c>
      <c r="BZ19" s="278">
        <v>18</v>
      </c>
      <c r="CA19" s="283">
        <v>26</v>
      </c>
      <c r="CB19" s="277">
        <v>0</v>
      </c>
      <c r="CC19" s="281">
        <v>0</v>
      </c>
      <c r="CD19" s="278">
        <v>0</v>
      </c>
      <c r="CE19" s="280">
        <v>0</v>
      </c>
      <c r="CF19" s="281">
        <v>4</v>
      </c>
      <c r="CG19" s="281">
        <v>6</v>
      </c>
      <c r="CH19" s="281">
        <v>8</v>
      </c>
      <c r="CI19" s="281">
        <v>5</v>
      </c>
      <c r="CJ19" s="281">
        <v>1</v>
      </c>
      <c r="CK19" s="278">
        <v>24</v>
      </c>
      <c r="CL19" s="283">
        <v>24</v>
      </c>
      <c r="CM19" s="277">
        <v>0</v>
      </c>
      <c r="CN19" s="281">
        <v>0</v>
      </c>
      <c r="CO19" s="278">
        <v>0</v>
      </c>
      <c r="CP19" s="280">
        <v>0</v>
      </c>
      <c r="CQ19" s="281">
        <v>1</v>
      </c>
      <c r="CR19" s="281">
        <v>0</v>
      </c>
      <c r="CS19" s="281">
        <v>0</v>
      </c>
      <c r="CT19" s="281">
        <v>2</v>
      </c>
      <c r="CU19" s="281">
        <v>0</v>
      </c>
      <c r="CV19" s="278">
        <v>3</v>
      </c>
      <c r="CW19" s="283">
        <v>3</v>
      </c>
      <c r="CX19" s="277">
        <v>0</v>
      </c>
      <c r="CY19" s="281">
        <v>0</v>
      </c>
      <c r="CZ19" s="278">
        <v>0</v>
      </c>
      <c r="DA19" s="280">
        <v>0</v>
      </c>
      <c r="DB19" s="281">
        <v>0</v>
      </c>
      <c r="DC19" s="281">
        <v>0</v>
      </c>
      <c r="DD19" s="281">
        <v>0</v>
      </c>
      <c r="DE19" s="281">
        <v>0</v>
      </c>
      <c r="DF19" s="281">
        <v>0</v>
      </c>
      <c r="DG19" s="278">
        <v>0</v>
      </c>
      <c r="DH19" s="283">
        <v>0</v>
      </c>
      <c r="DI19" s="277">
        <v>0</v>
      </c>
      <c r="DJ19" s="281">
        <v>0</v>
      </c>
      <c r="DK19" s="278">
        <v>0</v>
      </c>
      <c r="DL19" s="280">
        <v>0</v>
      </c>
      <c r="DM19" s="281">
        <v>0</v>
      </c>
      <c r="DN19" s="281">
        <v>0</v>
      </c>
      <c r="DO19" s="281">
        <v>0</v>
      </c>
      <c r="DP19" s="281">
        <v>0</v>
      </c>
      <c r="DQ19" s="281">
        <v>0</v>
      </c>
      <c r="DR19" s="278">
        <v>0</v>
      </c>
      <c r="DS19" s="283">
        <v>0</v>
      </c>
      <c r="DT19" s="277">
        <v>16</v>
      </c>
      <c r="DU19" s="281">
        <v>20</v>
      </c>
      <c r="DV19" s="278">
        <v>36</v>
      </c>
      <c r="DW19" s="280">
        <v>0</v>
      </c>
      <c r="DX19" s="281">
        <v>22</v>
      </c>
      <c r="DY19" s="281">
        <v>62</v>
      </c>
      <c r="DZ19" s="281">
        <v>43</v>
      </c>
      <c r="EA19" s="281">
        <v>24</v>
      </c>
      <c r="EB19" s="281">
        <v>15</v>
      </c>
      <c r="EC19" s="278">
        <v>166</v>
      </c>
      <c r="ED19" s="283">
        <v>202</v>
      </c>
      <c r="EE19" s="277">
        <v>2</v>
      </c>
      <c r="EF19" s="281">
        <v>4</v>
      </c>
      <c r="EG19" s="278">
        <v>6</v>
      </c>
      <c r="EH19" s="280">
        <v>0</v>
      </c>
      <c r="EI19" s="281">
        <v>10</v>
      </c>
      <c r="EJ19" s="281">
        <v>6</v>
      </c>
      <c r="EK19" s="281">
        <v>5</v>
      </c>
      <c r="EL19" s="281">
        <v>17</v>
      </c>
      <c r="EM19" s="281">
        <v>8</v>
      </c>
      <c r="EN19" s="278">
        <v>46</v>
      </c>
      <c r="EO19" s="283">
        <v>52</v>
      </c>
      <c r="EP19" s="277">
        <v>19</v>
      </c>
      <c r="EQ19" s="281">
        <v>26</v>
      </c>
      <c r="ER19" s="278">
        <v>45</v>
      </c>
      <c r="ES19" s="280">
        <v>0</v>
      </c>
      <c r="ET19" s="281">
        <v>57</v>
      </c>
      <c r="EU19" s="281">
        <v>85</v>
      </c>
      <c r="EV19" s="281">
        <v>54</v>
      </c>
      <c r="EW19" s="281">
        <v>19</v>
      </c>
      <c r="EX19" s="281">
        <v>17</v>
      </c>
      <c r="EY19" s="278">
        <v>232</v>
      </c>
      <c r="EZ19" s="283">
        <v>277</v>
      </c>
    </row>
    <row r="20" spans="2:156" ht="19.5" customHeight="1" x14ac:dyDescent="0.2">
      <c r="B20" s="262" t="s">
        <v>18</v>
      </c>
      <c r="C20" s="277">
        <v>0</v>
      </c>
      <c r="D20" s="281">
        <v>0</v>
      </c>
      <c r="E20" s="385">
        <v>0</v>
      </c>
      <c r="F20" s="280">
        <v>0</v>
      </c>
      <c r="G20" s="281">
        <v>25</v>
      </c>
      <c r="H20" s="281">
        <v>32</v>
      </c>
      <c r="I20" s="281">
        <v>15</v>
      </c>
      <c r="J20" s="281">
        <v>15</v>
      </c>
      <c r="K20" s="281">
        <v>9</v>
      </c>
      <c r="L20" s="282">
        <v>96</v>
      </c>
      <c r="M20" s="283">
        <v>96</v>
      </c>
      <c r="N20" s="277">
        <v>0</v>
      </c>
      <c r="O20" s="281">
        <v>0</v>
      </c>
      <c r="P20" s="278">
        <v>0</v>
      </c>
      <c r="Q20" s="280">
        <v>0</v>
      </c>
      <c r="R20" s="281">
        <v>0</v>
      </c>
      <c r="S20" s="281">
        <v>1</v>
      </c>
      <c r="T20" s="281">
        <v>2</v>
      </c>
      <c r="U20" s="281">
        <v>4</v>
      </c>
      <c r="V20" s="281">
        <v>4</v>
      </c>
      <c r="W20" s="278">
        <v>11</v>
      </c>
      <c r="X20" s="283">
        <v>11</v>
      </c>
      <c r="Y20" s="277">
        <v>5</v>
      </c>
      <c r="Z20" s="281">
        <v>6</v>
      </c>
      <c r="AA20" s="278">
        <v>11</v>
      </c>
      <c r="AB20" s="280">
        <v>0</v>
      </c>
      <c r="AC20" s="281">
        <v>14</v>
      </c>
      <c r="AD20" s="281">
        <v>33</v>
      </c>
      <c r="AE20" s="281">
        <v>15</v>
      </c>
      <c r="AF20" s="281">
        <v>20</v>
      </c>
      <c r="AG20" s="281">
        <v>9</v>
      </c>
      <c r="AH20" s="278">
        <v>91</v>
      </c>
      <c r="AI20" s="283">
        <v>102</v>
      </c>
      <c r="AJ20" s="277">
        <v>0</v>
      </c>
      <c r="AK20" s="281">
        <v>0</v>
      </c>
      <c r="AL20" s="278">
        <v>0</v>
      </c>
      <c r="AM20" s="280">
        <v>0</v>
      </c>
      <c r="AN20" s="281">
        <v>3</v>
      </c>
      <c r="AO20" s="281">
        <v>3</v>
      </c>
      <c r="AP20" s="281">
        <v>3</v>
      </c>
      <c r="AQ20" s="281">
        <v>3</v>
      </c>
      <c r="AR20" s="281">
        <v>1</v>
      </c>
      <c r="AS20" s="278">
        <v>13</v>
      </c>
      <c r="AT20" s="283">
        <v>13</v>
      </c>
      <c r="AU20" s="277">
        <v>7</v>
      </c>
      <c r="AV20" s="281">
        <v>2</v>
      </c>
      <c r="AW20" s="278">
        <v>9</v>
      </c>
      <c r="AX20" s="280">
        <v>0</v>
      </c>
      <c r="AY20" s="281">
        <v>28</v>
      </c>
      <c r="AZ20" s="281">
        <v>34</v>
      </c>
      <c r="BA20" s="281">
        <v>19</v>
      </c>
      <c r="BB20" s="281">
        <v>35</v>
      </c>
      <c r="BC20" s="281">
        <v>30</v>
      </c>
      <c r="BD20" s="282">
        <v>146</v>
      </c>
      <c r="BE20" s="283">
        <v>155</v>
      </c>
      <c r="BF20" s="277">
        <v>0</v>
      </c>
      <c r="BG20" s="281">
        <v>0</v>
      </c>
      <c r="BH20" s="278">
        <v>0</v>
      </c>
      <c r="BI20" s="280">
        <v>0</v>
      </c>
      <c r="BJ20" s="281">
        <v>42</v>
      </c>
      <c r="BK20" s="281">
        <v>46</v>
      </c>
      <c r="BL20" s="281">
        <v>19</v>
      </c>
      <c r="BM20" s="281">
        <v>13</v>
      </c>
      <c r="BN20" s="281">
        <v>4</v>
      </c>
      <c r="BO20" s="278">
        <v>124</v>
      </c>
      <c r="BP20" s="283">
        <v>124</v>
      </c>
      <c r="BQ20" s="277">
        <v>4</v>
      </c>
      <c r="BR20" s="281">
        <v>3</v>
      </c>
      <c r="BS20" s="278">
        <v>7</v>
      </c>
      <c r="BT20" s="280">
        <v>0</v>
      </c>
      <c r="BU20" s="281">
        <v>11</v>
      </c>
      <c r="BV20" s="281">
        <v>15</v>
      </c>
      <c r="BW20" s="281">
        <v>7</v>
      </c>
      <c r="BX20" s="281">
        <v>7</v>
      </c>
      <c r="BY20" s="281">
        <v>3</v>
      </c>
      <c r="BZ20" s="278">
        <v>43</v>
      </c>
      <c r="CA20" s="283">
        <v>50</v>
      </c>
      <c r="CB20" s="277">
        <v>0</v>
      </c>
      <c r="CC20" s="281">
        <v>0</v>
      </c>
      <c r="CD20" s="278">
        <v>0</v>
      </c>
      <c r="CE20" s="280">
        <v>0</v>
      </c>
      <c r="CF20" s="281">
        <v>2</v>
      </c>
      <c r="CG20" s="281">
        <v>7</v>
      </c>
      <c r="CH20" s="281">
        <v>13</v>
      </c>
      <c r="CI20" s="281">
        <v>11</v>
      </c>
      <c r="CJ20" s="281">
        <v>3</v>
      </c>
      <c r="CK20" s="278">
        <v>36</v>
      </c>
      <c r="CL20" s="283">
        <v>36</v>
      </c>
      <c r="CM20" s="277">
        <v>0</v>
      </c>
      <c r="CN20" s="281">
        <v>0</v>
      </c>
      <c r="CO20" s="278">
        <v>0</v>
      </c>
      <c r="CP20" s="280">
        <v>0</v>
      </c>
      <c r="CQ20" s="281">
        <v>0</v>
      </c>
      <c r="CR20" s="281">
        <v>0</v>
      </c>
      <c r="CS20" s="281">
        <v>0</v>
      </c>
      <c r="CT20" s="281">
        <v>0</v>
      </c>
      <c r="CU20" s="281">
        <v>1</v>
      </c>
      <c r="CV20" s="278">
        <v>1</v>
      </c>
      <c r="CW20" s="283">
        <v>1</v>
      </c>
      <c r="CX20" s="277">
        <v>0</v>
      </c>
      <c r="CY20" s="281">
        <v>0</v>
      </c>
      <c r="CZ20" s="278">
        <v>0</v>
      </c>
      <c r="DA20" s="280">
        <v>0</v>
      </c>
      <c r="DB20" s="281">
        <v>0</v>
      </c>
      <c r="DC20" s="281">
        <v>0</v>
      </c>
      <c r="DD20" s="281">
        <v>0</v>
      </c>
      <c r="DE20" s="281">
        <v>0</v>
      </c>
      <c r="DF20" s="281">
        <v>0</v>
      </c>
      <c r="DG20" s="278">
        <v>0</v>
      </c>
      <c r="DH20" s="283">
        <v>0</v>
      </c>
      <c r="DI20" s="277">
        <v>0</v>
      </c>
      <c r="DJ20" s="281">
        <v>0</v>
      </c>
      <c r="DK20" s="278">
        <v>0</v>
      </c>
      <c r="DL20" s="280">
        <v>0</v>
      </c>
      <c r="DM20" s="281">
        <v>0</v>
      </c>
      <c r="DN20" s="281">
        <v>0</v>
      </c>
      <c r="DO20" s="281">
        <v>0</v>
      </c>
      <c r="DP20" s="281">
        <v>0</v>
      </c>
      <c r="DQ20" s="281">
        <v>0</v>
      </c>
      <c r="DR20" s="278">
        <v>0</v>
      </c>
      <c r="DS20" s="283">
        <v>0</v>
      </c>
      <c r="DT20" s="277">
        <v>10</v>
      </c>
      <c r="DU20" s="281">
        <v>22</v>
      </c>
      <c r="DV20" s="278">
        <v>32</v>
      </c>
      <c r="DW20" s="280">
        <v>0</v>
      </c>
      <c r="DX20" s="281">
        <v>41</v>
      </c>
      <c r="DY20" s="281">
        <v>67</v>
      </c>
      <c r="DZ20" s="281">
        <v>37</v>
      </c>
      <c r="EA20" s="281">
        <v>40</v>
      </c>
      <c r="EB20" s="281">
        <v>21</v>
      </c>
      <c r="EC20" s="278">
        <v>206</v>
      </c>
      <c r="ED20" s="283">
        <v>238</v>
      </c>
      <c r="EE20" s="277">
        <v>5</v>
      </c>
      <c r="EF20" s="281">
        <v>0</v>
      </c>
      <c r="EG20" s="278">
        <v>5</v>
      </c>
      <c r="EH20" s="280">
        <v>0</v>
      </c>
      <c r="EI20" s="281">
        <v>12</v>
      </c>
      <c r="EJ20" s="281">
        <v>11</v>
      </c>
      <c r="EK20" s="281">
        <v>5</v>
      </c>
      <c r="EL20" s="281">
        <v>10</v>
      </c>
      <c r="EM20" s="281">
        <v>11</v>
      </c>
      <c r="EN20" s="278">
        <v>49</v>
      </c>
      <c r="EO20" s="283">
        <v>54</v>
      </c>
      <c r="EP20" s="277">
        <v>16</v>
      </c>
      <c r="EQ20" s="281">
        <v>29</v>
      </c>
      <c r="ER20" s="278">
        <v>45</v>
      </c>
      <c r="ES20" s="280">
        <v>0</v>
      </c>
      <c r="ET20" s="281">
        <v>94</v>
      </c>
      <c r="EU20" s="281">
        <v>106</v>
      </c>
      <c r="EV20" s="281">
        <v>53</v>
      </c>
      <c r="EW20" s="281">
        <v>43</v>
      </c>
      <c r="EX20" s="281">
        <v>19</v>
      </c>
      <c r="EY20" s="278">
        <v>315</v>
      </c>
      <c r="EZ20" s="283">
        <v>360</v>
      </c>
    </row>
    <row r="21" spans="2:156" ht="19.5" customHeight="1" x14ac:dyDescent="0.2">
      <c r="B21" s="262" t="s">
        <v>19</v>
      </c>
      <c r="C21" s="277">
        <v>0</v>
      </c>
      <c r="D21" s="281">
        <v>0</v>
      </c>
      <c r="E21" s="385">
        <v>0</v>
      </c>
      <c r="F21" s="280">
        <v>0</v>
      </c>
      <c r="G21" s="281">
        <v>9</v>
      </c>
      <c r="H21" s="281">
        <v>9</v>
      </c>
      <c r="I21" s="281">
        <v>5</v>
      </c>
      <c r="J21" s="281">
        <v>3</v>
      </c>
      <c r="K21" s="281">
        <v>1</v>
      </c>
      <c r="L21" s="282">
        <v>27</v>
      </c>
      <c r="M21" s="283">
        <v>27</v>
      </c>
      <c r="N21" s="277">
        <v>0</v>
      </c>
      <c r="O21" s="281">
        <v>0</v>
      </c>
      <c r="P21" s="278">
        <v>0</v>
      </c>
      <c r="Q21" s="280">
        <v>0</v>
      </c>
      <c r="R21" s="281">
        <v>0</v>
      </c>
      <c r="S21" s="281">
        <v>0</v>
      </c>
      <c r="T21" s="281">
        <v>1</v>
      </c>
      <c r="U21" s="281">
        <v>2</v>
      </c>
      <c r="V21" s="281">
        <v>2</v>
      </c>
      <c r="W21" s="278">
        <v>5</v>
      </c>
      <c r="X21" s="283">
        <v>5</v>
      </c>
      <c r="Y21" s="277">
        <v>3</v>
      </c>
      <c r="Z21" s="281">
        <v>2</v>
      </c>
      <c r="AA21" s="278">
        <v>5</v>
      </c>
      <c r="AB21" s="280">
        <v>0</v>
      </c>
      <c r="AC21" s="281">
        <v>8</v>
      </c>
      <c r="AD21" s="281">
        <v>11</v>
      </c>
      <c r="AE21" s="281">
        <v>5</v>
      </c>
      <c r="AF21" s="281">
        <v>6</v>
      </c>
      <c r="AG21" s="281">
        <v>4</v>
      </c>
      <c r="AH21" s="278">
        <v>34</v>
      </c>
      <c r="AI21" s="283">
        <v>39</v>
      </c>
      <c r="AJ21" s="277">
        <v>0</v>
      </c>
      <c r="AK21" s="281">
        <v>0</v>
      </c>
      <c r="AL21" s="278">
        <v>0</v>
      </c>
      <c r="AM21" s="280">
        <v>0</v>
      </c>
      <c r="AN21" s="281">
        <v>2</v>
      </c>
      <c r="AO21" s="281">
        <v>1</v>
      </c>
      <c r="AP21" s="281">
        <v>0</v>
      </c>
      <c r="AQ21" s="281">
        <v>0</v>
      </c>
      <c r="AR21" s="281">
        <v>0</v>
      </c>
      <c r="AS21" s="278">
        <v>3</v>
      </c>
      <c r="AT21" s="283">
        <v>3</v>
      </c>
      <c r="AU21" s="277">
        <v>3</v>
      </c>
      <c r="AV21" s="281">
        <v>3</v>
      </c>
      <c r="AW21" s="278">
        <v>6</v>
      </c>
      <c r="AX21" s="280">
        <v>0</v>
      </c>
      <c r="AY21" s="281">
        <v>10</v>
      </c>
      <c r="AZ21" s="281">
        <v>11</v>
      </c>
      <c r="BA21" s="281">
        <v>13</v>
      </c>
      <c r="BB21" s="281">
        <v>8</v>
      </c>
      <c r="BC21" s="281">
        <v>6</v>
      </c>
      <c r="BD21" s="282">
        <v>48</v>
      </c>
      <c r="BE21" s="283">
        <v>54</v>
      </c>
      <c r="BF21" s="277">
        <v>0</v>
      </c>
      <c r="BG21" s="281">
        <v>0</v>
      </c>
      <c r="BH21" s="278">
        <v>0</v>
      </c>
      <c r="BI21" s="280">
        <v>0</v>
      </c>
      <c r="BJ21" s="281">
        <v>18</v>
      </c>
      <c r="BK21" s="281">
        <v>6</v>
      </c>
      <c r="BL21" s="281">
        <v>5</v>
      </c>
      <c r="BM21" s="281">
        <v>1</v>
      </c>
      <c r="BN21" s="281">
        <v>4</v>
      </c>
      <c r="BO21" s="278">
        <v>34</v>
      </c>
      <c r="BP21" s="283">
        <v>34</v>
      </c>
      <c r="BQ21" s="277">
        <v>0</v>
      </c>
      <c r="BR21" s="281">
        <v>3</v>
      </c>
      <c r="BS21" s="278">
        <v>3</v>
      </c>
      <c r="BT21" s="280">
        <v>0</v>
      </c>
      <c r="BU21" s="281">
        <v>5</v>
      </c>
      <c r="BV21" s="281">
        <v>3</v>
      </c>
      <c r="BW21" s="281">
        <v>4</v>
      </c>
      <c r="BX21" s="281">
        <v>5</v>
      </c>
      <c r="BY21" s="281">
        <v>1</v>
      </c>
      <c r="BZ21" s="278">
        <v>18</v>
      </c>
      <c r="CA21" s="283">
        <v>21</v>
      </c>
      <c r="CB21" s="277">
        <v>0</v>
      </c>
      <c r="CC21" s="281">
        <v>1</v>
      </c>
      <c r="CD21" s="278">
        <v>1</v>
      </c>
      <c r="CE21" s="280">
        <v>0</v>
      </c>
      <c r="CF21" s="281">
        <v>0</v>
      </c>
      <c r="CG21" s="281">
        <v>3</v>
      </c>
      <c r="CH21" s="281">
        <v>2</v>
      </c>
      <c r="CI21" s="281">
        <v>0</v>
      </c>
      <c r="CJ21" s="281">
        <v>1</v>
      </c>
      <c r="CK21" s="278">
        <v>6</v>
      </c>
      <c r="CL21" s="283">
        <v>7</v>
      </c>
      <c r="CM21" s="277">
        <v>0</v>
      </c>
      <c r="CN21" s="281">
        <v>0</v>
      </c>
      <c r="CO21" s="278">
        <v>0</v>
      </c>
      <c r="CP21" s="280">
        <v>0</v>
      </c>
      <c r="CQ21" s="281">
        <v>1</v>
      </c>
      <c r="CR21" s="281">
        <v>0</v>
      </c>
      <c r="CS21" s="281">
        <v>1</v>
      </c>
      <c r="CT21" s="281">
        <v>2</v>
      </c>
      <c r="CU21" s="281">
        <v>0</v>
      </c>
      <c r="CV21" s="278">
        <v>4</v>
      </c>
      <c r="CW21" s="283">
        <v>4</v>
      </c>
      <c r="CX21" s="277">
        <v>0</v>
      </c>
      <c r="CY21" s="281">
        <v>0</v>
      </c>
      <c r="CZ21" s="278">
        <v>0</v>
      </c>
      <c r="DA21" s="280">
        <v>0</v>
      </c>
      <c r="DB21" s="281">
        <v>0</v>
      </c>
      <c r="DC21" s="281">
        <v>0</v>
      </c>
      <c r="DD21" s="281">
        <v>0</v>
      </c>
      <c r="DE21" s="281">
        <v>0</v>
      </c>
      <c r="DF21" s="281">
        <v>0</v>
      </c>
      <c r="DG21" s="278">
        <v>0</v>
      </c>
      <c r="DH21" s="283">
        <v>0</v>
      </c>
      <c r="DI21" s="277">
        <v>0</v>
      </c>
      <c r="DJ21" s="281">
        <v>0</v>
      </c>
      <c r="DK21" s="278">
        <v>0</v>
      </c>
      <c r="DL21" s="280">
        <v>0</v>
      </c>
      <c r="DM21" s="281">
        <v>0</v>
      </c>
      <c r="DN21" s="281">
        <v>0</v>
      </c>
      <c r="DO21" s="281">
        <v>0</v>
      </c>
      <c r="DP21" s="281">
        <v>0</v>
      </c>
      <c r="DQ21" s="281">
        <v>0</v>
      </c>
      <c r="DR21" s="278">
        <v>0</v>
      </c>
      <c r="DS21" s="283">
        <v>0</v>
      </c>
      <c r="DT21" s="277">
        <v>6</v>
      </c>
      <c r="DU21" s="281">
        <v>6</v>
      </c>
      <c r="DV21" s="278">
        <v>12</v>
      </c>
      <c r="DW21" s="280">
        <v>0</v>
      </c>
      <c r="DX21" s="281">
        <v>18</v>
      </c>
      <c r="DY21" s="281">
        <v>25</v>
      </c>
      <c r="DZ21" s="281">
        <v>15</v>
      </c>
      <c r="EA21" s="281">
        <v>12</v>
      </c>
      <c r="EB21" s="281">
        <v>6</v>
      </c>
      <c r="EC21" s="278">
        <v>76</v>
      </c>
      <c r="ED21" s="283">
        <v>88</v>
      </c>
      <c r="EE21" s="277">
        <v>1</v>
      </c>
      <c r="EF21" s="281">
        <v>3</v>
      </c>
      <c r="EG21" s="278">
        <v>4</v>
      </c>
      <c r="EH21" s="280">
        <v>0</v>
      </c>
      <c r="EI21" s="281">
        <v>9</v>
      </c>
      <c r="EJ21" s="281">
        <v>6</v>
      </c>
      <c r="EK21" s="281">
        <v>6</v>
      </c>
      <c r="EL21" s="281">
        <v>2</v>
      </c>
      <c r="EM21" s="281">
        <v>3</v>
      </c>
      <c r="EN21" s="278">
        <v>26</v>
      </c>
      <c r="EO21" s="283">
        <v>30</v>
      </c>
      <c r="EP21" s="277">
        <v>9</v>
      </c>
      <c r="EQ21" s="281">
        <v>9</v>
      </c>
      <c r="ER21" s="278">
        <v>18</v>
      </c>
      <c r="ES21" s="280">
        <v>0</v>
      </c>
      <c r="ET21" s="281">
        <v>41</v>
      </c>
      <c r="EU21" s="281">
        <v>32</v>
      </c>
      <c r="EV21" s="281">
        <v>16</v>
      </c>
      <c r="EW21" s="281">
        <v>9</v>
      </c>
      <c r="EX21" s="281">
        <v>6</v>
      </c>
      <c r="EY21" s="278">
        <v>104</v>
      </c>
      <c r="EZ21" s="283">
        <v>122</v>
      </c>
    </row>
    <row r="22" spans="2:156" ht="19.5" customHeight="1" x14ac:dyDescent="0.2">
      <c r="B22" s="262" t="s">
        <v>20</v>
      </c>
      <c r="C22" s="277">
        <v>0</v>
      </c>
      <c r="D22" s="281">
        <v>0</v>
      </c>
      <c r="E22" s="385">
        <v>0</v>
      </c>
      <c r="F22" s="280">
        <v>0</v>
      </c>
      <c r="G22" s="281">
        <v>16</v>
      </c>
      <c r="H22" s="281">
        <v>10</v>
      </c>
      <c r="I22" s="281">
        <v>3</v>
      </c>
      <c r="J22" s="281">
        <v>6</v>
      </c>
      <c r="K22" s="281">
        <v>4</v>
      </c>
      <c r="L22" s="282">
        <v>39</v>
      </c>
      <c r="M22" s="283">
        <v>39</v>
      </c>
      <c r="N22" s="277">
        <v>0</v>
      </c>
      <c r="O22" s="281">
        <v>0</v>
      </c>
      <c r="P22" s="278">
        <v>0</v>
      </c>
      <c r="Q22" s="280">
        <v>0</v>
      </c>
      <c r="R22" s="281">
        <v>0</v>
      </c>
      <c r="S22" s="281">
        <v>0</v>
      </c>
      <c r="T22" s="281">
        <v>2</v>
      </c>
      <c r="U22" s="281">
        <v>1</v>
      </c>
      <c r="V22" s="281">
        <v>2</v>
      </c>
      <c r="W22" s="278">
        <v>5</v>
      </c>
      <c r="X22" s="283">
        <v>5</v>
      </c>
      <c r="Y22" s="277">
        <v>3</v>
      </c>
      <c r="Z22" s="281">
        <v>5</v>
      </c>
      <c r="AA22" s="278">
        <v>8</v>
      </c>
      <c r="AB22" s="280">
        <v>0</v>
      </c>
      <c r="AC22" s="281">
        <v>17</v>
      </c>
      <c r="AD22" s="281">
        <v>14</v>
      </c>
      <c r="AE22" s="281">
        <v>8</v>
      </c>
      <c r="AF22" s="281">
        <v>4</v>
      </c>
      <c r="AG22" s="281">
        <v>1</v>
      </c>
      <c r="AH22" s="278">
        <v>44</v>
      </c>
      <c r="AI22" s="283">
        <v>52</v>
      </c>
      <c r="AJ22" s="277">
        <v>1</v>
      </c>
      <c r="AK22" s="281">
        <v>2</v>
      </c>
      <c r="AL22" s="278">
        <v>3</v>
      </c>
      <c r="AM22" s="280">
        <v>0</v>
      </c>
      <c r="AN22" s="281">
        <v>2</v>
      </c>
      <c r="AO22" s="281">
        <v>5</v>
      </c>
      <c r="AP22" s="281">
        <v>3</v>
      </c>
      <c r="AQ22" s="281">
        <v>0</v>
      </c>
      <c r="AR22" s="281">
        <v>1</v>
      </c>
      <c r="AS22" s="278">
        <v>11</v>
      </c>
      <c r="AT22" s="283">
        <v>14</v>
      </c>
      <c r="AU22" s="277">
        <v>1</v>
      </c>
      <c r="AV22" s="281">
        <v>1</v>
      </c>
      <c r="AW22" s="278">
        <v>2</v>
      </c>
      <c r="AX22" s="280">
        <v>0</v>
      </c>
      <c r="AY22" s="281">
        <v>19</v>
      </c>
      <c r="AZ22" s="281">
        <v>11</v>
      </c>
      <c r="BA22" s="281">
        <v>11</v>
      </c>
      <c r="BB22" s="281">
        <v>12</v>
      </c>
      <c r="BC22" s="281">
        <v>8</v>
      </c>
      <c r="BD22" s="282">
        <v>61</v>
      </c>
      <c r="BE22" s="283">
        <v>63</v>
      </c>
      <c r="BF22" s="277">
        <v>0</v>
      </c>
      <c r="BG22" s="281">
        <v>0</v>
      </c>
      <c r="BH22" s="278">
        <v>0</v>
      </c>
      <c r="BI22" s="280">
        <v>0</v>
      </c>
      <c r="BJ22" s="281">
        <v>8</v>
      </c>
      <c r="BK22" s="281">
        <v>12</v>
      </c>
      <c r="BL22" s="281">
        <v>7</v>
      </c>
      <c r="BM22" s="281">
        <v>4</v>
      </c>
      <c r="BN22" s="281">
        <v>3</v>
      </c>
      <c r="BO22" s="278">
        <v>34</v>
      </c>
      <c r="BP22" s="283">
        <v>34</v>
      </c>
      <c r="BQ22" s="277">
        <v>2</v>
      </c>
      <c r="BR22" s="281">
        <v>3</v>
      </c>
      <c r="BS22" s="278">
        <v>5</v>
      </c>
      <c r="BT22" s="280">
        <v>0</v>
      </c>
      <c r="BU22" s="281">
        <v>11</v>
      </c>
      <c r="BV22" s="281">
        <v>14</v>
      </c>
      <c r="BW22" s="281">
        <v>4</v>
      </c>
      <c r="BX22" s="281">
        <v>2</v>
      </c>
      <c r="BY22" s="281">
        <v>2</v>
      </c>
      <c r="BZ22" s="278">
        <v>33</v>
      </c>
      <c r="CA22" s="283">
        <v>38</v>
      </c>
      <c r="CB22" s="277">
        <v>0</v>
      </c>
      <c r="CC22" s="281">
        <v>0</v>
      </c>
      <c r="CD22" s="278">
        <v>0</v>
      </c>
      <c r="CE22" s="280">
        <v>0</v>
      </c>
      <c r="CF22" s="281">
        <v>3</v>
      </c>
      <c r="CG22" s="281">
        <v>2</v>
      </c>
      <c r="CH22" s="281">
        <v>5</v>
      </c>
      <c r="CI22" s="281">
        <v>2</v>
      </c>
      <c r="CJ22" s="281">
        <v>1</v>
      </c>
      <c r="CK22" s="278">
        <v>13</v>
      </c>
      <c r="CL22" s="283">
        <v>13</v>
      </c>
      <c r="CM22" s="277">
        <v>0</v>
      </c>
      <c r="CN22" s="281">
        <v>0</v>
      </c>
      <c r="CO22" s="278">
        <v>0</v>
      </c>
      <c r="CP22" s="280">
        <v>0</v>
      </c>
      <c r="CQ22" s="281">
        <v>0</v>
      </c>
      <c r="CR22" s="281">
        <v>1</v>
      </c>
      <c r="CS22" s="281">
        <v>2</v>
      </c>
      <c r="CT22" s="281">
        <v>0</v>
      </c>
      <c r="CU22" s="281">
        <v>0</v>
      </c>
      <c r="CV22" s="278">
        <v>3</v>
      </c>
      <c r="CW22" s="283">
        <v>3</v>
      </c>
      <c r="CX22" s="277">
        <v>0</v>
      </c>
      <c r="CY22" s="281">
        <v>0</v>
      </c>
      <c r="CZ22" s="278">
        <v>0</v>
      </c>
      <c r="DA22" s="280">
        <v>0</v>
      </c>
      <c r="DB22" s="281">
        <v>0</v>
      </c>
      <c r="DC22" s="281">
        <v>0</v>
      </c>
      <c r="DD22" s="281">
        <v>0</v>
      </c>
      <c r="DE22" s="281">
        <v>0</v>
      </c>
      <c r="DF22" s="281">
        <v>0</v>
      </c>
      <c r="DG22" s="278">
        <v>0</v>
      </c>
      <c r="DH22" s="283">
        <v>0</v>
      </c>
      <c r="DI22" s="277">
        <v>0</v>
      </c>
      <c r="DJ22" s="281">
        <v>0</v>
      </c>
      <c r="DK22" s="278">
        <v>0</v>
      </c>
      <c r="DL22" s="280">
        <v>0</v>
      </c>
      <c r="DM22" s="281">
        <v>0</v>
      </c>
      <c r="DN22" s="281">
        <v>0</v>
      </c>
      <c r="DO22" s="281">
        <v>0</v>
      </c>
      <c r="DP22" s="281">
        <v>0</v>
      </c>
      <c r="DQ22" s="281">
        <v>0</v>
      </c>
      <c r="DR22" s="278">
        <v>0</v>
      </c>
      <c r="DS22" s="283">
        <v>0</v>
      </c>
      <c r="DT22" s="277">
        <v>5</v>
      </c>
      <c r="DU22" s="281">
        <v>19</v>
      </c>
      <c r="DV22" s="278">
        <v>24</v>
      </c>
      <c r="DW22" s="280">
        <v>0</v>
      </c>
      <c r="DX22" s="281">
        <v>29</v>
      </c>
      <c r="DY22" s="281">
        <v>26</v>
      </c>
      <c r="DZ22" s="281">
        <v>16</v>
      </c>
      <c r="EA22" s="281">
        <v>10</v>
      </c>
      <c r="EB22" s="281">
        <v>5</v>
      </c>
      <c r="EC22" s="278">
        <v>86</v>
      </c>
      <c r="ED22" s="283">
        <v>110</v>
      </c>
      <c r="EE22" s="277">
        <v>1</v>
      </c>
      <c r="EF22" s="281">
        <v>1</v>
      </c>
      <c r="EG22" s="278">
        <v>2</v>
      </c>
      <c r="EH22" s="280">
        <v>0</v>
      </c>
      <c r="EI22" s="281">
        <v>5</v>
      </c>
      <c r="EJ22" s="281">
        <v>4</v>
      </c>
      <c r="EK22" s="281">
        <v>5</v>
      </c>
      <c r="EL22" s="281">
        <v>6</v>
      </c>
      <c r="EM22" s="281">
        <v>3</v>
      </c>
      <c r="EN22" s="278">
        <v>23</v>
      </c>
      <c r="EO22" s="283">
        <v>25</v>
      </c>
      <c r="EP22" s="277">
        <v>11</v>
      </c>
      <c r="EQ22" s="281">
        <v>25</v>
      </c>
      <c r="ER22" s="278">
        <v>36</v>
      </c>
      <c r="ES22" s="280">
        <v>0</v>
      </c>
      <c r="ET22" s="281">
        <v>57</v>
      </c>
      <c r="EU22" s="281">
        <v>40</v>
      </c>
      <c r="EV22" s="281">
        <v>20</v>
      </c>
      <c r="EW22" s="281">
        <v>12</v>
      </c>
      <c r="EX22" s="281">
        <v>7</v>
      </c>
      <c r="EY22" s="278">
        <v>136</v>
      </c>
      <c r="EZ22" s="283">
        <v>172</v>
      </c>
    </row>
    <row r="23" spans="2:156" ht="19.5" customHeight="1" x14ac:dyDescent="0.2">
      <c r="B23" s="262" t="s">
        <v>21</v>
      </c>
      <c r="C23" s="277">
        <v>0</v>
      </c>
      <c r="D23" s="281">
        <v>0</v>
      </c>
      <c r="E23" s="385">
        <v>0</v>
      </c>
      <c r="F23" s="280">
        <v>0</v>
      </c>
      <c r="G23" s="281">
        <v>9</v>
      </c>
      <c r="H23" s="281">
        <v>13</v>
      </c>
      <c r="I23" s="281">
        <v>3</v>
      </c>
      <c r="J23" s="281">
        <v>1</v>
      </c>
      <c r="K23" s="281">
        <v>2</v>
      </c>
      <c r="L23" s="282">
        <v>28</v>
      </c>
      <c r="M23" s="283">
        <v>28</v>
      </c>
      <c r="N23" s="277">
        <v>0</v>
      </c>
      <c r="O23" s="281">
        <v>0</v>
      </c>
      <c r="P23" s="278">
        <v>0</v>
      </c>
      <c r="Q23" s="280">
        <v>0</v>
      </c>
      <c r="R23" s="281">
        <v>0</v>
      </c>
      <c r="S23" s="281">
        <v>1</v>
      </c>
      <c r="T23" s="281">
        <v>1</v>
      </c>
      <c r="U23" s="281">
        <v>1</v>
      </c>
      <c r="V23" s="281">
        <v>3</v>
      </c>
      <c r="W23" s="278">
        <v>6</v>
      </c>
      <c r="X23" s="283">
        <v>6</v>
      </c>
      <c r="Y23" s="277">
        <v>2</v>
      </c>
      <c r="Z23" s="281">
        <v>2</v>
      </c>
      <c r="AA23" s="278">
        <v>4</v>
      </c>
      <c r="AB23" s="280">
        <v>0</v>
      </c>
      <c r="AC23" s="281">
        <v>11</v>
      </c>
      <c r="AD23" s="281">
        <v>11</v>
      </c>
      <c r="AE23" s="281">
        <v>5</v>
      </c>
      <c r="AF23" s="281">
        <v>2</v>
      </c>
      <c r="AG23" s="281">
        <v>5</v>
      </c>
      <c r="AH23" s="278">
        <v>34</v>
      </c>
      <c r="AI23" s="283">
        <v>38</v>
      </c>
      <c r="AJ23" s="277">
        <v>1</v>
      </c>
      <c r="AK23" s="281">
        <v>0</v>
      </c>
      <c r="AL23" s="278">
        <v>1</v>
      </c>
      <c r="AM23" s="280">
        <v>0</v>
      </c>
      <c r="AN23" s="281">
        <v>0</v>
      </c>
      <c r="AO23" s="281">
        <v>2</v>
      </c>
      <c r="AP23" s="281">
        <v>0</v>
      </c>
      <c r="AQ23" s="281">
        <v>0</v>
      </c>
      <c r="AR23" s="281">
        <v>1</v>
      </c>
      <c r="AS23" s="278">
        <v>3</v>
      </c>
      <c r="AT23" s="283">
        <v>4</v>
      </c>
      <c r="AU23" s="277">
        <v>7</v>
      </c>
      <c r="AV23" s="281">
        <v>2</v>
      </c>
      <c r="AW23" s="278">
        <v>9</v>
      </c>
      <c r="AX23" s="280">
        <v>0</v>
      </c>
      <c r="AY23" s="281">
        <v>12</v>
      </c>
      <c r="AZ23" s="281">
        <v>9</v>
      </c>
      <c r="BA23" s="281">
        <v>9</v>
      </c>
      <c r="BB23" s="281">
        <v>6</v>
      </c>
      <c r="BC23" s="281">
        <v>7</v>
      </c>
      <c r="BD23" s="282">
        <v>43</v>
      </c>
      <c r="BE23" s="283">
        <v>52</v>
      </c>
      <c r="BF23" s="277">
        <v>0</v>
      </c>
      <c r="BG23" s="281">
        <v>0</v>
      </c>
      <c r="BH23" s="278">
        <v>0</v>
      </c>
      <c r="BI23" s="280">
        <v>0</v>
      </c>
      <c r="BJ23" s="281">
        <v>17</v>
      </c>
      <c r="BK23" s="281">
        <v>18</v>
      </c>
      <c r="BL23" s="281">
        <v>7</v>
      </c>
      <c r="BM23" s="281">
        <v>7</v>
      </c>
      <c r="BN23" s="281">
        <v>0</v>
      </c>
      <c r="BO23" s="278">
        <v>49</v>
      </c>
      <c r="BP23" s="283">
        <v>49</v>
      </c>
      <c r="BQ23" s="277">
        <v>3</v>
      </c>
      <c r="BR23" s="281">
        <v>1</v>
      </c>
      <c r="BS23" s="278">
        <v>4</v>
      </c>
      <c r="BT23" s="280">
        <v>0</v>
      </c>
      <c r="BU23" s="281">
        <v>1</v>
      </c>
      <c r="BV23" s="281">
        <v>2</v>
      </c>
      <c r="BW23" s="281">
        <v>1</v>
      </c>
      <c r="BX23" s="281">
        <v>1</v>
      </c>
      <c r="BY23" s="281">
        <v>1</v>
      </c>
      <c r="BZ23" s="278">
        <v>6</v>
      </c>
      <c r="CA23" s="283">
        <v>10</v>
      </c>
      <c r="CB23" s="277">
        <v>1</v>
      </c>
      <c r="CC23" s="281">
        <v>0</v>
      </c>
      <c r="CD23" s="278">
        <v>1</v>
      </c>
      <c r="CE23" s="280">
        <v>0</v>
      </c>
      <c r="CF23" s="281">
        <v>3</v>
      </c>
      <c r="CG23" s="281">
        <v>3</v>
      </c>
      <c r="CH23" s="281">
        <v>3</v>
      </c>
      <c r="CI23" s="281">
        <v>3</v>
      </c>
      <c r="CJ23" s="281">
        <v>2</v>
      </c>
      <c r="CK23" s="278">
        <v>14</v>
      </c>
      <c r="CL23" s="283">
        <v>15</v>
      </c>
      <c r="CM23" s="277">
        <v>0</v>
      </c>
      <c r="CN23" s="281">
        <v>0</v>
      </c>
      <c r="CO23" s="278">
        <v>0</v>
      </c>
      <c r="CP23" s="280">
        <v>0</v>
      </c>
      <c r="CQ23" s="281">
        <v>0</v>
      </c>
      <c r="CR23" s="281">
        <v>2</v>
      </c>
      <c r="CS23" s="281">
        <v>0</v>
      </c>
      <c r="CT23" s="281">
        <v>0</v>
      </c>
      <c r="CU23" s="281">
        <v>1</v>
      </c>
      <c r="CV23" s="278">
        <v>3</v>
      </c>
      <c r="CW23" s="283">
        <v>3</v>
      </c>
      <c r="CX23" s="277">
        <v>0</v>
      </c>
      <c r="CY23" s="281">
        <v>0</v>
      </c>
      <c r="CZ23" s="278">
        <v>0</v>
      </c>
      <c r="DA23" s="280">
        <v>0</v>
      </c>
      <c r="DB23" s="281">
        <v>0</v>
      </c>
      <c r="DC23" s="281">
        <v>0</v>
      </c>
      <c r="DD23" s="281">
        <v>0</v>
      </c>
      <c r="DE23" s="281">
        <v>0</v>
      </c>
      <c r="DF23" s="281">
        <v>0</v>
      </c>
      <c r="DG23" s="278">
        <v>0</v>
      </c>
      <c r="DH23" s="283">
        <v>0</v>
      </c>
      <c r="DI23" s="277">
        <v>0</v>
      </c>
      <c r="DJ23" s="281">
        <v>0</v>
      </c>
      <c r="DK23" s="278">
        <v>0</v>
      </c>
      <c r="DL23" s="280">
        <v>0</v>
      </c>
      <c r="DM23" s="281">
        <v>0</v>
      </c>
      <c r="DN23" s="281">
        <v>0</v>
      </c>
      <c r="DO23" s="281">
        <v>0</v>
      </c>
      <c r="DP23" s="281">
        <v>0</v>
      </c>
      <c r="DQ23" s="281">
        <v>0</v>
      </c>
      <c r="DR23" s="278">
        <v>0</v>
      </c>
      <c r="DS23" s="283">
        <v>0</v>
      </c>
      <c r="DT23" s="277">
        <v>9</v>
      </c>
      <c r="DU23" s="281">
        <v>9</v>
      </c>
      <c r="DV23" s="278">
        <v>18</v>
      </c>
      <c r="DW23" s="280">
        <v>0</v>
      </c>
      <c r="DX23" s="281">
        <v>15</v>
      </c>
      <c r="DY23" s="281">
        <v>31</v>
      </c>
      <c r="DZ23" s="281">
        <v>15</v>
      </c>
      <c r="EA23" s="281">
        <v>8</v>
      </c>
      <c r="EB23" s="281">
        <v>5</v>
      </c>
      <c r="EC23" s="278">
        <v>74</v>
      </c>
      <c r="ED23" s="283">
        <v>92</v>
      </c>
      <c r="EE23" s="277">
        <v>3</v>
      </c>
      <c r="EF23" s="281">
        <v>1</v>
      </c>
      <c r="EG23" s="278">
        <v>4</v>
      </c>
      <c r="EH23" s="280">
        <v>0</v>
      </c>
      <c r="EI23" s="281">
        <v>3</v>
      </c>
      <c r="EJ23" s="281">
        <v>3</v>
      </c>
      <c r="EK23" s="281">
        <v>5</v>
      </c>
      <c r="EL23" s="281">
        <v>2</v>
      </c>
      <c r="EM23" s="281">
        <v>3</v>
      </c>
      <c r="EN23" s="278">
        <v>16</v>
      </c>
      <c r="EO23" s="283">
        <v>20</v>
      </c>
      <c r="EP23" s="277">
        <v>14</v>
      </c>
      <c r="EQ23" s="281">
        <v>11</v>
      </c>
      <c r="ER23" s="278">
        <v>25</v>
      </c>
      <c r="ES23" s="280">
        <v>0</v>
      </c>
      <c r="ET23" s="281">
        <v>44</v>
      </c>
      <c r="EU23" s="281">
        <v>41</v>
      </c>
      <c r="EV23" s="281">
        <v>17</v>
      </c>
      <c r="EW23" s="281">
        <v>8</v>
      </c>
      <c r="EX23" s="281">
        <v>6</v>
      </c>
      <c r="EY23" s="278">
        <v>116</v>
      </c>
      <c r="EZ23" s="283">
        <v>141</v>
      </c>
    </row>
    <row r="24" spans="2:156" ht="19.5" customHeight="1" x14ac:dyDescent="0.2">
      <c r="B24" s="262" t="s">
        <v>22</v>
      </c>
      <c r="C24" s="277">
        <v>0</v>
      </c>
      <c r="D24" s="281">
        <v>0</v>
      </c>
      <c r="E24" s="385">
        <v>0</v>
      </c>
      <c r="F24" s="280">
        <v>0</v>
      </c>
      <c r="G24" s="281">
        <v>6</v>
      </c>
      <c r="H24" s="281">
        <v>2</v>
      </c>
      <c r="I24" s="281">
        <v>2</v>
      </c>
      <c r="J24" s="281">
        <v>2</v>
      </c>
      <c r="K24" s="281">
        <v>2</v>
      </c>
      <c r="L24" s="282">
        <v>14</v>
      </c>
      <c r="M24" s="283">
        <v>14</v>
      </c>
      <c r="N24" s="277">
        <v>0</v>
      </c>
      <c r="O24" s="281">
        <v>0</v>
      </c>
      <c r="P24" s="278">
        <v>0</v>
      </c>
      <c r="Q24" s="280">
        <v>0</v>
      </c>
      <c r="R24" s="281">
        <v>0</v>
      </c>
      <c r="S24" s="281">
        <v>0</v>
      </c>
      <c r="T24" s="281">
        <v>0</v>
      </c>
      <c r="U24" s="281">
        <v>2</v>
      </c>
      <c r="V24" s="281">
        <v>3</v>
      </c>
      <c r="W24" s="278">
        <v>5</v>
      </c>
      <c r="X24" s="283">
        <v>5</v>
      </c>
      <c r="Y24" s="277">
        <v>2</v>
      </c>
      <c r="Z24" s="281">
        <v>1</v>
      </c>
      <c r="AA24" s="278">
        <v>3</v>
      </c>
      <c r="AB24" s="280">
        <v>0</v>
      </c>
      <c r="AC24" s="281">
        <v>4</v>
      </c>
      <c r="AD24" s="281">
        <v>6</v>
      </c>
      <c r="AE24" s="281">
        <v>0</v>
      </c>
      <c r="AF24" s="281">
        <v>2</v>
      </c>
      <c r="AG24" s="281">
        <v>3</v>
      </c>
      <c r="AH24" s="278">
        <v>15</v>
      </c>
      <c r="AI24" s="283">
        <v>18</v>
      </c>
      <c r="AJ24" s="277">
        <v>0</v>
      </c>
      <c r="AK24" s="281">
        <v>0</v>
      </c>
      <c r="AL24" s="278">
        <v>0</v>
      </c>
      <c r="AM24" s="280">
        <v>0</v>
      </c>
      <c r="AN24" s="281">
        <v>2</v>
      </c>
      <c r="AO24" s="281">
        <v>0</v>
      </c>
      <c r="AP24" s="281">
        <v>0</v>
      </c>
      <c r="AQ24" s="281">
        <v>1</v>
      </c>
      <c r="AR24" s="281">
        <v>0</v>
      </c>
      <c r="AS24" s="278">
        <v>3</v>
      </c>
      <c r="AT24" s="283">
        <v>3</v>
      </c>
      <c r="AU24" s="277">
        <v>0</v>
      </c>
      <c r="AV24" s="281">
        <v>1</v>
      </c>
      <c r="AW24" s="278">
        <v>1</v>
      </c>
      <c r="AX24" s="280">
        <v>0</v>
      </c>
      <c r="AY24" s="281">
        <v>4</v>
      </c>
      <c r="AZ24" s="281">
        <v>4</v>
      </c>
      <c r="BA24" s="281">
        <v>2</v>
      </c>
      <c r="BB24" s="281">
        <v>10</v>
      </c>
      <c r="BC24" s="281">
        <v>1</v>
      </c>
      <c r="BD24" s="282">
        <v>21</v>
      </c>
      <c r="BE24" s="283">
        <v>22</v>
      </c>
      <c r="BF24" s="277">
        <v>0</v>
      </c>
      <c r="BG24" s="281">
        <v>0</v>
      </c>
      <c r="BH24" s="278">
        <v>0</v>
      </c>
      <c r="BI24" s="280">
        <v>0</v>
      </c>
      <c r="BJ24" s="281">
        <v>8</v>
      </c>
      <c r="BK24" s="281">
        <v>5</v>
      </c>
      <c r="BL24" s="281">
        <v>2</v>
      </c>
      <c r="BM24" s="281">
        <v>5</v>
      </c>
      <c r="BN24" s="281">
        <v>3</v>
      </c>
      <c r="BO24" s="278">
        <v>23</v>
      </c>
      <c r="BP24" s="283">
        <v>23</v>
      </c>
      <c r="BQ24" s="277">
        <v>0</v>
      </c>
      <c r="BR24" s="281">
        <v>0</v>
      </c>
      <c r="BS24" s="278">
        <v>0</v>
      </c>
      <c r="BT24" s="280">
        <v>0</v>
      </c>
      <c r="BU24" s="281">
        <v>0</v>
      </c>
      <c r="BV24" s="281">
        <v>1</v>
      </c>
      <c r="BW24" s="281">
        <v>0</v>
      </c>
      <c r="BX24" s="281">
        <v>1</v>
      </c>
      <c r="BY24" s="281">
        <v>0</v>
      </c>
      <c r="BZ24" s="278">
        <v>2</v>
      </c>
      <c r="CA24" s="283">
        <v>2</v>
      </c>
      <c r="CB24" s="277">
        <v>0</v>
      </c>
      <c r="CC24" s="281">
        <v>0</v>
      </c>
      <c r="CD24" s="278">
        <v>0</v>
      </c>
      <c r="CE24" s="280">
        <v>0</v>
      </c>
      <c r="CF24" s="281">
        <v>0</v>
      </c>
      <c r="CG24" s="281">
        <v>0</v>
      </c>
      <c r="CH24" s="281">
        <v>0</v>
      </c>
      <c r="CI24" s="281">
        <v>0</v>
      </c>
      <c r="CJ24" s="281">
        <v>0</v>
      </c>
      <c r="CK24" s="278">
        <v>0</v>
      </c>
      <c r="CL24" s="283">
        <v>0</v>
      </c>
      <c r="CM24" s="277">
        <v>0</v>
      </c>
      <c r="CN24" s="281">
        <v>0</v>
      </c>
      <c r="CO24" s="278">
        <v>0</v>
      </c>
      <c r="CP24" s="280">
        <v>0</v>
      </c>
      <c r="CQ24" s="281">
        <v>0</v>
      </c>
      <c r="CR24" s="281">
        <v>0</v>
      </c>
      <c r="CS24" s="281">
        <v>0</v>
      </c>
      <c r="CT24" s="281">
        <v>1</v>
      </c>
      <c r="CU24" s="281">
        <v>0</v>
      </c>
      <c r="CV24" s="278">
        <v>1</v>
      </c>
      <c r="CW24" s="283">
        <v>1</v>
      </c>
      <c r="CX24" s="277">
        <v>0</v>
      </c>
      <c r="CY24" s="281">
        <v>0</v>
      </c>
      <c r="CZ24" s="278">
        <v>0</v>
      </c>
      <c r="DA24" s="280">
        <v>0</v>
      </c>
      <c r="DB24" s="281">
        <v>0</v>
      </c>
      <c r="DC24" s="281">
        <v>0</v>
      </c>
      <c r="DD24" s="281">
        <v>0</v>
      </c>
      <c r="DE24" s="281">
        <v>0</v>
      </c>
      <c r="DF24" s="281">
        <v>0</v>
      </c>
      <c r="DG24" s="278">
        <v>0</v>
      </c>
      <c r="DH24" s="283">
        <v>0</v>
      </c>
      <c r="DI24" s="277">
        <v>0</v>
      </c>
      <c r="DJ24" s="281">
        <v>0</v>
      </c>
      <c r="DK24" s="278">
        <v>0</v>
      </c>
      <c r="DL24" s="280">
        <v>0</v>
      </c>
      <c r="DM24" s="281">
        <v>0</v>
      </c>
      <c r="DN24" s="281">
        <v>0</v>
      </c>
      <c r="DO24" s="281">
        <v>0</v>
      </c>
      <c r="DP24" s="281">
        <v>0</v>
      </c>
      <c r="DQ24" s="281">
        <v>0</v>
      </c>
      <c r="DR24" s="278">
        <v>0</v>
      </c>
      <c r="DS24" s="283">
        <v>0</v>
      </c>
      <c r="DT24" s="277">
        <v>1</v>
      </c>
      <c r="DU24" s="281">
        <v>6</v>
      </c>
      <c r="DV24" s="278">
        <v>7</v>
      </c>
      <c r="DW24" s="280">
        <v>0</v>
      </c>
      <c r="DX24" s="281">
        <v>12</v>
      </c>
      <c r="DY24" s="281">
        <v>12</v>
      </c>
      <c r="DZ24" s="281">
        <v>4</v>
      </c>
      <c r="EA24" s="281">
        <v>7</v>
      </c>
      <c r="EB24" s="281">
        <v>3</v>
      </c>
      <c r="EC24" s="278">
        <v>38</v>
      </c>
      <c r="ED24" s="283">
        <v>45</v>
      </c>
      <c r="EE24" s="277">
        <v>0</v>
      </c>
      <c r="EF24" s="281">
        <v>1</v>
      </c>
      <c r="EG24" s="278">
        <v>1</v>
      </c>
      <c r="EH24" s="280">
        <v>0</v>
      </c>
      <c r="EI24" s="281">
        <v>2</v>
      </c>
      <c r="EJ24" s="281">
        <v>3</v>
      </c>
      <c r="EK24" s="281">
        <v>2</v>
      </c>
      <c r="EL24" s="281">
        <v>5</v>
      </c>
      <c r="EM24" s="281">
        <v>2</v>
      </c>
      <c r="EN24" s="278">
        <v>14</v>
      </c>
      <c r="EO24" s="283">
        <v>15</v>
      </c>
      <c r="EP24" s="277">
        <v>2</v>
      </c>
      <c r="EQ24" s="281">
        <v>6</v>
      </c>
      <c r="ER24" s="278">
        <v>8</v>
      </c>
      <c r="ES24" s="280">
        <v>0</v>
      </c>
      <c r="ET24" s="281">
        <v>24</v>
      </c>
      <c r="EU24" s="281">
        <v>14</v>
      </c>
      <c r="EV24" s="281">
        <v>7</v>
      </c>
      <c r="EW24" s="281">
        <v>8</v>
      </c>
      <c r="EX24" s="281">
        <v>5</v>
      </c>
      <c r="EY24" s="278">
        <v>58</v>
      </c>
      <c r="EZ24" s="283">
        <v>66</v>
      </c>
    </row>
    <row r="25" spans="2:156" ht="19.5" customHeight="1" x14ac:dyDescent="0.2">
      <c r="B25" s="262" t="s">
        <v>23</v>
      </c>
      <c r="C25" s="277">
        <v>0</v>
      </c>
      <c r="D25" s="281">
        <v>0</v>
      </c>
      <c r="E25" s="385">
        <v>0</v>
      </c>
      <c r="F25" s="280">
        <v>0</v>
      </c>
      <c r="G25" s="281">
        <v>1</v>
      </c>
      <c r="H25" s="281">
        <v>9</v>
      </c>
      <c r="I25" s="281">
        <v>4</v>
      </c>
      <c r="J25" s="281">
        <v>2</v>
      </c>
      <c r="K25" s="281">
        <v>1</v>
      </c>
      <c r="L25" s="282">
        <v>17</v>
      </c>
      <c r="M25" s="283">
        <v>17</v>
      </c>
      <c r="N25" s="277">
        <v>0</v>
      </c>
      <c r="O25" s="281">
        <v>0</v>
      </c>
      <c r="P25" s="278">
        <v>0</v>
      </c>
      <c r="Q25" s="280">
        <v>0</v>
      </c>
      <c r="R25" s="281">
        <v>0</v>
      </c>
      <c r="S25" s="281">
        <v>1</v>
      </c>
      <c r="T25" s="281">
        <v>1</v>
      </c>
      <c r="U25" s="281">
        <v>1</v>
      </c>
      <c r="V25" s="281">
        <v>0</v>
      </c>
      <c r="W25" s="278">
        <v>3</v>
      </c>
      <c r="X25" s="283">
        <v>3</v>
      </c>
      <c r="Y25" s="277">
        <v>3</v>
      </c>
      <c r="Z25" s="281">
        <v>1</v>
      </c>
      <c r="AA25" s="278">
        <v>4</v>
      </c>
      <c r="AB25" s="280">
        <v>0</v>
      </c>
      <c r="AC25" s="281">
        <v>4</v>
      </c>
      <c r="AD25" s="281">
        <v>10</v>
      </c>
      <c r="AE25" s="281">
        <v>6</v>
      </c>
      <c r="AF25" s="281">
        <v>5</v>
      </c>
      <c r="AG25" s="281">
        <v>1</v>
      </c>
      <c r="AH25" s="278">
        <v>26</v>
      </c>
      <c r="AI25" s="283">
        <v>30</v>
      </c>
      <c r="AJ25" s="277">
        <v>0</v>
      </c>
      <c r="AK25" s="281">
        <v>1</v>
      </c>
      <c r="AL25" s="278">
        <v>1</v>
      </c>
      <c r="AM25" s="280">
        <v>0</v>
      </c>
      <c r="AN25" s="281">
        <v>0</v>
      </c>
      <c r="AO25" s="281">
        <v>3</v>
      </c>
      <c r="AP25" s="281">
        <v>0</v>
      </c>
      <c r="AQ25" s="281">
        <v>0</v>
      </c>
      <c r="AR25" s="281">
        <v>0</v>
      </c>
      <c r="AS25" s="278">
        <v>3</v>
      </c>
      <c r="AT25" s="283">
        <v>4</v>
      </c>
      <c r="AU25" s="277">
        <v>0</v>
      </c>
      <c r="AV25" s="281">
        <v>0</v>
      </c>
      <c r="AW25" s="278">
        <v>0</v>
      </c>
      <c r="AX25" s="280">
        <v>0</v>
      </c>
      <c r="AY25" s="281">
        <v>6</v>
      </c>
      <c r="AZ25" s="281">
        <v>8</v>
      </c>
      <c r="BA25" s="281">
        <v>10</v>
      </c>
      <c r="BB25" s="281">
        <v>14</v>
      </c>
      <c r="BC25" s="281">
        <v>2</v>
      </c>
      <c r="BD25" s="282">
        <v>40</v>
      </c>
      <c r="BE25" s="283">
        <v>40</v>
      </c>
      <c r="BF25" s="277">
        <v>0</v>
      </c>
      <c r="BG25" s="281">
        <v>0</v>
      </c>
      <c r="BH25" s="278">
        <v>0</v>
      </c>
      <c r="BI25" s="280">
        <v>0</v>
      </c>
      <c r="BJ25" s="281">
        <v>12</v>
      </c>
      <c r="BK25" s="281">
        <v>12</v>
      </c>
      <c r="BL25" s="281">
        <v>6</v>
      </c>
      <c r="BM25" s="281">
        <v>6</v>
      </c>
      <c r="BN25" s="281">
        <v>0</v>
      </c>
      <c r="BO25" s="278">
        <v>36</v>
      </c>
      <c r="BP25" s="283">
        <v>36</v>
      </c>
      <c r="BQ25" s="277">
        <v>0</v>
      </c>
      <c r="BR25" s="281">
        <v>0</v>
      </c>
      <c r="BS25" s="278">
        <v>0</v>
      </c>
      <c r="BT25" s="280">
        <v>0</v>
      </c>
      <c r="BU25" s="281">
        <v>0</v>
      </c>
      <c r="BV25" s="281">
        <v>5</v>
      </c>
      <c r="BW25" s="281">
        <v>5</v>
      </c>
      <c r="BX25" s="281">
        <v>1</v>
      </c>
      <c r="BY25" s="281">
        <v>0</v>
      </c>
      <c r="BZ25" s="278">
        <v>11</v>
      </c>
      <c r="CA25" s="283">
        <v>11</v>
      </c>
      <c r="CB25" s="277">
        <v>0</v>
      </c>
      <c r="CC25" s="281">
        <v>0</v>
      </c>
      <c r="CD25" s="278">
        <v>0</v>
      </c>
      <c r="CE25" s="280">
        <v>0</v>
      </c>
      <c r="CF25" s="281">
        <v>2</v>
      </c>
      <c r="CG25" s="281">
        <v>1</v>
      </c>
      <c r="CH25" s="281">
        <v>2</v>
      </c>
      <c r="CI25" s="281">
        <v>2</v>
      </c>
      <c r="CJ25" s="281">
        <v>1</v>
      </c>
      <c r="CK25" s="278">
        <v>8</v>
      </c>
      <c r="CL25" s="283">
        <v>8</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c r="DI25" s="277">
        <v>0</v>
      </c>
      <c r="DJ25" s="281">
        <v>0</v>
      </c>
      <c r="DK25" s="278">
        <v>0</v>
      </c>
      <c r="DL25" s="280">
        <v>0</v>
      </c>
      <c r="DM25" s="281">
        <v>0</v>
      </c>
      <c r="DN25" s="281">
        <v>0</v>
      </c>
      <c r="DO25" s="281">
        <v>0</v>
      </c>
      <c r="DP25" s="281">
        <v>0</v>
      </c>
      <c r="DQ25" s="281">
        <v>0</v>
      </c>
      <c r="DR25" s="278">
        <v>0</v>
      </c>
      <c r="DS25" s="283">
        <v>0</v>
      </c>
      <c r="DT25" s="277">
        <v>3</v>
      </c>
      <c r="DU25" s="281">
        <v>6</v>
      </c>
      <c r="DV25" s="278">
        <v>9</v>
      </c>
      <c r="DW25" s="280">
        <v>0</v>
      </c>
      <c r="DX25" s="281">
        <v>11</v>
      </c>
      <c r="DY25" s="281">
        <v>21</v>
      </c>
      <c r="DZ25" s="281">
        <v>11</v>
      </c>
      <c r="EA25" s="281">
        <v>8</v>
      </c>
      <c r="EB25" s="281">
        <v>3</v>
      </c>
      <c r="EC25" s="278">
        <v>54</v>
      </c>
      <c r="ED25" s="283">
        <v>63</v>
      </c>
      <c r="EE25" s="277">
        <v>0</v>
      </c>
      <c r="EF25" s="281">
        <v>0</v>
      </c>
      <c r="EG25" s="278">
        <v>0</v>
      </c>
      <c r="EH25" s="280">
        <v>0</v>
      </c>
      <c r="EI25" s="281">
        <v>4</v>
      </c>
      <c r="EJ25" s="281">
        <v>2</v>
      </c>
      <c r="EK25" s="281">
        <v>3</v>
      </c>
      <c r="EL25" s="281">
        <v>10</v>
      </c>
      <c r="EM25" s="281">
        <v>2</v>
      </c>
      <c r="EN25" s="278">
        <v>21</v>
      </c>
      <c r="EO25" s="283">
        <v>21</v>
      </c>
      <c r="EP25" s="277">
        <v>4</v>
      </c>
      <c r="EQ25" s="281">
        <v>8</v>
      </c>
      <c r="ER25" s="278">
        <v>12</v>
      </c>
      <c r="ES25" s="280">
        <v>0</v>
      </c>
      <c r="ET25" s="281">
        <v>22</v>
      </c>
      <c r="EU25" s="281">
        <v>32</v>
      </c>
      <c r="EV25" s="281">
        <v>15</v>
      </c>
      <c r="EW25" s="281">
        <v>9</v>
      </c>
      <c r="EX25" s="281">
        <v>3</v>
      </c>
      <c r="EY25" s="278">
        <v>81</v>
      </c>
      <c r="EZ25" s="283">
        <v>93</v>
      </c>
    </row>
    <row r="26" spans="2:156" ht="19.5" customHeight="1" x14ac:dyDescent="0.2">
      <c r="B26" s="262" t="s">
        <v>24</v>
      </c>
      <c r="C26" s="277">
        <v>0</v>
      </c>
      <c r="D26" s="281">
        <v>0</v>
      </c>
      <c r="E26" s="385">
        <v>0</v>
      </c>
      <c r="F26" s="280">
        <v>0</v>
      </c>
      <c r="G26" s="281">
        <v>6</v>
      </c>
      <c r="H26" s="281">
        <v>6</v>
      </c>
      <c r="I26" s="281">
        <v>5</v>
      </c>
      <c r="J26" s="281">
        <v>7</v>
      </c>
      <c r="K26" s="281">
        <v>5</v>
      </c>
      <c r="L26" s="282">
        <v>29</v>
      </c>
      <c r="M26" s="283">
        <v>29</v>
      </c>
      <c r="N26" s="277">
        <v>0</v>
      </c>
      <c r="O26" s="281">
        <v>0</v>
      </c>
      <c r="P26" s="278">
        <v>0</v>
      </c>
      <c r="Q26" s="280">
        <v>0</v>
      </c>
      <c r="R26" s="281">
        <v>0</v>
      </c>
      <c r="S26" s="281">
        <v>0</v>
      </c>
      <c r="T26" s="281">
        <v>0</v>
      </c>
      <c r="U26" s="281">
        <v>1</v>
      </c>
      <c r="V26" s="281">
        <v>5</v>
      </c>
      <c r="W26" s="278">
        <v>6</v>
      </c>
      <c r="X26" s="283">
        <v>6</v>
      </c>
      <c r="Y26" s="277">
        <v>0</v>
      </c>
      <c r="Z26" s="281">
        <v>1</v>
      </c>
      <c r="AA26" s="278">
        <v>1</v>
      </c>
      <c r="AB26" s="280">
        <v>0</v>
      </c>
      <c r="AC26" s="281">
        <v>8</v>
      </c>
      <c r="AD26" s="281">
        <v>2</v>
      </c>
      <c r="AE26" s="281">
        <v>4</v>
      </c>
      <c r="AF26" s="281">
        <v>3</v>
      </c>
      <c r="AG26" s="281">
        <v>6</v>
      </c>
      <c r="AH26" s="278">
        <v>23</v>
      </c>
      <c r="AI26" s="283">
        <v>24</v>
      </c>
      <c r="AJ26" s="277">
        <v>0</v>
      </c>
      <c r="AK26" s="281">
        <v>0</v>
      </c>
      <c r="AL26" s="278">
        <v>0</v>
      </c>
      <c r="AM26" s="280">
        <v>0</v>
      </c>
      <c r="AN26" s="281">
        <v>0</v>
      </c>
      <c r="AO26" s="281">
        <v>0</v>
      </c>
      <c r="AP26" s="281">
        <v>0</v>
      </c>
      <c r="AQ26" s="281">
        <v>1</v>
      </c>
      <c r="AR26" s="281">
        <v>1</v>
      </c>
      <c r="AS26" s="278">
        <v>2</v>
      </c>
      <c r="AT26" s="283">
        <v>2</v>
      </c>
      <c r="AU26" s="277">
        <v>4</v>
      </c>
      <c r="AV26" s="281">
        <v>2</v>
      </c>
      <c r="AW26" s="278">
        <v>6</v>
      </c>
      <c r="AX26" s="280">
        <v>0</v>
      </c>
      <c r="AY26" s="281">
        <v>7</v>
      </c>
      <c r="AZ26" s="281">
        <v>11</v>
      </c>
      <c r="BA26" s="281">
        <v>5</v>
      </c>
      <c r="BB26" s="281">
        <v>14</v>
      </c>
      <c r="BC26" s="281">
        <v>9</v>
      </c>
      <c r="BD26" s="282">
        <v>46</v>
      </c>
      <c r="BE26" s="283">
        <v>52</v>
      </c>
      <c r="BF26" s="277">
        <v>0</v>
      </c>
      <c r="BG26" s="281">
        <v>0</v>
      </c>
      <c r="BH26" s="278">
        <v>0</v>
      </c>
      <c r="BI26" s="280">
        <v>0</v>
      </c>
      <c r="BJ26" s="281">
        <v>9</v>
      </c>
      <c r="BK26" s="281">
        <v>8</v>
      </c>
      <c r="BL26" s="281">
        <v>0</v>
      </c>
      <c r="BM26" s="281">
        <v>1</v>
      </c>
      <c r="BN26" s="281">
        <v>0</v>
      </c>
      <c r="BO26" s="278">
        <v>18</v>
      </c>
      <c r="BP26" s="283">
        <v>18</v>
      </c>
      <c r="BQ26" s="277">
        <v>1</v>
      </c>
      <c r="BR26" s="281">
        <v>1</v>
      </c>
      <c r="BS26" s="278">
        <v>2</v>
      </c>
      <c r="BT26" s="280">
        <v>0</v>
      </c>
      <c r="BU26" s="281">
        <v>6</v>
      </c>
      <c r="BV26" s="281">
        <v>3</v>
      </c>
      <c r="BW26" s="281">
        <v>1</v>
      </c>
      <c r="BX26" s="281">
        <v>3</v>
      </c>
      <c r="BY26" s="281">
        <v>2</v>
      </c>
      <c r="BZ26" s="278">
        <v>15</v>
      </c>
      <c r="CA26" s="283">
        <v>17</v>
      </c>
      <c r="CB26" s="277">
        <v>0</v>
      </c>
      <c r="CC26" s="281">
        <v>0</v>
      </c>
      <c r="CD26" s="278">
        <v>0</v>
      </c>
      <c r="CE26" s="280">
        <v>0</v>
      </c>
      <c r="CF26" s="281">
        <v>0</v>
      </c>
      <c r="CG26" s="281">
        <v>3</v>
      </c>
      <c r="CH26" s="281">
        <v>0</v>
      </c>
      <c r="CI26" s="281">
        <v>1</v>
      </c>
      <c r="CJ26" s="281">
        <v>1</v>
      </c>
      <c r="CK26" s="278">
        <v>5</v>
      </c>
      <c r="CL26" s="283">
        <v>5</v>
      </c>
      <c r="CM26" s="277">
        <v>0</v>
      </c>
      <c r="CN26" s="281">
        <v>0</v>
      </c>
      <c r="CO26" s="278">
        <v>0</v>
      </c>
      <c r="CP26" s="280">
        <v>0</v>
      </c>
      <c r="CQ26" s="281">
        <v>0</v>
      </c>
      <c r="CR26" s="281">
        <v>0</v>
      </c>
      <c r="CS26" s="281">
        <v>0</v>
      </c>
      <c r="CT26" s="281">
        <v>1</v>
      </c>
      <c r="CU26" s="281">
        <v>0</v>
      </c>
      <c r="CV26" s="278">
        <v>1</v>
      </c>
      <c r="CW26" s="283">
        <v>1</v>
      </c>
      <c r="CX26" s="277">
        <v>0</v>
      </c>
      <c r="CY26" s="281">
        <v>0</v>
      </c>
      <c r="CZ26" s="278">
        <v>0</v>
      </c>
      <c r="DA26" s="280">
        <v>0</v>
      </c>
      <c r="DB26" s="281">
        <v>0</v>
      </c>
      <c r="DC26" s="281">
        <v>0</v>
      </c>
      <c r="DD26" s="281">
        <v>0</v>
      </c>
      <c r="DE26" s="281">
        <v>0</v>
      </c>
      <c r="DF26" s="281">
        <v>0</v>
      </c>
      <c r="DG26" s="278">
        <v>0</v>
      </c>
      <c r="DH26" s="283">
        <v>0</v>
      </c>
      <c r="DI26" s="277">
        <v>0</v>
      </c>
      <c r="DJ26" s="281">
        <v>0</v>
      </c>
      <c r="DK26" s="278">
        <v>0</v>
      </c>
      <c r="DL26" s="280">
        <v>0</v>
      </c>
      <c r="DM26" s="281">
        <v>0</v>
      </c>
      <c r="DN26" s="281">
        <v>0</v>
      </c>
      <c r="DO26" s="281">
        <v>0</v>
      </c>
      <c r="DP26" s="281">
        <v>0</v>
      </c>
      <c r="DQ26" s="281">
        <v>0</v>
      </c>
      <c r="DR26" s="278">
        <v>0</v>
      </c>
      <c r="DS26" s="283">
        <v>0</v>
      </c>
      <c r="DT26" s="277">
        <v>7</v>
      </c>
      <c r="DU26" s="281">
        <v>5</v>
      </c>
      <c r="DV26" s="278">
        <v>12</v>
      </c>
      <c r="DW26" s="280">
        <v>0</v>
      </c>
      <c r="DX26" s="281">
        <v>16</v>
      </c>
      <c r="DY26" s="281">
        <v>13</v>
      </c>
      <c r="DZ26" s="281">
        <v>9</v>
      </c>
      <c r="EA26" s="281">
        <v>7</v>
      </c>
      <c r="EB26" s="281">
        <v>9</v>
      </c>
      <c r="EC26" s="278">
        <v>54</v>
      </c>
      <c r="ED26" s="283">
        <v>66</v>
      </c>
      <c r="EE26" s="277">
        <v>3</v>
      </c>
      <c r="EF26" s="281">
        <v>2</v>
      </c>
      <c r="EG26" s="278">
        <v>5</v>
      </c>
      <c r="EH26" s="280">
        <v>0</v>
      </c>
      <c r="EI26" s="281">
        <v>5</v>
      </c>
      <c r="EJ26" s="281">
        <v>7</v>
      </c>
      <c r="EK26" s="281">
        <v>3</v>
      </c>
      <c r="EL26" s="281">
        <v>8</v>
      </c>
      <c r="EM26" s="281">
        <v>2</v>
      </c>
      <c r="EN26" s="278">
        <v>25</v>
      </c>
      <c r="EO26" s="283">
        <v>30</v>
      </c>
      <c r="EP26" s="277">
        <v>7</v>
      </c>
      <c r="EQ26" s="281">
        <v>6</v>
      </c>
      <c r="ER26" s="278">
        <v>13</v>
      </c>
      <c r="ES26" s="280">
        <v>0</v>
      </c>
      <c r="ET26" s="281">
        <v>22</v>
      </c>
      <c r="EU26" s="281">
        <v>17</v>
      </c>
      <c r="EV26" s="281">
        <v>10</v>
      </c>
      <c r="EW26" s="281">
        <v>10</v>
      </c>
      <c r="EX26" s="281">
        <v>7</v>
      </c>
      <c r="EY26" s="278">
        <v>66</v>
      </c>
      <c r="EZ26" s="283">
        <v>79</v>
      </c>
    </row>
    <row r="27" spans="2:156" ht="19.5" customHeight="1" x14ac:dyDescent="0.2">
      <c r="B27" s="262" t="s">
        <v>25</v>
      </c>
      <c r="C27" s="277">
        <v>0</v>
      </c>
      <c r="D27" s="281">
        <v>0</v>
      </c>
      <c r="E27" s="385">
        <v>0</v>
      </c>
      <c r="F27" s="280">
        <v>0</v>
      </c>
      <c r="G27" s="281">
        <v>4</v>
      </c>
      <c r="H27" s="281">
        <v>2</v>
      </c>
      <c r="I27" s="281">
        <v>2</v>
      </c>
      <c r="J27" s="281">
        <v>2</v>
      </c>
      <c r="K27" s="281">
        <v>1</v>
      </c>
      <c r="L27" s="282">
        <v>11</v>
      </c>
      <c r="M27" s="283">
        <v>11</v>
      </c>
      <c r="N27" s="277">
        <v>0</v>
      </c>
      <c r="O27" s="281">
        <v>0</v>
      </c>
      <c r="P27" s="278">
        <v>0</v>
      </c>
      <c r="Q27" s="280">
        <v>0</v>
      </c>
      <c r="R27" s="281">
        <v>0</v>
      </c>
      <c r="S27" s="281">
        <v>1</v>
      </c>
      <c r="T27" s="281">
        <v>0</v>
      </c>
      <c r="U27" s="281">
        <v>0</v>
      </c>
      <c r="V27" s="281">
        <v>2</v>
      </c>
      <c r="W27" s="278">
        <v>3</v>
      </c>
      <c r="X27" s="283">
        <v>3</v>
      </c>
      <c r="Y27" s="277">
        <v>1</v>
      </c>
      <c r="Z27" s="281">
        <v>3</v>
      </c>
      <c r="AA27" s="278">
        <v>4</v>
      </c>
      <c r="AB27" s="280">
        <v>0</v>
      </c>
      <c r="AC27" s="281">
        <v>1</v>
      </c>
      <c r="AD27" s="281">
        <v>3</v>
      </c>
      <c r="AE27" s="281">
        <v>2</v>
      </c>
      <c r="AF27" s="281">
        <v>2</v>
      </c>
      <c r="AG27" s="281">
        <v>1</v>
      </c>
      <c r="AH27" s="278">
        <v>9</v>
      </c>
      <c r="AI27" s="283">
        <v>13</v>
      </c>
      <c r="AJ27" s="277">
        <v>0</v>
      </c>
      <c r="AK27" s="281">
        <v>0</v>
      </c>
      <c r="AL27" s="278">
        <v>0</v>
      </c>
      <c r="AM27" s="280">
        <v>0</v>
      </c>
      <c r="AN27" s="281">
        <v>0</v>
      </c>
      <c r="AO27" s="281">
        <v>0</v>
      </c>
      <c r="AP27" s="281">
        <v>0</v>
      </c>
      <c r="AQ27" s="281">
        <v>0</v>
      </c>
      <c r="AR27" s="281">
        <v>0</v>
      </c>
      <c r="AS27" s="278">
        <v>0</v>
      </c>
      <c r="AT27" s="283">
        <v>0</v>
      </c>
      <c r="AU27" s="277">
        <v>1</v>
      </c>
      <c r="AV27" s="281">
        <v>0</v>
      </c>
      <c r="AW27" s="278">
        <v>1</v>
      </c>
      <c r="AX27" s="280">
        <v>0</v>
      </c>
      <c r="AY27" s="281">
        <v>3</v>
      </c>
      <c r="AZ27" s="281">
        <v>4</v>
      </c>
      <c r="BA27" s="281">
        <v>1</v>
      </c>
      <c r="BB27" s="281">
        <v>3</v>
      </c>
      <c r="BC27" s="281">
        <v>2</v>
      </c>
      <c r="BD27" s="282">
        <v>13</v>
      </c>
      <c r="BE27" s="283">
        <v>14</v>
      </c>
      <c r="BF27" s="277">
        <v>0</v>
      </c>
      <c r="BG27" s="281">
        <v>0</v>
      </c>
      <c r="BH27" s="278">
        <v>0</v>
      </c>
      <c r="BI27" s="280">
        <v>0</v>
      </c>
      <c r="BJ27" s="281">
        <v>8</v>
      </c>
      <c r="BK27" s="281">
        <v>4</v>
      </c>
      <c r="BL27" s="281">
        <v>2</v>
      </c>
      <c r="BM27" s="281">
        <v>1</v>
      </c>
      <c r="BN27" s="281">
        <v>0</v>
      </c>
      <c r="BO27" s="278">
        <v>15</v>
      </c>
      <c r="BP27" s="283">
        <v>15</v>
      </c>
      <c r="BQ27" s="277">
        <v>0</v>
      </c>
      <c r="BR27" s="281">
        <v>1</v>
      </c>
      <c r="BS27" s="278">
        <v>1</v>
      </c>
      <c r="BT27" s="280">
        <v>0</v>
      </c>
      <c r="BU27" s="281">
        <v>1</v>
      </c>
      <c r="BV27" s="281">
        <v>6</v>
      </c>
      <c r="BW27" s="281">
        <v>3</v>
      </c>
      <c r="BX27" s="281">
        <v>2</v>
      </c>
      <c r="BY27" s="281">
        <v>0</v>
      </c>
      <c r="BZ27" s="278">
        <v>12</v>
      </c>
      <c r="CA27" s="283">
        <v>13</v>
      </c>
      <c r="CB27" s="277">
        <v>0</v>
      </c>
      <c r="CC27" s="281">
        <v>0</v>
      </c>
      <c r="CD27" s="278">
        <v>0</v>
      </c>
      <c r="CE27" s="280">
        <v>0</v>
      </c>
      <c r="CF27" s="281">
        <v>1</v>
      </c>
      <c r="CG27" s="281">
        <v>2</v>
      </c>
      <c r="CH27" s="281">
        <v>1</v>
      </c>
      <c r="CI27" s="281">
        <v>1</v>
      </c>
      <c r="CJ27" s="281">
        <v>0</v>
      </c>
      <c r="CK27" s="278">
        <v>5</v>
      </c>
      <c r="CL27" s="283">
        <v>5</v>
      </c>
      <c r="CM27" s="277">
        <v>0</v>
      </c>
      <c r="CN27" s="281">
        <v>0</v>
      </c>
      <c r="CO27" s="278">
        <v>0</v>
      </c>
      <c r="CP27" s="280">
        <v>0</v>
      </c>
      <c r="CQ27" s="281">
        <v>0</v>
      </c>
      <c r="CR27" s="281">
        <v>0</v>
      </c>
      <c r="CS27" s="281">
        <v>0</v>
      </c>
      <c r="CT27" s="281">
        <v>0</v>
      </c>
      <c r="CU27" s="281">
        <v>0</v>
      </c>
      <c r="CV27" s="278">
        <v>0</v>
      </c>
      <c r="CW27" s="283">
        <v>0</v>
      </c>
      <c r="CX27" s="277">
        <v>0</v>
      </c>
      <c r="CY27" s="281">
        <v>0</v>
      </c>
      <c r="CZ27" s="278">
        <v>0</v>
      </c>
      <c r="DA27" s="280">
        <v>0</v>
      </c>
      <c r="DB27" s="281">
        <v>0</v>
      </c>
      <c r="DC27" s="281">
        <v>0</v>
      </c>
      <c r="DD27" s="281">
        <v>0</v>
      </c>
      <c r="DE27" s="281">
        <v>0</v>
      </c>
      <c r="DF27" s="281">
        <v>0</v>
      </c>
      <c r="DG27" s="278">
        <v>0</v>
      </c>
      <c r="DH27" s="283">
        <v>0</v>
      </c>
      <c r="DI27" s="277">
        <v>0</v>
      </c>
      <c r="DJ27" s="281">
        <v>0</v>
      </c>
      <c r="DK27" s="278">
        <v>0</v>
      </c>
      <c r="DL27" s="280">
        <v>0</v>
      </c>
      <c r="DM27" s="281">
        <v>0</v>
      </c>
      <c r="DN27" s="281">
        <v>0</v>
      </c>
      <c r="DO27" s="281">
        <v>0</v>
      </c>
      <c r="DP27" s="281">
        <v>0</v>
      </c>
      <c r="DQ27" s="281">
        <v>0</v>
      </c>
      <c r="DR27" s="278">
        <v>0</v>
      </c>
      <c r="DS27" s="283">
        <v>0</v>
      </c>
      <c r="DT27" s="277">
        <v>3</v>
      </c>
      <c r="DU27" s="281">
        <v>6</v>
      </c>
      <c r="DV27" s="278">
        <v>9</v>
      </c>
      <c r="DW27" s="280">
        <v>0</v>
      </c>
      <c r="DX27" s="281">
        <v>5</v>
      </c>
      <c r="DY27" s="281">
        <v>7</v>
      </c>
      <c r="DZ27" s="281">
        <v>4</v>
      </c>
      <c r="EA27" s="281">
        <v>5</v>
      </c>
      <c r="EB27" s="281">
        <v>2</v>
      </c>
      <c r="EC27" s="278">
        <v>23</v>
      </c>
      <c r="ED27" s="283">
        <v>32</v>
      </c>
      <c r="EE27" s="277">
        <v>0</v>
      </c>
      <c r="EF27" s="281">
        <v>0</v>
      </c>
      <c r="EG27" s="278">
        <v>0</v>
      </c>
      <c r="EH27" s="280">
        <v>0</v>
      </c>
      <c r="EI27" s="281">
        <v>0</v>
      </c>
      <c r="EJ27" s="281">
        <v>2</v>
      </c>
      <c r="EK27" s="281">
        <v>0</v>
      </c>
      <c r="EL27" s="281">
        <v>2</v>
      </c>
      <c r="EM27" s="281">
        <v>1</v>
      </c>
      <c r="EN27" s="278">
        <v>5</v>
      </c>
      <c r="EO27" s="283">
        <v>5</v>
      </c>
      <c r="EP27" s="277">
        <v>4</v>
      </c>
      <c r="EQ27" s="281">
        <v>8</v>
      </c>
      <c r="ER27" s="278">
        <v>12</v>
      </c>
      <c r="ES27" s="280">
        <v>0</v>
      </c>
      <c r="ET27" s="281">
        <v>17</v>
      </c>
      <c r="EU27" s="281">
        <v>11</v>
      </c>
      <c r="EV27" s="281">
        <v>7</v>
      </c>
      <c r="EW27" s="281">
        <v>7</v>
      </c>
      <c r="EX27" s="281">
        <v>2</v>
      </c>
      <c r="EY27" s="278">
        <v>44</v>
      </c>
      <c r="EZ27" s="283">
        <v>56</v>
      </c>
    </row>
    <row r="28" spans="2:156" ht="19.5" customHeight="1" x14ac:dyDescent="0.2">
      <c r="B28" s="262" t="s">
        <v>26</v>
      </c>
      <c r="C28" s="277">
        <v>0</v>
      </c>
      <c r="D28" s="281">
        <v>0</v>
      </c>
      <c r="E28" s="385">
        <v>0</v>
      </c>
      <c r="F28" s="280">
        <v>0</v>
      </c>
      <c r="G28" s="281">
        <v>8</v>
      </c>
      <c r="H28" s="281">
        <v>4</v>
      </c>
      <c r="I28" s="281">
        <v>6</v>
      </c>
      <c r="J28" s="281">
        <v>1</v>
      </c>
      <c r="K28" s="281">
        <v>3</v>
      </c>
      <c r="L28" s="282">
        <v>22</v>
      </c>
      <c r="M28" s="283">
        <v>22</v>
      </c>
      <c r="N28" s="277">
        <v>0</v>
      </c>
      <c r="O28" s="281">
        <v>0</v>
      </c>
      <c r="P28" s="278">
        <v>0</v>
      </c>
      <c r="Q28" s="280">
        <v>0</v>
      </c>
      <c r="R28" s="281">
        <v>0</v>
      </c>
      <c r="S28" s="281">
        <v>0</v>
      </c>
      <c r="T28" s="281">
        <v>0</v>
      </c>
      <c r="U28" s="281">
        <v>1</v>
      </c>
      <c r="V28" s="281">
        <v>2</v>
      </c>
      <c r="W28" s="278">
        <v>3</v>
      </c>
      <c r="X28" s="283">
        <v>3</v>
      </c>
      <c r="Y28" s="277">
        <v>0</v>
      </c>
      <c r="Z28" s="281">
        <v>3</v>
      </c>
      <c r="AA28" s="278">
        <v>3</v>
      </c>
      <c r="AB28" s="280">
        <v>0</v>
      </c>
      <c r="AC28" s="281">
        <v>3</v>
      </c>
      <c r="AD28" s="281">
        <v>5</v>
      </c>
      <c r="AE28" s="281">
        <v>2</v>
      </c>
      <c r="AF28" s="281">
        <v>2</v>
      </c>
      <c r="AG28" s="281">
        <v>4</v>
      </c>
      <c r="AH28" s="278">
        <v>16</v>
      </c>
      <c r="AI28" s="283">
        <v>19</v>
      </c>
      <c r="AJ28" s="277">
        <v>0</v>
      </c>
      <c r="AK28" s="281">
        <v>0</v>
      </c>
      <c r="AL28" s="278">
        <v>0</v>
      </c>
      <c r="AM28" s="280">
        <v>0</v>
      </c>
      <c r="AN28" s="281">
        <v>0</v>
      </c>
      <c r="AO28" s="281">
        <v>0</v>
      </c>
      <c r="AP28" s="281">
        <v>1</v>
      </c>
      <c r="AQ28" s="281">
        <v>0</v>
      </c>
      <c r="AR28" s="281">
        <v>0</v>
      </c>
      <c r="AS28" s="278">
        <v>1</v>
      </c>
      <c r="AT28" s="283">
        <v>1</v>
      </c>
      <c r="AU28" s="277">
        <v>2</v>
      </c>
      <c r="AV28" s="281">
        <v>0</v>
      </c>
      <c r="AW28" s="278">
        <v>2</v>
      </c>
      <c r="AX28" s="280">
        <v>0</v>
      </c>
      <c r="AY28" s="281">
        <v>3</v>
      </c>
      <c r="AZ28" s="281">
        <v>5</v>
      </c>
      <c r="BA28" s="281">
        <v>3</v>
      </c>
      <c r="BB28" s="281">
        <v>5</v>
      </c>
      <c r="BC28" s="281">
        <v>6</v>
      </c>
      <c r="BD28" s="282">
        <v>22</v>
      </c>
      <c r="BE28" s="283">
        <v>24</v>
      </c>
      <c r="BF28" s="277">
        <v>0</v>
      </c>
      <c r="BG28" s="281">
        <v>0</v>
      </c>
      <c r="BH28" s="278">
        <v>0</v>
      </c>
      <c r="BI28" s="280">
        <v>0</v>
      </c>
      <c r="BJ28" s="281">
        <v>11</v>
      </c>
      <c r="BK28" s="281">
        <v>3</v>
      </c>
      <c r="BL28" s="281">
        <v>3</v>
      </c>
      <c r="BM28" s="281">
        <v>0</v>
      </c>
      <c r="BN28" s="281">
        <v>0</v>
      </c>
      <c r="BO28" s="278">
        <v>17</v>
      </c>
      <c r="BP28" s="283">
        <v>17</v>
      </c>
      <c r="BQ28" s="277">
        <v>0</v>
      </c>
      <c r="BR28" s="281">
        <v>1</v>
      </c>
      <c r="BS28" s="278">
        <v>1</v>
      </c>
      <c r="BT28" s="280">
        <v>0</v>
      </c>
      <c r="BU28" s="281">
        <v>2</v>
      </c>
      <c r="BV28" s="281">
        <v>4</v>
      </c>
      <c r="BW28" s="281">
        <v>3</v>
      </c>
      <c r="BX28" s="281">
        <v>0</v>
      </c>
      <c r="BY28" s="281">
        <v>0</v>
      </c>
      <c r="BZ28" s="278">
        <v>9</v>
      </c>
      <c r="CA28" s="283">
        <v>10</v>
      </c>
      <c r="CB28" s="277">
        <v>0</v>
      </c>
      <c r="CC28" s="281">
        <v>0</v>
      </c>
      <c r="CD28" s="278">
        <v>0</v>
      </c>
      <c r="CE28" s="280">
        <v>0</v>
      </c>
      <c r="CF28" s="281">
        <v>1</v>
      </c>
      <c r="CG28" s="281">
        <v>0</v>
      </c>
      <c r="CH28" s="281">
        <v>1</v>
      </c>
      <c r="CI28" s="281">
        <v>0</v>
      </c>
      <c r="CJ28" s="281">
        <v>0</v>
      </c>
      <c r="CK28" s="278">
        <v>2</v>
      </c>
      <c r="CL28" s="283">
        <v>2</v>
      </c>
      <c r="CM28" s="277">
        <v>0</v>
      </c>
      <c r="CN28" s="281">
        <v>0</v>
      </c>
      <c r="CO28" s="278">
        <v>0</v>
      </c>
      <c r="CP28" s="280">
        <v>0</v>
      </c>
      <c r="CQ28" s="281">
        <v>0</v>
      </c>
      <c r="CR28" s="281">
        <v>1</v>
      </c>
      <c r="CS28" s="281">
        <v>0</v>
      </c>
      <c r="CT28" s="281">
        <v>0</v>
      </c>
      <c r="CU28" s="281">
        <v>0</v>
      </c>
      <c r="CV28" s="278">
        <v>1</v>
      </c>
      <c r="CW28" s="283">
        <v>1</v>
      </c>
      <c r="CX28" s="277">
        <v>0</v>
      </c>
      <c r="CY28" s="281">
        <v>0</v>
      </c>
      <c r="CZ28" s="278">
        <v>0</v>
      </c>
      <c r="DA28" s="280">
        <v>0</v>
      </c>
      <c r="DB28" s="281">
        <v>0</v>
      </c>
      <c r="DC28" s="281">
        <v>0</v>
      </c>
      <c r="DD28" s="281">
        <v>0</v>
      </c>
      <c r="DE28" s="281">
        <v>0</v>
      </c>
      <c r="DF28" s="281">
        <v>0</v>
      </c>
      <c r="DG28" s="278">
        <v>0</v>
      </c>
      <c r="DH28" s="283">
        <v>0</v>
      </c>
      <c r="DI28" s="277">
        <v>0</v>
      </c>
      <c r="DJ28" s="281">
        <v>0</v>
      </c>
      <c r="DK28" s="278">
        <v>0</v>
      </c>
      <c r="DL28" s="280">
        <v>0</v>
      </c>
      <c r="DM28" s="281">
        <v>0</v>
      </c>
      <c r="DN28" s="281">
        <v>0</v>
      </c>
      <c r="DO28" s="281">
        <v>0</v>
      </c>
      <c r="DP28" s="281">
        <v>0</v>
      </c>
      <c r="DQ28" s="281">
        <v>0</v>
      </c>
      <c r="DR28" s="278">
        <v>0</v>
      </c>
      <c r="DS28" s="283">
        <v>0</v>
      </c>
      <c r="DT28" s="277">
        <v>4</v>
      </c>
      <c r="DU28" s="281">
        <v>6</v>
      </c>
      <c r="DV28" s="278">
        <v>10</v>
      </c>
      <c r="DW28" s="280">
        <v>0</v>
      </c>
      <c r="DX28" s="281">
        <v>11</v>
      </c>
      <c r="DY28" s="281">
        <v>6</v>
      </c>
      <c r="DZ28" s="281">
        <v>10</v>
      </c>
      <c r="EA28" s="281">
        <v>5</v>
      </c>
      <c r="EB28" s="281">
        <v>5</v>
      </c>
      <c r="EC28" s="278">
        <v>37</v>
      </c>
      <c r="ED28" s="283">
        <v>47</v>
      </c>
      <c r="EE28" s="277">
        <v>2</v>
      </c>
      <c r="EF28" s="281">
        <v>1</v>
      </c>
      <c r="EG28" s="278">
        <v>3</v>
      </c>
      <c r="EH28" s="280">
        <v>0</v>
      </c>
      <c r="EI28" s="281">
        <v>1</v>
      </c>
      <c r="EJ28" s="281">
        <v>6</v>
      </c>
      <c r="EK28" s="281">
        <v>0</v>
      </c>
      <c r="EL28" s="281">
        <v>2</v>
      </c>
      <c r="EM28" s="281">
        <v>0</v>
      </c>
      <c r="EN28" s="278">
        <v>9</v>
      </c>
      <c r="EO28" s="283">
        <v>12</v>
      </c>
      <c r="EP28" s="277">
        <v>4</v>
      </c>
      <c r="EQ28" s="281">
        <v>9</v>
      </c>
      <c r="ER28" s="278">
        <v>13</v>
      </c>
      <c r="ES28" s="280">
        <v>0</v>
      </c>
      <c r="ET28" s="281">
        <v>23</v>
      </c>
      <c r="EU28" s="281">
        <v>11</v>
      </c>
      <c r="EV28" s="281">
        <v>10</v>
      </c>
      <c r="EW28" s="281">
        <v>4</v>
      </c>
      <c r="EX28" s="281">
        <v>5</v>
      </c>
      <c r="EY28" s="278">
        <v>53</v>
      </c>
      <c r="EZ28" s="283">
        <v>66</v>
      </c>
    </row>
    <row r="29" spans="2:156" ht="19.5" customHeight="1" x14ac:dyDescent="0.2">
      <c r="B29" s="262" t="s">
        <v>27</v>
      </c>
      <c r="C29" s="277">
        <v>0</v>
      </c>
      <c r="D29" s="281">
        <v>0</v>
      </c>
      <c r="E29" s="385">
        <v>0</v>
      </c>
      <c r="F29" s="280">
        <v>0</v>
      </c>
      <c r="G29" s="281">
        <v>0</v>
      </c>
      <c r="H29" s="281">
        <v>2</v>
      </c>
      <c r="I29" s="281">
        <v>2</v>
      </c>
      <c r="J29" s="281">
        <v>0</v>
      </c>
      <c r="K29" s="281">
        <v>2</v>
      </c>
      <c r="L29" s="282">
        <v>6</v>
      </c>
      <c r="M29" s="283">
        <v>6</v>
      </c>
      <c r="N29" s="277">
        <v>0</v>
      </c>
      <c r="O29" s="281">
        <v>0</v>
      </c>
      <c r="P29" s="278">
        <v>0</v>
      </c>
      <c r="Q29" s="280">
        <v>0</v>
      </c>
      <c r="R29" s="281">
        <v>0</v>
      </c>
      <c r="S29" s="281">
        <v>0</v>
      </c>
      <c r="T29" s="281">
        <v>0</v>
      </c>
      <c r="U29" s="281">
        <v>0</v>
      </c>
      <c r="V29" s="281">
        <v>0</v>
      </c>
      <c r="W29" s="278">
        <v>0</v>
      </c>
      <c r="X29" s="283">
        <v>0</v>
      </c>
      <c r="Y29" s="277">
        <v>2</v>
      </c>
      <c r="Z29" s="281">
        <v>2</v>
      </c>
      <c r="AA29" s="278">
        <v>4</v>
      </c>
      <c r="AB29" s="280">
        <v>0</v>
      </c>
      <c r="AC29" s="281">
        <v>3</v>
      </c>
      <c r="AD29" s="281">
        <v>1</v>
      </c>
      <c r="AE29" s="281">
        <v>2</v>
      </c>
      <c r="AF29" s="281">
        <v>1</v>
      </c>
      <c r="AG29" s="281">
        <v>2</v>
      </c>
      <c r="AH29" s="278">
        <v>9</v>
      </c>
      <c r="AI29" s="283">
        <v>13</v>
      </c>
      <c r="AJ29" s="277">
        <v>0</v>
      </c>
      <c r="AK29" s="281">
        <v>2</v>
      </c>
      <c r="AL29" s="278">
        <v>2</v>
      </c>
      <c r="AM29" s="280">
        <v>0</v>
      </c>
      <c r="AN29" s="281">
        <v>0</v>
      </c>
      <c r="AO29" s="281">
        <v>0</v>
      </c>
      <c r="AP29" s="281">
        <v>0</v>
      </c>
      <c r="AQ29" s="281">
        <v>0</v>
      </c>
      <c r="AR29" s="281">
        <v>0</v>
      </c>
      <c r="AS29" s="278">
        <v>0</v>
      </c>
      <c r="AT29" s="283">
        <v>2</v>
      </c>
      <c r="AU29" s="277">
        <v>1</v>
      </c>
      <c r="AV29" s="281">
        <v>1</v>
      </c>
      <c r="AW29" s="278">
        <v>2</v>
      </c>
      <c r="AX29" s="280">
        <v>0</v>
      </c>
      <c r="AY29" s="281">
        <v>2</v>
      </c>
      <c r="AZ29" s="281">
        <v>2</v>
      </c>
      <c r="BA29" s="281">
        <v>9</v>
      </c>
      <c r="BB29" s="281">
        <v>4</v>
      </c>
      <c r="BC29" s="281">
        <v>3</v>
      </c>
      <c r="BD29" s="282">
        <v>20</v>
      </c>
      <c r="BE29" s="283">
        <v>22</v>
      </c>
      <c r="BF29" s="277">
        <v>0</v>
      </c>
      <c r="BG29" s="281">
        <v>0</v>
      </c>
      <c r="BH29" s="278">
        <v>0</v>
      </c>
      <c r="BI29" s="280">
        <v>0</v>
      </c>
      <c r="BJ29" s="281">
        <v>0</v>
      </c>
      <c r="BK29" s="281">
        <v>0</v>
      </c>
      <c r="BL29" s="281">
        <v>2</v>
      </c>
      <c r="BM29" s="281">
        <v>1</v>
      </c>
      <c r="BN29" s="281">
        <v>0</v>
      </c>
      <c r="BO29" s="278">
        <v>3</v>
      </c>
      <c r="BP29" s="283">
        <v>3</v>
      </c>
      <c r="BQ29" s="277">
        <v>3</v>
      </c>
      <c r="BR29" s="281">
        <v>1</v>
      </c>
      <c r="BS29" s="278">
        <v>4</v>
      </c>
      <c r="BT29" s="280">
        <v>0</v>
      </c>
      <c r="BU29" s="281">
        <v>0</v>
      </c>
      <c r="BV29" s="281">
        <v>1</v>
      </c>
      <c r="BW29" s="281">
        <v>1</v>
      </c>
      <c r="BX29" s="281">
        <v>0</v>
      </c>
      <c r="BY29" s="281">
        <v>0</v>
      </c>
      <c r="BZ29" s="278">
        <v>2</v>
      </c>
      <c r="CA29" s="283">
        <v>6</v>
      </c>
      <c r="CB29" s="277">
        <v>0</v>
      </c>
      <c r="CC29" s="281">
        <v>1</v>
      </c>
      <c r="CD29" s="278">
        <v>1</v>
      </c>
      <c r="CE29" s="280">
        <v>0</v>
      </c>
      <c r="CF29" s="281">
        <v>0</v>
      </c>
      <c r="CG29" s="281">
        <v>0</v>
      </c>
      <c r="CH29" s="281">
        <v>1</v>
      </c>
      <c r="CI29" s="281">
        <v>1</v>
      </c>
      <c r="CJ29" s="281">
        <v>0</v>
      </c>
      <c r="CK29" s="278">
        <v>2</v>
      </c>
      <c r="CL29" s="283">
        <v>3</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c r="DI29" s="277">
        <v>0</v>
      </c>
      <c r="DJ29" s="281">
        <v>0</v>
      </c>
      <c r="DK29" s="278">
        <v>0</v>
      </c>
      <c r="DL29" s="280">
        <v>0</v>
      </c>
      <c r="DM29" s="281">
        <v>0</v>
      </c>
      <c r="DN29" s="281">
        <v>0</v>
      </c>
      <c r="DO29" s="281">
        <v>0</v>
      </c>
      <c r="DP29" s="281">
        <v>0</v>
      </c>
      <c r="DQ29" s="281">
        <v>0</v>
      </c>
      <c r="DR29" s="278">
        <v>0</v>
      </c>
      <c r="DS29" s="283">
        <v>0</v>
      </c>
      <c r="DT29" s="277">
        <v>3</v>
      </c>
      <c r="DU29" s="281">
        <v>13</v>
      </c>
      <c r="DV29" s="278">
        <v>16</v>
      </c>
      <c r="DW29" s="280">
        <v>0</v>
      </c>
      <c r="DX29" s="281">
        <v>0</v>
      </c>
      <c r="DY29" s="281">
        <v>5</v>
      </c>
      <c r="DZ29" s="281">
        <v>7</v>
      </c>
      <c r="EA29" s="281">
        <v>1</v>
      </c>
      <c r="EB29" s="281">
        <v>2</v>
      </c>
      <c r="EC29" s="278">
        <v>15</v>
      </c>
      <c r="ED29" s="283">
        <v>31</v>
      </c>
      <c r="EE29" s="277">
        <v>1</v>
      </c>
      <c r="EF29" s="281">
        <v>1</v>
      </c>
      <c r="EG29" s="278">
        <v>2</v>
      </c>
      <c r="EH29" s="280">
        <v>0</v>
      </c>
      <c r="EI29" s="281">
        <v>3</v>
      </c>
      <c r="EJ29" s="281">
        <v>2</v>
      </c>
      <c r="EK29" s="281">
        <v>6</v>
      </c>
      <c r="EL29" s="281">
        <v>3</v>
      </c>
      <c r="EM29" s="281">
        <v>1</v>
      </c>
      <c r="EN29" s="278">
        <v>15</v>
      </c>
      <c r="EO29" s="283">
        <v>17</v>
      </c>
      <c r="EP29" s="277">
        <v>6</v>
      </c>
      <c r="EQ29" s="281">
        <v>15</v>
      </c>
      <c r="ER29" s="278">
        <v>21</v>
      </c>
      <c r="ES29" s="280">
        <v>0</v>
      </c>
      <c r="ET29" s="281">
        <v>4</v>
      </c>
      <c r="EU29" s="281">
        <v>5</v>
      </c>
      <c r="EV29" s="281">
        <v>7</v>
      </c>
      <c r="EW29" s="281">
        <v>1</v>
      </c>
      <c r="EX29" s="281">
        <v>2</v>
      </c>
      <c r="EY29" s="278">
        <v>19</v>
      </c>
      <c r="EZ29" s="283">
        <v>40</v>
      </c>
    </row>
    <row r="30" spans="2:156" ht="19.5" customHeight="1" x14ac:dyDescent="0.2">
      <c r="B30" s="262" t="s">
        <v>28</v>
      </c>
      <c r="C30" s="277">
        <v>0</v>
      </c>
      <c r="D30" s="281">
        <v>0</v>
      </c>
      <c r="E30" s="385">
        <v>0</v>
      </c>
      <c r="F30" s="280">
        <v>0</v>
      </c>
      <c r="G30" s="281">
        <v>1</v>
      </c>
      <c r="H30" s="281">
        <v>2</v>
      </c>
      <c r="I30" s="281">
        <v>0</v>
      </c>
      <c r="J30" s="281">
        <v>0</v>
      </c>
      <c r="K30" s="281">
        <v>1</v>
      </c>
      <c r="L30" s="282">
        <v>4</v>
      </c>
      <c r="M30" s="283">
        <v>4</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0</v>
      </c>
      <c r="AD30" s="281">
        <v>1</v>
      </c>
      <c r="AE30" s="281">
        <v>1</v>
      </c>
      <c r="AF30" s="281">
        <v>0</v>
      </c>
      <c r="AG30" s="281">
        <v>1</v>
      </c>
      <c r="AH30" s="278">
        <v>3</v>
      </c>
      <c r="AI30" s="283">
        <v>3</v>
      </c>
      <c r="AJ30" s="277">
        <v>0</v>
      </c>
      <c r="AK30" s="281">
        <v>0</v>
      </c>
      <c r="AL30" s="278">
        <v>0</v>
      </c>
      <c r="AM30" s="280">
        <v>0</v>
      </c>
      <c r="AN30" s="281">
        <v>1</v>
      </c>
      <c r="AO30" s="281">
        <v>0</v>
      </c>
      <c r="AP30" s="281">
        <v>0</v>
      </c>
      <c r="AQ30" s="281">
        <v>0</v>
      </c>
      <c r="AR30" s="281">
        <v>0</v>
      </c>
      <c r="AS30" s="278">
        <v>1</v>
      </c>
      <c r="AT30" s="283">
        <v>1</v>
      </c>
      <c r="AU30" s="277">
        <v>0</v>
      </c>
      <c r="AV30" s="281">
        <v>0</v>
      </c>
      <c r="AW30" s="278">
        <v>0</v>
      </c>
      <c r="AX30" s="280">
        <v>0</v>
      </c>
      <c r="AY30" s="281">
        <v>2</v>
      </c>
      <c r="AZ30" s="281">
        <v>3</v>
      </c>
      <c r="BA30" s="281">
        <v>1</v>
      </c>
      <c r="BB30" s="281">
        <v>0</v>
      </c>
      <c r="BC30" s="281">
        <v>2</v>
      </c>
      <c r="BD30" s="282">
        <v>8</v>
      </c>
      <c r="BE30" s="283">
        <v>8</v>
      </c>
      <c r="BF30" s="277">
        <v>0</v>
      </c>
      <c r="BG30" s="281">
        <v>0</v>
      </c>
      <c r="BH30" s="278">
        <v>0</v>
      </c>
      <c r="BI30" s="280">
        <v>0</v>
      </c>
      <c r="BJ30" s="281">
        <v>1</v>
      </c>
      <c r="BK30" s="281">
        <v>3</v>
      </c>
      <c r="BL30" s="281">
        <v>0</v>
      </c>
      <c r="BM30" s="281">
        <v>0</v>
      </c>
      <c r="BN30" s="281">
        <v>0</v>
      </c>
      <c r="BO30" s="278">
        <v>4</v>
      </c>
      <c r="BP30" s="283">
        <v>4</v>
      </c>
      <c r="BQ30" s="277">
        <v>0</v>
      </c>
      <c r="BR30" s="281">
        <v>1</v>
      </c>
      <c r="BS30" s="278">
        <v>1</v>
      </c>
      <c r="BT30" s="280">
        <v>0</v>
      </c>
      <c r="BU30" s="281">
        <v>1</v>
      </c>
      <c r="BV30" s="281">
        <v>1</v>
      </c>
      <c r="BW30" s="281">
        <v>1</v>
      </c>
      <c r="BX30" s="281">
        <v>0</v>
      </c>
      <c r="BY30" s="281">
        <v>1</v>
      </c>
      <c r="BZ30" s="278">
        <v>4</v>
      </c>
      <c r="CA30" s="283">
        <v>5</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c r="DI30" s="277">
        <v>0</v>
      </c>
      <c r="DJ30" s="281">
        <v>0</v>
      </c>
      <c r="DK30" s="278">
        <v>0</v>
      </c>
      <c r="DL30" s="280">
        <v>0</v>
      </c>
      <c r="DM30" s="281">
        <v>0</v>
      </c>
      <c r="DN30" s="281">
        <v>0</v>
      </c>
      <c r="DO30" s="281">
        <v>0</v>
      </c>
      <c r="DP30" s="281">
        <v>0</v>
      </c>
      <c r="DQ30" s="281">
        <v>0</v>
      </c>
      <c r="DR30" s="278">
        <v>0</v>
      </c>
      <c r="DS30" s="283">
        <v>0</v>
      </c>
      <c r="DT30" s="277">
        <v>1</v>
      </c>
      <c r="DU30" s="281">
        <v>2</v>
      </c>
      <c r="DV30" s="278">
        <v>3</v>
      </c>
      <c r="DW30" s="280">
        <v>0</v>
      </c>
      <c r="DX30" s="281">
        <v>4</v>
      </c>
      <c r="DY30" s="281">
        <v>5</v>
      </c>
      <c r="DZ30" s="281">
        <v>1</v>
      </c>
      <c r="EA30" s="281">
        <v>0</v>
      </c>
      <c r="EB30" s="281">
        <v>2</v>
      </c>
      <c r="EC30" s="278">
        <v>12</v>
      </c>
      <c r="ED30" s="283">
        <v>15</v>
      </c>
      <c r="EE30" s="277">
        <v>0</v>
      </c>
      <c r="EF30" s="281">
        <v>0</v>
      </c>
      <c r="EG30" s="278">
        <v>0</v>
      </c>
      <c r="EH30" s="280">
        <v>0</v>
      </c>
      <c r="EI30" s="281">
        <v>1</v>
      </c>
      <c r="EJ30" s="281">
        <v>0</v>
      </c>
      <c r="EK30" s="281">
        <v>1</v>
      </c>
      <c r="EL30" s="281">
        <v>0</v>
      </c>
      <c r="EM30" s="281">
        <v>1</v>
      </c>
      <c r="EN30" s="278">
        <v>3</v>
      </c>
      <c r="EO30" s="283">
        <v>3</v>
      </c>
      <c r="EP30" s="277">
        <v>1</v>
      </c>
      <c r="EQ30" s="281">
        <v>2</v>
      </c>
      <c r="ER30" s="278">
        <v>3</v>
      </c>
      <c r="ES30" s="280">
        <v>0</v>
      </c>
      <c r="ET30" s="281">
        <v>7</v>
      </c>
      <c r="EU30" s="281">
        <v>7</v>
      </c>
      <c r="EV30" s="281">
        <v>1</v>
      </c>
      <c r="EW30" s="281">
        <v>0</v>
      </c>
      <c r="EX30" s="281">
        <v>2</v>
      </c>
      <c r="EY30" s="278">
        <v>17</v>
      </c>
      <c r="EZ30" s="283">
        <v>20</v>
      </c>
    </row>
    <row r="31" spans="2:156" ht="19.5" customHeight="1" x14ac:dyDescent="0.2">
      <c r="B31" s="262" t="s">
        <v>29</v>
      </c>
      <c r="C31" s="277">
        <v>0</v>
      </c>
      <c r="D31" s="281">
        <v>0</v>
      </c>
      <c r="E31" s="385">
        <v>0</v>
      </c>
      <c r="F31" s="280">
        <v>0</v>
      </c>
      <c r="G31" s="281">
        <v>1</v>
      </c>
      <c r="H31" s="281">
        <v>2</v>
      </c>
      <c r="I31" s="281">
        <v>0</v>
      </c>
      <c r="J31" s="281">
        <v>0</v>
      </c>
      <c r="K31" s="281">
        <v>0</v>
      </c>
      <c r="L31" s="282">
        <v>3</v>
      </c>
      <c r="M31" s="283">
        <v>3</v>
      </c>
      <c r="N31" s="277">
        <v>0</v>
      </c>
      <c r="O31" s="281">
        <v>0</v>
      </c>
      <c r="P31" s="278">
        <v>0</v>
      </c>
      <c r="Q31" s="280">
        <v>0</v>
      </c>
      <c r="R31" s="281">
        <v>0</v>
      </c>
      <c r="S31" s="281">
        <v>0</v>
      </c>
      <c r="T31" s="281">
        <v>1</v>
      </c>
      <c r="U31" s="281">
        <v>0</v>
      </c>
      <c r="V31" s="281">
        <v>0</v>
      </c>
      <c r="W31" s="278">
        <v>1</v>
      </c>
      <c r="X31" s="283">
        <v>1</v>
      </c>
      <c r="Y31" s="277">
        <v>0</v>
      </c>
      <c r="Z31" s="281">
        <v>0</v>
      </c>
      <c r="AA31" s="278">
        <v>0</v>
      </c>
      <c r="AB31" s="280">
        <v>0</v>
      </c>
      <c r="AC31" s="281">
        <v>1</v>
      </c>
      <c r="AD31" s="281">
        <v>1</v>
      </c>
      <c r="AE31" s="281">
        <v>3</v>
      </c>
      <c r="AF31" s="281">
        <v>0</v>
      </c>
      <c r="AG31" s="281">
        <v>0</v>
      </c>
      <c r="AH31" s="278">
        <v>5</v>
      </c>
      <c r="AI31" s="283">
        <v>5</v>
      </c>
      <c r="AJ31" s="277">
        <v>0</v>
      </c>
      <c r="AK31" s="281">
        <v>0</v>
      </c>
      <c r="AL31" s="278">
        <v>0</v>
      </c>
      <c r="AM31" s="280">
        <v>0</v>
      </c>
      <c r="AN31" s="281">
        <v>0</v>
      </c>
      <c r="AO31" s="281">
        <v>1</v>
      </c>
      <c r="AP31" s="281">
        <v>0</v>
      </c>
      <c r="AQ31" s="281">
        <v>0</v>
      </c>
      <c r="AR31" s="281">
        <v>0</v>
      </c>
      <c r="AS31" s="278">
        <v>1</v>
      </c>
      <c r="AT31" s="283">
        <v>1</v>
      </c>
      <c r="AU31" s="277">
        <v>0</v>
      </c>
      <c r="AV31" s="281">
        <v>0</v>
      </c>
      <c r="AW31" s="278">
        <v>0</v>
      </c>
      <c r="AX31" s="280">
        <v>0</v>
      </c>
      <c r="AY31" s="281">
        <v>1</v>
      </c>
      <c r="AZ31" s="281">
        <v>1</v>
      </c>
      <c r="BA31" s="281">
        <v>0</v>
      </c>
      <c r="BB31" s="281">
        <v>2</v>
      </c>
      <c r="BC31" s="281">
        <v>0</v>
      </c>
      <c r="BD31" s="282">
        <v>4</v>
      </c>
      <c r="BE31" s="283">
        <v>4</v>
      </c>
      <c r="BF31" s="277">
        <v>0</v>
      </c>
      <c r="BG31" s="281">
        <v>0</v>
      </c>
      <c r="BH31" s="278">
        <v>0</v>
      </c>
      <c r="BI31" s="280">
        <v>0</v>
      </c>
      <c r="BJ31" s="281">
        <v>1</v>
      </c>
      <c r="BK31" s="281">
        <v>0</v>
      </c>
      <c r="BL31" s="281">
        <v>1</v>
      </c>
      <c r="BM31" s="281">
        <v>0</v>
      </c>
      <c r="BN31" s="281">
        <v>0</v>
      </c>
      <c r="BO31" s="278">
        <v>2</v>
      </c>
      <c r="BP31" s="283">
        <v>2</v>
      </c>
      <c r="BQ31" s="277">
        <v>0</v>
      </c>
      <c r="BR31" s="281">
        <v>0</v>
      </c>
      <c r="BS31" s="278">
        <v>0</v>
      </c>
      <c r="BT31" s="280">
        <v>0</v>
      </c>
      <c r="BU31" s="281">
        <v>0</v>
      </c>
      <c r="BV31" s="281">
        <v>1</v>
      </c>
      <c r="BW31" s="281">
        <v>1</v>
      </c>
      <c r="BX31" s="281">
        <v>0</v>
      </c>
      <c r="BY31" s="281">
        <v>0</v>
      </c>
      <c r="BZ31" s="278">
        <v>2</v>
      </c>
      <c r="CA31" s="283">
        <v>2</v>
      </c>
      <c r="CB31" s="277">
        <v>0</v>
      </c>
      <c r="CC31" s="281">
        <v>0</v>
      </c>
      <c r="CD31" s="278">
        <v>0</v>
      </c>
      <c r="CE31" s="280">
        <v>0</v>
      </c>
      <c r="CF31" s="281">
        <v>0</v>
      </c>
      <c r="CG31" s="281">
        <v>0</v>
      </c>
      <c r="CH31" s="281">
        <v>0</v>
      </c>
      <c r="CI31" s="281">
        <v>0</v>
      </c>
      <c r="CJ31" s="281">
        <v>1</v>
      </c>
      <c r="CK31" s="278">
        <v>1</v>
      </c>
      <c r="CL31" s="283">
        <v>1</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c r="DI31" s="277">
        <v>0</v>
      </c>
      <c r="DJ31" s="281">
        <v>0</v>
      </c>
      <c r="DK31" s="278">
        <v>0</v>
      </c>
      <c r="DL31" s="280">
        <v>0</v>
      </c>
      <c r="DM31" s="281">
        <v>0</v>
      </c>
      <c r="DN31" s="281">
        <v>0</v>
      </c>
      <c r="DO31" s="281">
        <v>0</v>
      </c>
      <c r="DP31" s="281">
        <v>0</v>
      </c>
      <c r="DQ31" s="281">
        <v>0</v>
      </c>
      <c r="DR31" s="278">
        <v>0</v>
      </c>
      <c r="DS31" s="283">
        <v>0</v>
      </c>
      <c r="DT31" s="277">
        <v>1</v>
      </c>
      <c r="DU31" s="281">
        <v>2</v>
      </c>
      <c r="DV31" s="278">
        <v>3</v>
      </c>
      <c r="DW31" s="280">
        <v>0</v>
      </c>
      <c r="DX31" s="281">
        <v>2</v>
      </c>
      <c r="DY31" s="281">
        <v>2</v>
      </c>
      <c r="DZ31" s="281">
        <v>3</v>
      </c>
      <c r="EA31" s="281">
        <v>1</v>
      </c>
      <c r="EB31" s="281">
        <v>1</v>
      </c>
      <c r="EC31" s="278">
        <v>9</v>
      </c>
      <c r="ED31" s="283">
        <v>12</v>
      </c>
      <c r="EE31" s="277">
        <v>0</v>
      </c>
      <c r="EF31" s="281">
        <v>0</v>
      </c>
      <c r="EG31" s="278">
        <v>0</v>
      </c>
      <c r="EH31" s="280">
        <v>0</v>
      </c>
      <c r="EI31" s="281">
        <v>1</v>
      </c>
      <c r="EJ31" s="281">
        <v>1</v>
      </c>
      <c r="EK31" s="281">
        <v>0</v>
      </c>
      <c r="EL31" s="281">
        <v>2</v>
      </c>
      <c r="EM31" s="281">
        <v>0</v>
      </c>
      <c r="EN31" s="278">
        <v>4</v>
      </c>
      <c r="EO31" s="283">
        <v>4</v>
      </c>
      <c r="EP31" s="277">
        <v>1</v>
      </c>
      <c r="EQ31" s="281">
        <v>2</v>
      </c>
      <c r="ER31" s="278">
        <v>3</v>
      </c>
      <c r="ES31" s="280">
        <v>0</v>
      </c>
      <c r="ET31" s="281">
        <v>2</v>
      </c>
      <c r="EU31" s="281">
        <v>3</v>
      </c>
      <c r="EV31" s="281">
        <v>3</v>
      </c>
      <c r="EW31" s="281">
        <v>1</v>
      </c>
      <c r="EX31" s="281">
        <v>1</v>
      </c>
      <c r="EY31" s="278">
        <v>10</v>
      </c>
      <c r="EZ31" s="283">
        <v>13</v>
      </c>
    </row>
    <row r="32" spans="2:156" ht="19.5" customHeight="1" x14ac:dyDescent="0.2">
      <c r="B32" s="262" t="s">
        <v>30</v>
      </c>
      <c r="C32" s="277">
        <v>0</v>
      </c>
      <c r="D32" s="281">
        <v>0</v>
      </c>
      <c r="E32" s="385">
        <v>0</v>
      </c>
      <c r="F32" s="280">
        <v>0</v>
      </c>
      <c r="G32" s="281">
        <v>0</v>
      </c>
      <c r="H32" s="281">
        <v>0</v>
      </c>
      <c r="I32" s="281">
        <v>1</v>
      </c>
      <c r="J32" s="281">
        <v>1</v>
      </c>
      <c r="K32" s="281">
        <v>0</v>
      </c>
      <c r="L32" s="282">
        <v>2</v>
      </c>
      <c r="M32" s="283">
        <v>2</v>
      </c>
      <c r="N32" s="277">
        <v>0</v>
      </c>
      <c r="O32" s="281">
        <v>0</v>
      </c>
      <c r="P32" s="278">
        <v>0</v>
      </c>
      <c r="Q32" s="280">
        <v>0</v>
      </c>
      <c r="R32" s="281">
        <v>0</v>
      </c>
      <c r="S32" s="281">
        <v>0</v>
      </c>
      <c r="T32" s="281">
        <v>0</v>
      </c>
      <c r="U32" s="281">
        <v>1</v>
      </c>
      <c r="V32" s="281">
        <v>0</v>
      </c>
      <c r="W32" s="278">
        <v>1</v>
      </c>
      <c r="X32" s="283">
        <v>1</v>
      </c>
      <c r="Y32" s="277">
        <v>0</v>
      </c>
      <c r="Z32" s="281">
        <v>1</v>
      </c>
      <c r="AA32" s="278">
        <v>1</v>
      </c>
      <c r="AB32" s="280">
        <v>0</v>
      </c>
      <c r="AC32" s="281">
        <v>0</v>
      </c>
      <c r="AD32" s="281">
        <v>0</v>
      </c>
      <c r="AE32" s="281">
        <v>0</v>
      </c>
      <c r="AF32" s="281">
        <v>1</v>
      </c>
      <c r="AG32" s="281">
        <v>0</v>
      </c>
      <c r="AH32" s="278">
        <v>1</v>
      </c>
      <c r="AI32" s="283">
        <v>2</v>
      </c>
      <c r="AJ32" s="277">
        <v>0</v>
      </c>
      <c r="AK32" s="281">
        <v>0</v>
      </c>
      <c r="AL32" s="278">
        <v>0</v>
      </c>
      <c r="AM32" s="280">
        <v>0</v>
      </c>
      <c r="AN32" s="281">
        <v>0</v>
      </c>
      <c r="AO32" s="281">
        <v>0</v>
      </c>
      <c r="AP32" s="281">
        <v>0</v>
      </c>
      <c r="AQ32" s="281">
        <v>1</v>
      </c>
      <c r="AR32" s="281">
        <v>0</v>
      </c>
      <c r="AS32" s="278">
        <v>1</v>
      </c>
      <c r="AT32" s="283">
        <v>1</v>
      </c>
      <c r="AU32" s="277">
        <v>0</v>
      </c>
      <c r="AV32" s="281">
        <v>0</v>
      </c>
      <c r="AW32" s="278">
        <v>0</v>
      </c>
      <c r="AX32" s="280">
        <v>0</v>
      </c>
      <c r="AY32" s="281">
        <v>2</v>
      </c>
      <c r="AZ32" s="281">
        <v>2</v>
      </c>
      <c r="BA32" s="281">
        <v>1</v>
      </c>
      <c r="BB32" s="281">
        <v>2</v>
      </c>
      <c r="BC32" s="281">
        <v>0</v>
      </c>
      <c r="BD32" s="282">
        <v>7</v>
      </c>
      <c r="BE32" s="283">
        <v>7</v>
      </c>
      <c r="BF32" s="277">
        <v>0</v>
      </c>
      <c r="BG32" s="281">
        <v>0</v>
      </c>
      <c r="BH32" s="278">
        <v>0</v>
      </c>
      <c r="BI32" s="280">
        <v>0</v>
      </c>
      <c r="BJ32" s="281">
        <v>1</v>
      </c>
      <c r="BK32" s="281">
        <v>3</v>
      </c>
      <c r="BL32" s="281">
        <v>1</v>
      </c>
      <c r="BM32" s="281">
        <v>1</v>
      </c>
      <c r="BN32" s="281">
        <v>0</v>
      </c>
      <c r="BO32" s="278">
        <v>6</v>
      </c>
      <c r="BP32" s="283">
        <v>6</v>
      </c>
      <c r="BQ32" s="277">
        <v>0</v>
      </c>
      <c r="BR32" s="281">
        <v>0</v>
      </c>
      <c r="BS32" s="278">
        <v>0</v>
      </c>
      <c r="BT32" s="280">
        <v>0</v>
      </c>
      <c r="BU32" s="281">
        <v>0</v>
      </c>
      <c r="BV32" s="281">
        <v>2</v>
      </c>
      <c r="BW32" s="281">
        <v>0</v>
      </c>
      <c r="BX32" s="281">
        <v>0</v>
      </c>
      <c r="BY32" s="281">
        <v>0</v>
      </c>
      <c r="BZ32" s="278">
        <v>2</v>
      </c>
      <c r="CA32" s="283">
        <v>2</v>
      </c>
      <c r="CB32" s="277">
        <v>0</v>
      </c>
      <c r="CC32" s="281">
        <v>0</v>
      </c>
      <c r="CD32" s="278">
        <v>0</v>
      </c>
      <c r="CE32" s="280">
        <v>0</v>
      </c>
      <c r="CF32" s="281">
        <v>0</v>
      </c>
      <c r="CG32" s="281">
        <v>0</v>
      </c>
      <c r="CH32" s="281">
        <v>1</v>
      </c>
      <c r="CI32" s="281">
        <v>0</v>
      </c>
      <c r="CJ32" s="281">
        <v>0</v>
      </c>
      <c r="CK32" s="278">
        <v>1</v>
      </c>
      <c r="CL32" s="283">
        <v>1</v>
      </c>
      <c r="CM32" s="277">
        <v>0</v>
      </c>
      <c r="CN32" s="281">
        <v>0</v>
      </c>
      <c r="CO32" s="278">
        <v>0</v>
      </c>
      <c r="CP32" s="280">
        <v>0</v>
      </c>
      <c r="CQ32" s="281">
        <v>0</v>
      </c>
      <c r="CR32" s="281">
        <v>1</v>
      </c>
      <c r="CS32" s="281">
        <v>0</v>
      </c>
      <c r="CT32" s="281">
        <v>0</v>
      </c>
      <c r="CU32" s="281">
        <v>0</v>
      </c>
      <c r="CV32" s="278">
        <v>1</v>
      </c>
      <c r="CW32" s="283">
        <v>1</v>
      </c>
      <c r="CX32" s="277">
        <v>0</v>
      </c>
      <c r="CY32" s="281">
        <v>0</v>
      </c>
      <c r="CZ32" s="278">
        <v>0</v>
      </c>
      <c r="DA32" s="280">
        <v>0</v>
      </c>
      <c r="DB32" s="281">
        <v>0</v>
      </c>
      <c r="DC32" s="281">
        <v>0</v>
      </c>
      <c r="DD32" s="281">
        <v>0</v>
      </c>
      <c r="DE32" s="281">
        <v>0</v>
      </c>
      <c r="DF32" s="281">
        <v>0</v>
      </c>
      <c r="DG32" s="278">
        <v>0</v>
      </c>
      <c r="DH32" s="283">
        <v>0</v>
      </c>
      <c r="DI32" s="277">
        <v>0</v>
      </c>
      <c r="DJ32" s="281">
        <v>0</v>
      </c>
      <c r="DK32" s="278">
        <v>0</v>
      </c>
      <c r="DL32" s="280">
        <v>0</v>
      </c>
      <c r="DM32" s="281">
        <v>0</v>
      </c>
      <c r="DN32" s="281">
        <v>0</v>
      </c>
      <c r="DO32" s="281">
        <v>0</v>
      </c>
      <c r="DP32" s="281">
        <v>0</v>
      </c>
      <c r="DQ32" s="281">
        <v>0</v>
      </c>
      <c r="DR32" s="278">
        <v>0</v>
      </c>
      <c r="DS32" s="283">
        <v>0</v>
      </c>
      <c r="DT32" s="277">
        <v>2</v>
      </c>
      <c r="DU32" s="281">
        <v>1</v>
      </c>
      <c r="DV32" s="278">
        <v>3</v>
      </c>
      <c r="DW32" s="280">
        <v>0</v>
      </c>
      <c r="DX32" s="281">
        <v>0</v>
      </c>
      <c r="DY32" s="281">
        <v>5</v>
      </c>
      <c r="DZ32" s="281">
        <v>2</v>
      </c>
      <c r="EA32" s="281">
        <v>2</v>
      </c>
      <c r="EB32" s="281">
        <v>0</v>
      </c>
      <c r="EC32" s="278">
        <v>9</v>
      </c>
      <c r="ED32" s="283">
        <v>12</v>
      </c>
      <c r="EE32" s="277">
        <v>0</v>
      </c>
      <c r="EF32" s="281">
        <v>0</v>
      </c>
      <c r="EG32" s="278">
        <v>0</v>
      </c>
      <c r="EH32" s="280">
        <v>0</v>
      </c>
      <c r="EI32" s="281">
        <v>3</v>
      </c>
      <c r="EJ32" s="281">
        <v>0</v>
      </c>
      <c r="EK32" s="281">
        <v>0</v>
      </c>
      <c r="EL32" s="281">
        <v>1</v>
      </c>
      <c r="EM32" s="281">
        <v>0</v>
      </c>
      <c r="EN32" s="278">
        <v>4</v>
      </c>
      <c r="EO32" s="283">
        <v>4</v>
      </c>
      <c r="EP32" s="277">
        <v>2</v>
      </c>
      <c r="EQ32" s="281">
        <v>2</v>
      </c>
      <c r="ER32" s="278">
        <v>4</v>
      </c>
      <c r="ES32" s="280">
        <v>0</v>
      </c>
      <c r="ET32" s="281">
        <v>2</v>
      </c>
      <c r="EU32" s="281">
        <v>6</v>
      </c>
      <c r="EV32" s="281">
        <v>2</v>
      </c>
      <c r="EW32" s="281">
        <v>2</v>
      </c>
      <c r="EX32" s="281">
        <v>0</v>
      </c>
      <c r="EY32" s="278">
        <v>12</v>
      </c>
      <c r="EZ32" s="283">
        <v>16</v>
      </c>
    </row>
    <row r="33" spans="2:156" ht="19.5" customHeight="1" x14ac:dyDescent="0.2">
      <c r="B33" s="262" t="s">
        <v>31</v>
      </c>
      <c r="C33" s="277">
        <v>0</v>
      </c>
      <c r="D33" s="281">
        <v>0</v>
      </c>
      <c r="E33" s="385">
        <v>0</v>
      </c>
      <c r="F33" s="280">
        <v>0</v>
      </c>
      <c r="G33" s="281">
        <v>1</v>
      </c>
      <c r="H33" s="281">
        <v>0</v>
      </c>
      <c r="I33" s="281">
        <v>0</v>
      </c>
      <c r="J33" s="281">
        <v>0</v>
      </c>
      <c r="K33" s="281">
        <v>0</v>
      </c>
      <c r="L33" s="282">
        <v>1</v>
      </c>
      <c r="M33" s="283">
        <v>1</v>
      </c>
      <c r="N33" s="277">
        <v>0</v>
      </c>
      <c r="O33" s="281">
        <v>0</v>
      </c>
      <c r="P33" s="278">
        <v>0</v>
      </c>
      <c r="Q33" s="280">
        <v>0</v>
      </c>
      <c r="R33" s="281">
        <v>0</v>
      </c>
      <c r="S33" s="281">
        <v>0</v>
      </c>
      <c r="T33" s="281">
        <v>0</v>
      </c>
      <c r="U33" s="281">
        <v>0</v>
      </c>
      <c r="V33" s="281">
        <v>0</v>
      </c>
      <c r="W33" s="278">
        <v>0</v>
      </c>
      <c r="X33" s="283">
        <v>0</v>
      </c>
      <c r="Y33" s="277">
        <v>1</v>
      </c>
      <c r="Z33" s="281">
        <v>0</v>
      </c>
      <c r="AA33" s="278">
        <v>1</v>
      </c>
      <c r="AB33" s="280">
        <v>0</v>
      </c>
      <c r="AC33" s="281">
        <v>0</v>
      </c>
      <c r="AD33" s="281">
        <v>2</v>
      </c>
      <c r="AE33" s="281">
        <v>0</v>
      </c>
      <c r="AF33" s="281">
        <v>1</v>
      </c>
      <c r="AG33" s="281">
        <v>0</v>
      </c>
      <c r="AH33" s="278">
        <v>3</v>
      </c>
      <c r="AI33" s="283">
        <v>4</v>
      </c>
      <c r="AJ33" s="277">
        <v>0</v>
      </c>
      <c r="AK33" s="281">
        <v>0</v>
      </c>
      <c r="AL33" s="278">
        <v>0</v>
      </c>
      <c r="AM33" s="280">
        <v>0</v>
      </c>
      <c r="AN33" s="281">
        <v>0</v>
      </c>
      <c r="AO33" s="281">
        <v>0</v>
      </c>
      <c r="AP33" s="281">
        <v>1</v>
      </c>
      <c r="AQ33" s="281">
        <v>0</v>
      </c>
      <c r="AR33" s="281">
        <v>0</v>
      </c>
      <c r="AS33" s="278">
        <v>1</v>
      </c>
      <c r="AT33" s="283">
        <v>1</v>
      </c>
      <c r="AU33" s="277">
        <v>0</v>
      </c>
      <c r="AV33" s="281">
        <v>0</v>
      </c>
      <c r="AW33" s="278">
        <v>0</v>
      </c>
      <c r="AX33" s="280">
        <v>0</v>
      </c>
      <c r="AY33" s="281">
        <v>1</v>
      </c>
      <c r="AZ33" s="281">
        <v>1</v>
      </c>
      <c r="BA33" s="281">
        <v>0</v>
      </c>
      <c r="BB33" s="281">
        <v>0</v>
      </c>
      <c r="BC33" s="281">
        <v>2</v>
      </c>
      <c r="BD33" s="282">
        <v>4</v>
      </c>
      <c r="BE33" s="283">
        <v>4</v>
      </c>
      <c r="BF33" s="277">
        <v>0</v>
      </c>
      <c r="BG33" s="281">
        <v>0</v>
      </c>
      <c r="BH33" s="278">
        <v>0</v>
      </c>
      <c r="BI33" s="280">
        <v>0</v>
      </c>
      <c r="BJ33" s="281">
        <v>0</v>
      </c>
      <c r="BK33" s="281">
        <v>1</v>
      </c>
      <c r="BL33" s="281">
        <v>3</v>
      </c>
      <c r="BM33" s="281">
        <v>1</v>
      </c>
      <c r="BN33" s="281">
        <v>0</v>
      </c>
      <c r="BO33" s="278">
        <v>5</v>
      </c>
      <c r="BP33" s="283">
        <v>5</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1</v>
      </c>
      <c r="CJ33" s="281">
        <v>0</v>
      </c>
      <c r="CK33" s="278">
        <v>1</v>
      </c>
      <c r="CL33" s="283">
        <v>1</v>
      </c>
      <c r="CM33" s="277">
        <v>0</v>
      </c>
      <c r="CN33" s="281">
        <v>0</v>
      </c>
      <c r="CO33" s="278">
        <v>0</v>
      </c>
      <c r="CP33" s="280">
        <v>0</v>
      </c>
      <c r="CQ33" s="281">
        <v>0</v>
      </c>
      <c r="CR33" s="281">
        <v>1</v>
      </c>
      <c r="CS33" s="281">
        <v>0</v>
      </c>
      <c r="CT33" s="281">
        <v>0</v>
      </c>
      <c r="CU33" s="281">
        <v>0</v>
      </c>
      <c r="CV33" s="278">
        <v>1</v>
      </c>
      <c r="CW33" s="283">
        <v>1</v>
      </c>
      <c r="CX33" s="277">
        <v>0</v>
      </c>
      <c r="CY33" s="281">
        <v>0</v>
      </c>
      <c r="CZ33" s="278">
        <v>0</v>
      </c>
      <c r="DA33" s="280">
        <v>0</v>
      </c>
      <c r="DB33" s="281">
        <v>0</v>
      </c>
      <c r="DC33" s="281">
        <v>0</v>
      </c>
      <c r="DD33" s="281">
        <v>0</v>
      </c>
      <c r="DE33" s="281">
        <v>0</v>
      </c>
      <c r="DF33" s="281">
        <v>0</v>
      </c>
      <c r="DG33" s="278">
        <v>0</v>
      </c>
      <c r="DH33" s="283">
        <v>0</v>
      </c>
      <c r="DI33" s="277">
        <v>0</v>
      </c>
      <c r="DJ33" s="281">
        <v>0</v>
      </c>
      <c r="DK33" s="278">
        <v>0</v>
      </c>
      <c r="DL33" s="280">
        <v>0</v>
      </c>
      <c r="DM33" s="281">
        <v>0</v>
      </c>
      <c r="DN33" s="281">
        <v>0</v>
      </c>
      <c r="DO33" s="281">
        <v>0</v>
      </c>
      <c r="DP33" s="281">
        <v>0</v>
      </c>
      <c r="DQ33" s="281">
        <v>0</v>
      </c>
      <c r="DR33" s="278">
        <v>0</v>
      </c>
      <c r="DS33" s="283">
        <v>0</v>
      </c>
      <c r="DT33" s="277">
        <v>0</v>
      </c>
      <c r="DU33" s="281">
        <v>0</v>
      </c>
      <c r="DV33" s="278">
        <v>0</v>
      </c>
      <c r="DW33" s="280">
        <v>0</v>
      </c>
      <c r="DX33" s="281">
        <v>2</v>
      </c>
      <c r="DY33" s="281">
        <v>4</v>
      </c>
      <c r="DZ33" s="281">
        <v>2</v>
      </c>
      <c r="EA33" s="281">
        <v>1</v>
      </c>
      <c r="EB33" s="281">
        <v>0</v>
      </c>
      <c r="EC33" s="278">
        <v>9</v>
      </c>
      <c r="ED33" s="283">
        <v>9</v>
      </c>
      <c r="EE33" s="277">
        <v>0</v>
      </c>
      <c r="EF33" s="281">
        <v>0</v>
      </c>
      <c r="EG33" s="278">
        <v>0</v>
      </c>
      <c r="EH33" s="280">
        <v>0</v>
      </c>
      <c r="EI33" s="281">
        <v>1</v>
      </c>
      <c r="EJ33" s="281">
        <v>0</v>
      </c>
      <c r="EK33" s="281">
        <v>0</v>
      </c>
      <c r="EL33" s="281">
        <v>0</v>
      </c>
      <c r="EM33" s="281">
        <v>1</v>
      </c>
      <c r="EN33" s="278">
        <v>2</v>
      </c>
      <c r="EO33" s="283">
        <v>2</v>
      </c>
      <c r="EP33" s="277">
        <v>1</v>
      </c>
      <c r="EQ33" s="281">
        <v>0</v>
      </c>
      <c r="ER33" s="278">
        <v>1</v>
      </c>
      <c r="ES33" s="280">
        <v>0</v>
      </c>
      <c r="ET33" s="281">
        <v>3</v>
      </c>
      <c r="EU33" s="281">
        <v>6</v>
      </c>
      <c r="EV33" s="281">
        <v>3</v>
      </c>
      <c r="EW33" s="281">
        <v>1</v>
      </c>
      <c r="EX33" s="281">
        <v>0</v>
      </c>
      <c r="EY33" s="278">
        <v>13</v>
      </c>
      <c r="EZ33" s="283">
        <v>14</v>
      </c>
    </row>
    <row r="34" spans="2:156" ht="19.5" customHeight="1" x14ac:dyDescent="0.2">
      <c r="B34" s="262" t="s">
        <v>32</v>
      </c>
      <c r="C34" s="277">
        <v>0</v>
      </c>
      <c r="D34" s="281">
        <v>0</v>
      </c>
      <c r="E34" s="385">
        <v>0</v>
      </c>
      <c r="F34" s="280">
        <v>0</v>
      </c>
      <c r="G34" s="281">
        <v>1</v>
      </c>
      <c r="H34" s="281">
        <v>1</v>
      </c>
      <c r="I34" s="281">
        <v>0</v>
      </c>
      <c r="J34" s="281">
        <v>1</v>
      </c>
      <c r="K34" s="281">
        <v>0</v>
      </c>
      <c r="L34" s="282">
        <v>3</v>
      </c>
      <c r="M34" s="283">
        <v>3</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0</v>
      </c>
      <c r="AD34" s="281">
        <v>2</v>
      </c>
      <c r="AE34" s="281">
        <v>1</v>
      </c>
      <c r="AF34" s="281">
        <v>0</v>
      </c>
      <c r="AG34" s="281">
        <v>0</v>
      </c>
      <c r="AH34" s="278">
        <v>3</v>
      </c>
      <c r="AI34" s="283">
        <v>3</v>
      </c>
      <c r="AJ34" s="277">
        <v>1</v>
      </c>
      <c r="AK34" s="281">
        <v>0</v>
      </c>
      <c r="AL34" s="278">
        <v>1</v>
      </c>
      <c r="AM34" s="280">
        <v>0</v>
      </c>
      <c r="AN34" s="281">
        <v>1</v>
      </c>
      <c r="AO34" s="281">
        <v>0</v>
      </c>
      <c r="AP34" s="281">
        <v>1</v>
      </c>
      <c r="AQ34" s="281">
        <v>0</v>
      </c>
      <c r="AR34" s="281">
        <v>0</v>
      </c>
      <c r="AS34" s="278">
        <v>2</v>
      </c>
      <c r="AT34" s="283">
        <v>3</v>
      </c>
      <c r="AU34" s="277">
        <v>0</v>
      </c>
      <c r="AV34" s="281">
        <v>0</v>
      </c>
      <c r="AW34" s="278">
        <v>0</v>
      </c>
      <c r="AX34" s="280">
        <v>0</v>
      </c>
      <c r="AY34" s="281">
        <v>1</v>
      </c>
      <c r="AZ34" s="281">
        <v>1</v>
      </c>
      <c r="BA34" s="281">
        <v>2</v>
      </c>
      <c r="BB34" s="281">
        <v>3</v>
      </c>
      <c r="BC34" s="281">
        <v>2</v>
      </c>
      <c r="BD34" s="282">
        <v>9</v>
      </c>
      <c r="BE34" s="283">
        <v>9</v>
      </c>
      <c r="BF34" s="277">
        <v>0</v>
      </c>
      <c r="BG34" s="281">
        <v>0</v>
      </c>
      <c r="BH34" s="278">
        <v>0</v>
      </c>
      <c r="BI34" s="280">
        <v>0</v>
      </c>
      <c r="BJ34" s="281">
        <v>2</v>
      </c>
      <c r="BK34" s="281">
        <v>3</v>
      </c>
      <c r="BL34" s="281">
        <v>0</v>
      </c>
      <c r="BM34" s="281">
        <v>0</v>
      </c>
      <c r="BN34" s="281">
        <v>0</v>
      </c>
      <c r="BO34" s="278">
        <v>5</v>
      </c>
      <c r="BP34" s="283">
        <v>5</v>
      </c>
      <c r="BQ34" s="277">
        <v>0</v>
      </c>
      <c r="BR34" s="281">
        <v>0</v>
      </c>
      <c r="BS34" s="278">
        <v>0</v>
      </c>
      <c r="BT34" s="280">
        <v>0</v>
      </c>
      <c r="BU34" s="281">
        <v>0</v>
      </c>
      <c r="BV34" s="281">
        <v>1</v>
      </c>
      <c r="BW34" s="281">
        <v>2</v>
      </c>
      <c r="BX34" s="281">
        <v>1</v>
      </c>
      <c r="BY34" s="281">
        <v>0</v>
      </c>
      <c r="BZ34" s="278">
        <v>4</v>
      </c>
      <c r="CA34" s="283">
        <v>4</v>
      </c>
      <c r="CB34" s="277">
        <v>0</v>
      </c>
      <c r="CC34" s="281">
        <v>0</v>
      </c>
      <c r="CD34" s="278">
        <v>0</v>
      </c>
      <c r="CE34" s="280">
        <v>0</v>
      </c>
      <c r="CF34" s="281">
        <v>1</v>
      </c>
      <c r="CG34" s="281">
        <v>1</v>
      </c>
      <c r="CH34" s="281">
        <v>0</v>
      </c>
      <c r="CI34" s="281">
        <v>0</v>
      </c>
      <c r="CJ34" s="281">
        <v>0</v>
      </c>
      <c r="CK34" s="278">
        <v>2</v>
      </c>
      <c r="CL34" s="283">
        <v>2</v>
      </c>
      <c r="CM34" s="277">
        <v>0</v>
      </c>
      <c r="CN34" s="281">
        <v>0</v>
      </c>
      <c r="CO34" s="278">
        <v>0</v>
      </c>
      <c r="CP34" s="280">
        <v>0</v>
      </c>
      <c r="CQ34" s="281">
        <v>0</v>
      </c>
      <c r="CR34" s="281">
        <v>0</v>
      </c>
      <c r="CS34" s="281">
        <v>0</v>
      </c>
      <c r="CT34" s="281">
        <v>1</v>
      </c>
      <c r="CU34" s="281">
        <v>0</v>
      </c>
      <c r="CV34" s="278">
        <v>1</v>
      </c>
      <c r="CW34" s="283">
        <v>1</v>
      </c>
      <c r="CX34" s="277">
        <v>0</v>
      </c>
      <c r="CY34" s="281">
        <v>0</v>
      </c>
      <c r="CZ34" s="278">
        <v>0</v>
      </c>
      <c r="DA34" s="280">
        <v>0</v>
      </c>
      <c r="DB34" s="281">
        <v>0</v>
      </c>
      <c r="DC34" s="281">
        <v>0</v>
      </c>
      <c r="DD34" s="281">
        <v>0</v>
      </c>
      <c r="DE34" s="281">
        <v>0</v>
      </c>
      <c r="DF34" s="281">
        <v>0</v>
      </c>
      <c r="DG34" s="278">
        <v>0</v>
      </c>
      <c r="DH34" s="283">
        <v>0</v>
      </c>
      <c r="DI34" s="277">
        <v>0</v>
      </c>
      <c r="DJ34" s="281">
        <v>0</v>
      </c>
      <c r="DK34" s="278">
        <v>0</v>
      </c>
      <c r="DL34" s="280">
        <v>0</v>
      </c>
      <c r="DM34" s="281">
        <v>0</v>
      </c>
      <c r="DN34" s="281">
        <v>0</v>
      </c>
      <c r="DO34" s="281">
        <v>0</v>
      </c>
      <c r="DP34" s="281">
        <v>0</v>
      </c>
      <c r="DQ34" s="281">
        <v>0</v>
      </c>
      <c r="DR34" s="278">
        <v>0</v>
      </c>
      <c r="DS34" s="283">
        <v>0</v>
      </c>
      <c r="DT34" s="277">
        <v>2</v>
      </c>
      <c r="DU34" s="281">
        <v>2</v>
      </c>
      <c r="DV34" s="278">
        <v>4</v>
      </c>
      <c r="DW34" s="280">
        <v>0</v>
      </c>
      <c r="DX34" s="281">
        <v>3</v>
      </c>
      <c r="DY34" s="281">
        <v>2</v>
      </c>
      <c r="DZ34" s="281">
        <v>3</v>
      </c>
      <c r="EA34" s="281">
        <v>3</v>
      </c>
      <c r="EB34" s="281">
        <v>0</v>
      </c>
      <c r="EC34" s="278">
        <v>11</v>
      </c>
      <c r="ED34" s="283">
        <v>15</v>
      </c>
      <c r="EE34" s="277">
        <v>0</v>
      </c>
      <c r="EF34" s="281">
        <v>0</v>
      </c>
      <c r="EG34" s="278">
        <v>0</v>
      </c>
      <c r="EH34" s="280">
        <v>0</v>
      </c>
      <c r="EI34" s="281">
        <v>1</v>
      </c>
      <c r="EJ34" s="281">
        <v>1</v>
      </c>
      <c r="EK34" s="281">
        <v>0</v>
      </c>
      <c r="EL34" s="281">
        <v>1</v>
      </c>
      <c r="EM34" s="281">
        <v>1</v>
      </c>
      <c r="EN34" s="278">
        <v>4</v>
      </c>
      <c r="EO34" s="283">
        <v>4</v>
      </c>
      <c r="EP34" s="277">
        <v>3</v>
      </c>
      <c r="EQ34" s="281">
        <v>2</v>
      </c>
      <c r="ER34" s="278">
        <v>5</v>
      </c>
      <c r="ES34" s="280">
        <v>0</v>
      </c>
      <c r="ET34" s="281">
        <v>6</v>
      </c>
      <c r="EU34" s="281">
        <v>7</v>
      </c>
      <c r="EV34" s="281">
        <v>3</v>
      </c>
      <c r="EW34" s="281">
        <v>3</v>
      </c>
      <c r="EX34" s="281">
        <v>0</v>
      </c>
      <c r="EY34" s="278">
        <v>19</v>
      </c>
      <c r="EZ34" s="283">
        <v>24</v>
      </c>
    </row>
    <row r="35" spans="2:156" ht="19.5" customHeight="1" x14ac:dyDescent="0.2">
      <c r="B35" s="262" t="s">
        <v>33</v>
      </c>
      <c r="C35" s="277">
        <v>0</v>
      </c>
      <c r="D35" s="281">
        <v>0</v>
      </c>
      <c r="E35" s="385">
        <v>0</v>
      </c>
      <c r="F35" s="280">
        <v>0</v>
      </c>
      <c r="G35" s="281">
        <v>2</v>
      </c>
      <c r="H35" s="281">
        <v>0</v>
      </c>
      <c r="I35" s="281">
        <v>2</v>
      </c>
      <c r="J35" s="281">
        <v>0</v>
      </c>
      <c r="K35" s="281">
        <v>0</v>
      </c>
      <c r="L35" s="282">
        <v>4</v>
      </c>
      <c r="M35" s="283">
        <v>4</v>
      </c>
      <c r="N35" s="277">
        <v>0</v>
      </c>
      <c r="O35" s="281">
        <v>0</v>
      </c>
      <c r="P35" s="278">
        <v>0</v>
      </c>
      <c r="Q35" s="280">
        <v>0</v>
      </c>
      <c r="R35" s="281">
        <v>0</v>
      </c>
      <c r="S35" s="281">
        <v>0</v>
      </c>
      <c r="T35" s="281">
        <v>0</v>
      </c>
      <c r="U35" s="281">
        <v>0</v>
      </c>
      <c r="V35" s="281">
        <v>0</v>
      </c>
      <c r="W35" s="278">
        <v>0</v>
      </c>
      <c r="X35" s="283">
        <v>0</v>
      </c>
      <c r="Y35" s="277">
        <v>1</v>
      </c>
      <c r="Z35" s="281">
        <v>0</v>
      </c>
      <c r="AA35" s="278">
        <v>1</v>
      </c>
      <c r="AB35" s="280">
        <v>0</v>
      </c>
      <c r="AC35" s="281">
        <v>1</v>
      </c>
      <c r="AD35" s="281">
        <v>2</v>
      </c>
      <c r="AE35" s="281">
        <v>2</v>
      </c>
      <c r="AF35" s="281">
        <v>0</v>
      </c>
      <c r="AG35" s="281">
        <v>1</v>
      </c>
      <c r="AH35" s="278">
        <v>6</v>
      </c>
      <c r="AI35" s="283">
        <v>7</v>
      </c>
      <c r="AJ35" s="277">
        <v>1</v>
      </c>
      <c r="AK35" s="281">
        <v>0</v>
      </c>
      <c r="AL35" s="278">
        <v>1</v>
      </c>
      <c r="AM35" s="280">
        <v>0</v>
      </c>
      <c r="AN35" s="281">
        <v>1</v>
      </c>
      <c r="AO35" s="281">
        <v>1</v>
      </c>
      <c r="AP35" s="281">
        <v>1</v>
      </c>
      <c r="AQ35" s="281">
        <v>2</v>
      </c>
      <c r="AR35" s="281">
        <v>0</v>
      </c>
      <c r="AS35" s="278">
        <v>5</v>
      </c>
      <c r="AT35" s="283">
        <v>6</v>
      </c>
      <c r="AU35" s="277">
        <v>1</v>
      </c>
      <c r="AV35" s="281">
        <v>0</v>
      </c>
      <c r="AW35" s="278">
        <v>1</v>
      </c>
      <c r="AX35" s="280">
        <v>0</v>
      </c>
      <c r="AY35" s="281">
        <v>2</v>
      </c>
      <c r="AZ35" s="281">
        <v>3</v>
      </c>
      <c r="BA35" s="281">
        <v>3</v>
      </c>
      <c r="BB35" s="281">
        <v>0</v>
      </c>
      <c r="BC35" s="281">
        <v>1</v>
      </c>
      <c r="BD35" s="282">
        <v>9</v>
      </c>
      <c r="BE35" s="283">
        <v>10</v>
      </c>
      <c r="BF35" s="277">
        <v>0</v>
      </c>
      <c r="BG35" s="281">
        <v>0</v>
      </c>
      <c r="BH35" s="278">
        <v>0</v>
      </c>
      <c r="BI35" s="280">
        <v>0</v>
      </c>
      <c r="BJ35" s="281">
        <v>2</v>
      </c>
      <c r="BK35" s="281">
        <v>0</v>
      </c>
      <c r="BL35" s="281">
        <v>0</v>
      </c>
      <c r="BM35" s="281">
        <v>0</v>
      </c>
      <c r="BN35" s="281">
        <v>0</v>
      </c>
      <c r="BO35" s="278">
        <v>2</v>
      </c>
      <c r="BP35" s="283">
        <v>2</v>
      </c>
      <c r="BQ35" s="277">
        <v>0</v>
      </c>
      <c r="BR35" s="281">
        <v>0</v>
      </c>
      <c r="BS35" s="278">
        <v>0</v>
      </c>
      <c r="BT35" s="280">
        <v>0</v>
      </c>
      <c r="BU35" s="281">
        <v>1</v>
      </c>
      <c r="BV35" s="281">
        <v>0</v>
      </c>
      <c r="BW35" s="281">
        <v>0</v>
      </c>
      <c r="BX35" s="281">
        <v>1</v>
      </c>
      <c r="BY35" s="281">
        <v>0</v>
      </c>
      <c r="BZ35" s="278">
        <v>2</v>
      </c>
      <c r="CA35" s="283">
        <v>2</v>
      </c>
      <c r="CB35" s="277">
        <v>0</v>
      </c>
      <c r="CC35" s="281">
        <v>0</v>
      </c>
      <c r="CD35" s="278">
        <v>0</v>
      </c>
      <c r="CE35" s="280">
        <v>0</v>
      </c>
      <c r="CF35" s="281">
        <v>1</v>
      </c>
      <c r="CG35" s="281">
        <v>0</v>
      </c>
      <c r="CH35" s="281">
        <v>0</v>
      </c>
      <c r="CI35" s="281">
        <v>0</v>
      </c>
      <c r="CJ35" s="281">
        <v>0</v>
      </c>
      <c r="CK35" s="278">
        <v>1</v>
      </c>
      <c r="CL35" s="283">
        <v>1</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0</v>
      </c>
      <c r="DE35" s="281">
        <v>0</v>
      </c>
      <c r="DF35" s="281">
        <v>0</v>
      </c>
      <c r="DG35" s="278">
        <v>0</v>
      </c>
      <c r="DH35" s="283">
        <v>0</v>
      </c>
      <c r="DI35" s="277">
        <v>0</v>
      </c>
      <c r="DJ35" s="281">
        <v>0</v>
      </c>
      <c r="DK35" s="278">
        <v>0</v>
      </c>
      <c r="DL35" s="280">
        <v>0</v>
      </c>
      <c r="DM35" s="281">
        <v>0</v>
      </c>
      <c r="DN35" s="281">
        <v>0</v>
      </c>
      <c r="DO35" s="281">
        <v>0</v>
      </c>
      <c r="DP35" s="281">
        <v>0</v>
      </c>
      <c r="DQ35" s="281">
        <v>0</v>
      </c>
      <c r="DR35" s="278">
        <v>0</v>
      </c>
      <c r="DS35" s="283">
        <v>0</v>
      </c>
      <c r="DT35" s="277">
        <v>0</v>
      </c>
      <c r="DU35" s="281">
        <v>1</v>
      </c>
      <c r="DV35" s="278">
        <v>1</v>
      </c>
      <c r="DW35" s="280">
        <v>0</v>
      </c>
      <c r="DX35" s="281">
        <v>1</v>
      </c>
      <c r="DY35" s="281">
        <v>3</v>
      </c>
      <c r="DZ35" s="281">
        <v>3</v>
      </c>
      <c r="EA35" s="281">
        <v>1</v>
      </c>
      <c r="EB35" s="281">
        <v>1</v>
      </c>
      <c r="EC35" s="278">
        <v>9</v>
      </c>
      <c r="ED35" s="283">
        <v>10</v>
      </c>
      <c r="EE35" s="277">
        <v>1</v>
      </c>
      <c r="EF35" s="281">
        <v>0</v>
      </c>
      <c r="EG35" s="278">
        <v>1</v>
      </c>
      <c r="EH35" s="280">
        <v>0</v>
      </c>
      <c r="EI35" s="281">
        <v>1</v>
      </c>
      <c r="EJ35" s="281">
        <v>1</v>
      </c>
      <c r="EK35" s="281">
        <v>2</v>
      </c>
      <c r="EL35" s="281">
        <v>1</v>
      </c>
      <c r="EM35" s="281">
        <v>0</v>
      </c>
      <c r="EN35" s="278">
        <v>5</v>
      </c>
      <c r="EO35" s="283">
        <v>6</v>
      </c>
      <c r="EP35" s="277">
        <v>2</v>
      </c>
      <c r="EQ35" s="281">
        <v>1</v>
      </c>
      <c r="ER35" s="278">
        <v>3</v>
      </c>
      <c r="ES35" s="280">
        <v>0</v>
      </c>
      <c r="ET35" s="281">
        <v>5</v>
      </c>
      <c r="EU35" s="281">
        <v>3</v>
      </c>
      <c r="EV35" s="281">
        <v>3</v>
      </c>
      <c r="EW35" s="281">
        <v>2</v>
      </c>
      <c r="EX35" s="281">
        <v>1</v>
      </c>
      <c r="EY35" s="278">
        <v>14</v>
      </c>
      <c r="EZ35" s="283">
        <v>17</v>
      </c>
    </row>
    <row r="36" spans="2:156" ht="19.5" customHeight="1" x14ac:dyDescent="0.2">
      <c r="B36" s="262" t="s">
        <v>34</v>
      </c>
      <c r="C36" s="277">
        <v>0</v>
      </c>
      <c r="D36" s="281">
        <v>0</v>
      </c>
      <c r="E36" s="385">
        <v>0</v>
      </c>
      <c r="F36" s="280">
        <v>0</v>
      </c>
      <c r="G36" s="281">
        <v>1</v>
      </c>
      <c r="H36" s="281">
        <v>0</v>
      </c>
      <c r="I36" s="281">
        <v>1</v>
      </c>
      <c r="J36" s="281">
        <v>1</v>
      </c>
      <c r="K36" s="281">
        <v>0</v>
      </c>
      <c r="L36" s="282">
        <v>3</v>
      </c>
      <c r="M36" s="283">
        <v>3</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0</v>
      </c>
      <c r="AD36" s="281">
        <v>0</v>
      </c>
      <c r="AE36" s="281">
        <v>0</v>
      </c>
      <c r="AF36" s="281">
        <v>0</v>
      </c>
      <c r="AG36" s="281">
        <v>0</v>
      </c>
      <c r="AH36" s="278">
        <v>0</v>
      </c>
      <c r="AI36" s="283">
        <v>0</v>
      </c>
      <c r="AJ36" s="277">
        <v>0</v>
      </c>
      <c r="AK36" s="281">
        <v>0</v>
      </c>
      <c r="AL36" s="278">
        <v>0</v>
      </c>
      <c r="AM36" s="280">
        <v>0</v>
      </c>
      <c r="AN36" s="281">
        <v>0</v>
      </c>
      <c r="AO36" s="281">
        <v>0</v>
      </c>
      <c r="AP36" s="281">
        <v>1</v>
      </c>
      <c r="AQ36" s="281">
        <v>0</v>
      </c>
      <c r="AR36" s="281">
        <v>0</v>
      </c>
      <c r="AS36" s="278">
        <v>1</v>
      </c>
      <c r="AT36" s="283">
        <v>1</v>
      </c>
      <c r="AU36" s="277">
        <v>0</v>
      </c>
      <c r="AV36" s="281">
        <v>0</v>
      </c>
      <c r="AW36" s="278">
        <v>0</v>
      </c>
      <c r="AX36" s="280">
        <v>0</v>
      </c>
      <c r="AY36" s="281">
        <v>3</v>
      </c>
      <c r="AZ36" s="281">
        <v>2</v>
      </c>
      <c r="BA36" s="281">
        <v>0</v>
      </c>
      <c r="BB36" s="281">
        <v>1</v>
      </c>
      <c r="BC36" s="281">
        <v>0</v>
      </c>
      <c r="BD36" s="282">
        <v>6</v>
      </c>
      <c r="BE36" s="283">
        <v>6</v>
      </c>
      <c r="BF36" s="277">
        <v>0</v>
      </c>
      <c r="BG36" s="281">
        <v>0</v>
      </c>
      <c r="BH36" s="278">
        <v>0</v>
      </c>
      <c r="BI36" s="280">
        <v>0</v>
      </c>
      <c r="BJ36" s="281">
        <v>0</v>
      </c>
      <c r="BK36" s="281">
        <v>1</v>
      </c>
      <c r="BL36" s="281">
        <v>1</v>
      </c>
      <c r="BM36" s="281">
        <v>1</v>
      </c>
      <c r="BN36" s="281">
        <v>0</v>
      </c>
      <c r="BO36" s="278">
        <v>3</v>
      </c>
      <c r="BP36" s="283">
        <v>3</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c r="DI36" s="277">
        <v>0</v>
      </c>
      <c r="DJ36" s="281">
        <v>0</v>
      </c>
      <c r="DK36" s="278">
        <v>0</v>
      </c>
      <c r="DL36" s="280">
        <v>0</v>
      </c>
      <c r="DM36" s="281">
        <v>0</v>
      </c>
      <c r="DN36" s="281">
        <v>0</v>
      </c>
      <c r="DO36" s="281">
        <v>0</v>
      </c>
      <c r="DP36" s="281">
        <v>0</v>
      </c>
      <c r="DQ36" s="281">
        <v>0</v>
      </c>
      <c r="DR36" s="278">
        <v>0</v>
      </c>
      <c r="DS36" s="283">
        <v>0</v>
      </c>
      <c r="DT36" s="277">
        <v>0</v>
      </c>
      <c r="DU36" s="281">
        <v>1</v>
      </c>
      <c r="DV36" s="278">
        <v>1</v>
      </c>
      <c r="DW36" s="280">
        <v>0</v>
      </c>
      <c r="DX36" s="281">
        <v>2</v>
      </c>
      <c r="DY36" s="281">
        <v>0</v>
      </c>
      <c r="DZ36" s="281">
        <v>2</v>
      </c>
      <c r="EA36" s="281">
        <v>2</v>
      </c>
      <c r="EB36" s="281">
        <v>0</v>
      </c>
      <c r="EC36" s="278">
        <v>6</v>
      </c>
      <c r="ED36" s="283">
        <v>7</v>
      </c>
      <c r="EE36" s="277">
        <v>0</v>
      </c>
      <c r="EF36" s="281">
        <v>0</v>
      </c>
      <c r="EG36" s="278">
        <v>0</v>
      </c>
      <c r="EH36" s="280">
        <v>0</v>
      </c>
      <c r="EI36" s="281">
        <v>0</v>
      </c>
      <c r="EJ36" s="281">
        <v>1</v>
      </c>
      <c r="EK36" s="281">
        <v>0</v>
      </c>
      <c r="EL36" s="281">
        <v>0</v>
      </c>
      <c r="EM36" s="281">
        <v>0</v>
      </c>
      <c r="EN36" s="278">
        <v>1</v>
      </c>
      <c r="EO36" s="283">
        <v>1</v>
      </c>
      <c r="EP36" s="277">
        <v>0</v>
      </c>
      <c r="EQ36" s="281">
        <v>1</v>
      </c>
      <c r="ER36" s="278">
        <v>1</v>
      </c>
      <c r="ES36" s="280">
        <v>0</v>
      </c>
      <c r="ET36" s="281">
        <v>2</v>
      </c>
      <c r="EU36" s="281">
        <v>1</v>
      </c>
      <c r="EV36" s="281">
        <v>3</v>
      </c>
      <c r="EW36" s="281">
        <v>2</v>
      </c>
      <c r="EX36" s="281">
        <v>0</v>
      </c>
      <c r="EY36" s="278">
        <v>8</v>
      </c>
      <c r="EZ36" s="283">
        <v>9</v>
      </c>
    </row>
    <row r="37" spans="2:156" ht="19.5" customHeight="1" x14ac:dyDescent="0.2">
      <c r="B37" s="262" t="s">
        <v>35</v>
      </c>
      <c r="C37" s="277">
        <v>0</v>
      </c>
      <c r="D37" s="281">
        <v>0</v>
      </c>
      <c r="E37" s="385">
        <v>0</v>
      </c>
      <c r="F37" s="280">
        <v>0</v>
      </c>
      <c r="G37" s="281">
        <v>7</v>
      </c>
      <c r="H37" s="281">
        <v>3</v>
      </c>
      <c r="I37" s="281">
        <v>3</v>
      </c>
      <c r="J37" s="281">
        <v>1</v>
      </c>
      <c r="K37" s="281">
        <v>0</v>
      </c>
      <c r="L37" s="282">
        <v>14</v>
      </c>
      <c r="M37" s="283">
        <v>14</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v>
      </c>
      <c r="AD37" s="281">
        <v>1</v>
      </c>
      <c r="AE37" s="281">
        <v>3</v>
      </c>
      <c r="AF37" s="281">
        <v>1</v>
      </c>
      <c r="AG37" s="281">
        <v>1</v>
      </c>
      <c r="AH37" s="278">
        <v>7</v>
      </c>
      <c r="AI37" s="283">
        <v>7</v>
      </c>
      <c r="AJ37" s="277">
        <v>0</v>
      </c>
      <c r="AK37" s="281">
        <v>0</v>
      </c>
      <c r="AL37" s="278">
        <v>0</v>
      </c>
      <c r="AM37" s="280">
        <v>0</v>
      </c>
      <c r="AN37" s="281">
        <v>1</v>
      </c>
      <c r="AO37" s="281">
        <v>0</v>
      </c>
      <c r="AP37" s="281">
        <v>1</v>
      </c>
      <c r="AQ37" s="281">
        <v>0</v>
      </c>
      <c r="AR37" s="281">
        <v>0</v>
      </c>
      <c r="AS37" s="278">
        <v>2</v>
      </c>
      <c r="AT37" s="283">
        <v>2</v>
      </c>
      <c r="AU37" s="277">
        <v>3</v>
      </c>
      <c r="AV37" s="281">
        <v>2</v>
      </c>
      <c r="AW37" s="278">
        <v>5</v>
      </c>
      <c r="AX37" s="280">
        <v>0</v>
      </c>
      <c r="AY37" s="281">
        <v>3</v>
      </c>
      <c r="AZ37" s="281">
        <v>4</v>
      </c>
      <c r="BA37" s="281">
        <v>3</v>
      </c>
      <c r="BB37" s="281">
        <v>7</v>
      </c>
      <c r="BC37" s="281">
        <v>1</v>
      </c>
      <c r="BD37" s="282">
        <v>18</v>
      </c>
      <c r="BE37" s="283">
        <v>23</v>
      </c>
      <c r="BF37" s="277">
        <v>0</v>
      </c>
      <c r="BG37" s="281">
        <v>0</v>
      </c>
      <c r="BH37" s="278">
        <v>0</v>
      </c>
      <c r="BI37" s="280">
        <v>0</v>
      </c>
      <c r="BJ37" s="281">
        <v>4</v>
      </c>
      <c r="BK37" s="281">
        <v>4</v>
      </c>
      <c r="BL37" s="281">
        <v>1</v>
      </c>
      <c r="BM37" s="281">
        <v>0</v>
      </c>
      <c r="BN37" s="281">
        <v>1</v>
      </c>
      <c r="BO37" s="278">
        <v>10</v>
      </c>
      <c r="BP37" s="283">
        <v>10</v>
      </c>
      <c r="BQ37" s="277">
        <v>1</v>
      </c>
      <c r="BR37" s="281">
        <v>1</v>
      </c>
      <c r="BS37" s="278">
        <v>2</v>
      </c>
      <c r="BT37" s="280">
        <v>0</v>
      </c>
      <c r="BU37" s="281">
        <v>0</v>
      </c>
      <c r="BV37" s="281">
        <v>3</v>
      </c>
      <c r="BW37" s="281">
        <v>0</v>
      </c>
      <c r="BX37" s="281">
        <v>1</v>
      </c>
      <c r="BY37" s="281">
        <v>0</v>
      </c>
      <c r="BZ37" s="278">
        <v>4</v>
      </c>
      <c r="CA37" s="283">
        <v>6</v>
      </c>
      <c r="CB37" s="277">
        <v>0</v>
      </c>
      <c r="CC37" s="281">
        <v>0</v>
      </c>
      <c r="CD37" s="278">
        <v>0</v>
      </c>
      <c r="CE37" s="280">
        <v>0</v>
      </c>
      <c r="CF37" s="281">
        <v>1</v>
      </c>
      <c r="CG37" s="281">
        <v>0</v>
      </c>
      <c r="CH37" s="281">
        <v>0</v>
      </c>
      <c r="CI37" s="281">
        <v>0</v>
      </c>
      <c r="CJ37" s="281">
        <v>1</v>
      </c>
      <c r="CK37" s="278">
        <v>2</v>
      </c>
      <c r="CL37" s="283">
        <v>2</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c r="DI37" s="277">
        <v>0</v>
      </c>
      <c r="DJ37" s="281">
        <v>0</v>
      </c>
      <c r="DK37" s="278">
        <v>0</v>
      </c>
      <c r="DL37" s="280">
        <v>0</v>
      </c>
      <c r="DM37" s="281">
        <v>0</v>
      </c>
      <c r="DN37" s="281">
        <v>0</v>
      </c>
      <c r="DO37" s="281">
        <v>0</v>
      </c>
      <c r="DP37" s="281">
        <v>0</v>
      </c>
      <c r="DQ37" s="281">
        <v>0</v>
      </c>
      <c r="DR37" s="278">
        <v>0</v>
      </c>
      <c r="DS37" s="283">
        <v>0</v>
      </c>
      <c r="DT37" s="277">
        <v>2</v>
      </c>
      <c r="DU37" s="281">
        <v>1</v>
      </c>
      <c r="DV37" s="278">
        <v>3</v>
      </c>
      <c r="DW37" s="280">
        <v>0</v>
      </c>
      <c r="DX37" s="281">
        <v>5</v>
      </c>
      <c r="DY37" s="281">
        <v>9</v>
      </c>
      <c r="DZ37" s="281">
        <v>4</v>
      </c>
      <c r="EA37" s="281">
        <v>2</v>
      </c>
      <c r="EB37" s="281">
        <v>2</v>
      </c>
      <c r="EC37" s="278">
        <v>22</v>
      </c>
      <c r="ED37" s="283">
        <v>25</v>
      </c>
      <c r="EE37" s="277">
        <v>3</v>
      </c>
      <c r="EF37" s="281">
        <v>2</v>
      </c>
      <c r="EG37" s="278">
        <v>5</v>
      </c>
      <c r="EH37" s="280">
        <v>0</v>
      </c>
      <c r="EI37" s="281">
        <v>2</v>
      </c>
      <c r="EJ37" s="281">
        <v>1</v>
      </c>
      <c r="EK37" s="281">
        <v>2</v>
      </c>
      <c r="EL37" s="281">
        <v>4</v>
      </c>
      <c r="EM37" s="281">
        <v>0</v>
      </c>
      <c r="EN37" s="278">
        <v>9</v>
      </c>
      <c r="EO37" s="283">
        <v>14</v>
      </c>
      <c r="EP37" s="277">
        <v>2</v>
      </c>
      <c r="EQ37" s="281">
        <v>2</v>
      </c>
      <c r="ER37" s="278">
        <v>4</v>
      </c>
      <c r="ES37" s="280">
        <v>0</v>
      </c>
      <c r="ET37" s="281">
        <v>12</v>
      </c>
      <c r="EU37" s="281">
        <v>9</v>
      </c>
      <c r="EV37" s="281">
        <v>4</v>
      </c>
      <c r="EW37" s="281">
        <v>2</v>
      </c>
      <c r="EX37" s="281">
        <v>2</v>
      </c>
      <c r="EY37" s="278">
        <v>29</v>
      </c>
      <c r="EZ37" s="283">
        <v>33</v>
      </c>
    </row>
    <row r="38" spans="2:156" ht="19.5" customHeight="1" x14ac:dyDescent="0.2">
      <c r="B38" s="262" t="s">
        <v>36</v>
      </c>
      <c r="C38" s="277">
        <v>0</v>
      </c>
      <c r="D38" s="281">
        <v>0</v>
      </c>
      <c r="E38" s="385">
        <v>0</v>
      </c>
      <c r="F38" s="280">
        <v>0</v>
      </c>
      <c r="G38" s="281">
        <v>3</v>
      </c>
      <c r="H38" s="281">
        <v>1</v>
      </c>
      <c r="I38" s="281">
        <v>0</v>
      </c>
      <c r="J38" s="281">
        <v>0</v>
      </c>
      <c r="K38" s="281">
        <v>0</v>
      </c>
      <c r="L38" s="282">
        <v>4</v>
      </c>
      <c r="M38" s="283">
        <v>4</v>
      </c>
      <c r="N38" s="277">
        <v>0</v>
      </c>
      <c r="O38" s="281">
        <v>0</v>
      </c>
      <c r="P38" s="278">
        <v>0</v>
      </c>
      <c r="Q38" s="280">
        <v>0</v>
      </c>
      <c r="R38" s="281">
        <v>0</v>
      </c>
      <c r="S38" s="281">
        <v>0</v>
      </c>
      <c r="T38" s="281">
        <v>0</v>
      </c>
      <c r="U38" s="281">
        <v>0</v>
      </c>
      <c r="V38" s="281">
        <v>0</v>
      </c>
      <c r="W38" s="278">
        <v>0</v>
      </c>
      <c r="X38" s="283">
        <v>0</v>
      </c>
      <c r="Y38" s="277">
        <v>1</v>
      </c>
      <c r="Z38" s="281">
        <v>2</v>
      </c>
      <c r="AA38" s="278">
        <v>3</v>
      </c>
      <c r="AB38" s="280">
        <v>0</v>
      </c>
      <c r="AC38" s="281">
        <v>3</v>
      </c>
      <c r="AD38" s="281">
        <v>3</v>
      </c>
      <c r="AE38" s="281">
        <v>0</v>
      </c>
      <c r="AF38" s="281">
        <v>0</v>
      </c>
      <c r="AG38" s="281">
        <v>0</v>
      </c>
      <c r="AH38" s="278">
        <v>6</v>
      </c>
      <c r="AI38" s="283">
        <v>9</v>
      </c>
      <c r="AJ38" s="277">
        <v>0</v>
      </c>
      <c r="AK38" s="281">
        <v>0</v>
      </c>
      <c r="AL38" s="278">
        <v>0</v>
      </c>
      <c r="AM38" s="280">
        <v>0</v>
      </c>
      <c r="AN38" s="281">
        <v>2</v>
      </c>
      <c r="AO38" s="281">
        <v>0</v>
      </c>
      <c r="AP38" s="281">
        <v>0</v>
      </c>
      <c r="AQ38" s="281">
        <v>0</v>
      </c>
      <c r="AR38" s="281">
        <v>1</v>
      </c>
      <c r="AS38" s="278">
        <v>3</v>
      </c>
      <c r="AT38" s="283">
        <v>3</v>
      </c>
      <c r="AU38" s="277">
        <v>0</v>
      </c>
      <c r="AV38" s="281">
        <v>0</v>
      </c>
      <c r="AW38" s="278">
        <v>0</v>
      </c>
      <c r="AX38" s="280">
        <v>0</v>
      </c>
      <c r="AY38" s="281">
        <v>0</v>
      </c>
      <c r="AZ38" s="281">
        <v>3</v>
      </c>
      <c r="BA38" s="281">
        <v>5</v>
      </c>
      <c r="BB38" s="281">
        <v>4</v>
      </c>
      <c r="BC38" s="281">
        <v>1</v>
      </c>
      <c r="BD38" s="282">
        <v>13</v>
      </c>
      <c r="BE38" s="283">
        <v>13</v>
      </c>
      <c r="BF38" s="277">
        <v>0</v>
      </c>
      <c r="BG38" s="281">
        <v>0</v>
      </c>
      <c r="BH38" s="278">
        <v>0</v>
      </c>
      <c r="BI38" s="280">
        <v>0</v>
      </c>
      <c r="BJ38" s="281">
        <v>2</v>
      </c>
      <c r="BK38" s="281">
        <v>4</v>
      </c>
      <c r="BL38" s="281">
        <v>2</v>
      </c>
      <c r="BM38" s="281">
        <v>0</v>
      </c>
      <c r="BN38" s="281">
        <v>0</v>
      </c>
      <c r="BO38" s="278">
        <v>8</v>
      </c>
      <c r="BP38" s="283">
        <v>8</v>
      </c>
      <c r="BQ38" s="277">
        <v>0</v>
      </c>
      <c r="BR38" s="281">
        <v>1</v>
      </c>
      <c r="BS38" s="278">
        <v>1</v>
      </c>
      <c r="BT38" s="280">
        <v>0</v>
      </c>
      <c r="BU38" s="281">
        <v>1</v>
      </c>
      <c r="BV38" s="281">
        <v>0</v>
      </c>
      <c r="BW38" s="281">
        <v>0</v>
      </c>
      <c r="BX38" s="281">
        <v>0</v>
      </c>
      <c r="BY38" s="281">
        <v>0</v>
      </c>
      <c r="BZ38" s="278">
        <v>1</v>
      </c>
      <c r="CA38" s="283">
        <v>2</v>
      </c>
      <c r="CB38" s="277">
        <v>0</v>
      </c>
      <c r="CC38" s="281">
        <v>0</v>
      </c>
      <c r="CD38" s="278">
        <v>0</v>
      </c>
      <c r="CE38" s="280">
        <v>0</v>
      </c>
      <c r="CF38" s="281">
        <v>0</v>
      </c>
      <c r="CG38" s="281">
        <v>1</v>
      </c>
      <c r="CH38" s="281">
        <v>1</v>
      </c>
      <c r="CI38" s="281">
        <v>1</v>
      </c>
      <c r="CJ38" s="281">
        <v>0</v>
      </c>
      <c r="CK38" s="278">
        <v>3</v>
      </c>
      <c r="CL38" s="283">
        <v>3</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c r="DI38" s="277">
        <v>0</v>
      </c>
      <c r="DJ38" s="281">
        <v>0</v>
      </c>
      <c r="DK38" s="278">
        <v>0</v>
      </c>
      <c r="DL38" s="280">
        <v>0</v>
      </c>
      <c r="DM38" s="281">
        <v>0</v>
      </c>
      <c r="DN38" s="281">
        <v>0</v>
      </c>
      <c r="DO38" s="281">
        <v>0</v>
      </c>
      <c r="DP38" s="281">
        <v>0</v>
      </c>
      <c r="DQ38" s="281">
        <v>0</v>
      </c>
      <c r="DR38" s="278">
        <v>0</v>
      </c>
      <c r="DS38" s="283">
        <v>0</v>
      </c>
      <c r="DT38" s="277">
        <v>0</v>
      </c>
      <c r="DU38" s="281">
        <v>2</v>
      </c>
      <c r="DV38" s="278">
        <v>2</v>
      </c>
      <c r="DW38" s="280">
        <v>0</v>
      </c>
      <c r="DX38" s="281">
        <v>3</v>
      </c>
      <c r="DY38" s="281">
        <v>6</v>
      </c>
      <c r="DZ38" s="281">
        <v>2</v>
      </c>
      <c r="EA38" s="281">
        <v>2</v>
      </c>
      <c r="EB38" s="281">
        <v>3</v>
      </c>
      <c r="EC38" s="278">
        <v>16</v>
      </c>
      <c r="ED38" s="283">
        <v>18</v>
      </c>
      <c r="EE38" s="277">
        <v>0</v>
      </c>
      <c r="EF38" s="281">
        <v>0</v>
      </c>
      <c r="EG38" s="278">
        <v>0</v>
      </c>
      <c r="EH38" s="280">
        <v>0</v>
      </c>
      <c r="EI38" s="281">
        <v>0</v>
      </c>
      <c r="EJ38" s="281">
        <v>3</v>
      </c>
      <c r="EK38" s="281">
        <v>2</v>
      </c>
      <c r="EL38" s="281">
        <v>3</v>
      </c>
      <c r="EM38" s="281">
        <v>0</v>
      </c>
      <c r="EN38" s="278">
        <v>8</v>
      </c>
      <c r="EO38" s="283">
        <v>8</v>
      </c>
      <c r="EP38" s="277">
        <v>1</v>
      </c>
      <c r="EQ38" s="281">
        <v>4</v>
      </c>
      <c r="ER38" s="278">
        <v>5</v>
      </c>
      <c r="ES38" s="280">
        <v>0</v>
      </c>
      <c r="ET38" s="281">
        <v>7</v>
      </c>
      <c r="EU38" s="281">
        <v>7</v>
      </c>
      <c r="EV38" s="281">
        <v>2</v>
      </c>
      <c r="EW38" s="281">
        <v>2</v>
      </c>
      <c r="EX38" s="281">
        <v>3</v>
      </c>
      <c r="EY38" s="278">
        <v>21</v>
      </c>
      <c r="EZ38" s="283">
        <v>26</v>
      </c>
    </row>
    <row r="39" spans="2:156" ht="19.5" customHeight="1" thickBot="1" x14ac:dyDescent="0.25">
      <c r="B39" s="263" t="s">
        <v>37</v>
      </c>
      <c r="C39" s="284">
        <v>0</v>
      </c>
      <c r="D39" s="288">
        <v>0</v>
      </c>
      <c r="E39" s="386">
        <v>0</v>
      </c>
      <c r="F39" s="287">
        <v>0</v>
      </c>
      <c r="G39" s="288">
        <v>0</v>
      </c>
      <c r="H39" s="288">
        <v>0</v>
      </c>
      <c r="I39" s="288">
        <v>0</v>
      </c>
      <c r="J39" s="288">
        <v>0</v>
      </c>
      <c r="K39" s="288">
        <v>1</v>
      </c>
      <c r="L39" s="289">
        <v>1</v>
      </c>
      <c r="M39" s="290">
        <v>1</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1</v>
      </c>
      <c r="AH39" s="285">
        <v>1</v>
      </c>
      <c r="AI39" s="290">
        <v>1</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1</v>
      </c>
      <c r="BC39" s="288">
        <v>1</v>
      </c>
      <c r="BD39" s="289">
        <v>2</v>
      </c>
      <c r="BE39" s="290">
        <v>2</v>
      </c>
      <c r="BF39" s="284">
        <v>0</v>
      </c>
      <c r="BG39" s="288">
        <v>0</v>
      </c>
      <c r="BH39" s="285">
        <v>0</v>
      </c>
      <c r="BI39" s="287">
        <v>0</v>
      </c>
      <c r="BJ39" s="288">
        <v>0</v>
      </c>
      <c r="BK39" s="288">
        <v>0</v>
      </c>
      <c r="BL39" s="288">
        <v>0</v>
      </c>
      <c r="BM39" s="288">
        <v>0</v>
      </c>
      <c r="BN39" s="288">
        <v>0</v>
      </c>
      <c r="BO39" s="285">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c r="DI39" s="284">
        <v>0</v>
      </c>
      <c r="DJ39" s="288">
        <v>0</v>
      </c>
      <c r="DK39" s="285">
        <v>0</v>
      </c>
      <c r="DL39" s="287">
        <v>0</v>
      </c>
      <c r="DM39" s="288">
        <v>0</v>
      </c>
      <c r="DN39" s="288">
        <v>0</v>
      </c>
      <c r="DO39" s="288">
        <v>0</v>
      </c>
      <c r="DP39" s="288">
        <v>0</v>
      </c>
      <c r="DQ39" s="288">
        <v>0</v>
      </c>
      <c r="DR39" s="285">
        <v>0</v>
      </c>
      <c r="DS39" s="290">
        <v>0</v>
      </c>
      <c r="DT39" s="284">
        <v>0</v>
      </c>
      <c r="DU39" s="288">
        <v>0</v>
      </c>
      <c r="DV39" s="285">
        <v>0</v>
      </c>
      <c r="DW39" s="287">
        <v>0</v>
      </c>
      <c r="DX39" s="288">
        <v>0</v>
      </c>
      <c r="DY39" s="288">
        <v>0</v>
      </c>
      <c r="DZ39" s="288">
        <v>0</v>
      </c>
      <c r="EA39" s="288">
        <v>0</v>
      </c>
      <c r="EB39" s="288">
        <v>1</v>
      </c>
      <c r="EC39" s="285">
        <v>1</v>
      </c>
      <c r="ED39" s="290">
        <v>1</v>
      </c>
      <c r="EE39" s="284">
        <v>0</v>
      </c>
      <c r="EF39" s="288">
        <v>0</v>
      </c>
      <c r="EG39" s="285">
        <v>0</v>
      </c>
      <c r="EH39" s="287">
        <v>0</v>
      </c>
      <c r="EI39" s="288">
        <v>0</v>
      </c>
      <c r="EJ39" s="288">
        <v>0</v>
      </c>
      <c r="EK39" s="288">
        <v>0</v>
      </c>
      <c r="EL39" s="288">
        <v>1</v>
      </c>
      <c r="EM39" s="288">
        <v>0</v>
      </c>
      <c r="EN39" s="285">
        <v>1</v>
      </c>
      <c r="EO39" s="290">
        <v>1</v>
      </c>
      <c r="EP39" s="284">
        <v>0</v>
      </c>
      <c r="EQ39" s="288">
        <v>0</v>
      </c>
      <c r="ER39" s="285">
        <v>0</v>
      </c>
      <c r="ES39" s="287">
        <v>0</v>
      </c>
      <c r="ET39" s="288">
        <v>0</v>
      </c>
      <c r="EU39" s="288">
        <v>0</v>
      </c>
      <c r="EV39" s="288">
        <v>1</v>
      </c>
      <c r="EW39" s="288">
        <v>0</v>
      </c>
      <c r="EX39" s="288">
        <v>1</v>
      </c>
      <c r="EY39" s="285">
        <v>2</v>
      </c>
      <c r="EZ39" s="290">
        <v>2</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6"/>
    <col min="6" max="6" width="7.77734375" style="256" customWidth="1"/>
    <col min="7" max="7" width="9" style="256"/>
    <col min="8" max="8" width="10.6640625" style="256" customWidth="1"/>
    <col min="9" max="16" width="9" style="256"/>
    <col min="17" max="17" width="7.77734375" style="256" customWidth="1"/>
    <col min="18" max="27" width="9" style="256"/>
    <col min="28" max="28" width="6.88671875" style="256" customWidth="1"/>
    <col min="29" max="38" width="9" style="256"/>
    <col min="39" max="39" width="7.21875" style="256" customWidth="1"/>
    <col min="40" max="49" width="9" style="256"/>
    <col min="50" max="50" width="7.44140625" style="256" customWidth="1"/>
    <col min="51" max="60" width="9" style="256"/>
    <col min="61" max="61" width="7.6640625" style="256" customWidth="1"/>
    <col min="62" max="71" width="9" style="256"/>
    <col min="72" max="72" width="7.88671875" style="256" customWidth="1"/>
    <col min="73" max="82" width="9" style="256"/>
    <col min="83" max="83" width="7" style="256" customWidth="1"/>
    <col min="84" max="93" width="9" style="256"/>
    <col min="94" max="94" width="7.6640625" style="256" customWidth="1"/>
    <col min="95" max="16384" width="9" style="256"/>
  </cols>
  <sheetData>
    <row r="1" spans="2:112" ht="24" customHeight="1" x14ac:dyDescent="0.2">
      <c r="B1" s="291" t="s">
        <v>123</v>
      </c>
      <c r="J1" s="528">
        <f>第１表!F2</f>
        <v>4</v>
      </c>
      <c r="K1" s="528"/>
      <c r="L1" s="248">
        <f>第１表!G2</f>
        <v>7</v>
      </c>
      <c r="M1" s="529">
        <f>IF(L1&lt;3,L1+12-2,L1-2)</f>
        <v>5</v>
      </c>
      <c r="N1" s="529"/>
    </row>
    <row r="2" spans="2:112" ht="24" customHeight="1" thickBot="1" x14ac:dyDescent="0.25">
      <c r="B2" s="291" t="s">
        <v>139</v>
      </c>
    </row>
    <row r="3" spans="2:112" ht="13.8"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05</v>
      </c>
      <c r="CN3" s="547"/>
      <c r="CO3" s="547"/>
      <c r="CP3" s="547"/>
      <c r="CQ3" s="547"/>
      <c r="CR3" s="547"/>
      <c r="CS3" s="547"/>
      <c r="CT3" s="547"/>
      <c r="CU3" s="547"/>
      <c r="CV3" s="547"/>
      <c r="CW3" s="548"/>
      <c r="CX3" s="546" t="s">
        <v>160</v>
      </c>
      <c r="CY3" s="547"/>
      <c r="CZ3" s="547"/>
      <c r="DA3" s="547"/>
      <c r="DB3" s="547"/>
      <c r="DC3" s="547"/>
      <c r="DD3" s="547"/>
      <c r="DE3" s="547"/>
      <c r="DF3" s="547"/>
      <c r="DG3" s="547"/>
      <c r="DH3" s="548"/>
    </row>
    <row r="4" spans="2:112" x14ac:dyDescent="0.2">
      <c r="B4" s="550"/>
      <c r="C4" s="554" t="s">
        <v>61</v>
      </c>
      <c r="D4" s="537"/>
      <c r="E4" s="538"/>
      <c r="F4" s="536" t="s">
        <v>62</v>
      </c>
      <c r="G4" s="537"/>
      <c r="H4" s="537"/>
      <c r="I4" s="537"/>
      <c r="J4" s="537"/>
      <c r="K4" s="537"/>
      <c r="L4" s="545"/>
      <c r="M4" s="539" t="s">
        <v>52</v>
      </c>
      <c r="N4" s="554" t="s">
        <v>61</v>
      </c>
      <c r="O4" s="537"/>
      <c r="P4" s="538"/>
      <c r="Q4" s="536" t="s">
        <v>62</v>
      </c>
      <c r="R4" s="537"/>
      <c r="S4" s="537"/>
      <c r="T4" s="537"/>
      <c r="U4" s="537"/>
      <c r="V4" s="537"/>
      <c r="W4" s="538"/>
      <c r="X4" s="539" t="s">
        <v>52</v>
      </c>
      <c r="Y4" s="541" t="s">
        <v>61</v>
      </c>
      <c r="Z4" s="537"/>
      <c r="AA4" s="545"/>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45"/>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row>
    <row r="5" spans="2:112" ht="28.5" customHeight="1" thickBot="1" x14ac:dyDescent="0.25">
      <c r="B5" s="551"/>
      <c r="C5" s="265" t="s">
        <v>43</v>
      </c>
      <c r="D5" s="260" t="s">
        <v>44</v>
      </c>
      <c r="E5" s="383" t="s">
        <v>45</v>
      </c>
      <c r="F5" s="268" t="s">
        <v>83</v>
      </c>
      <c r="G5" s="260" t="s">
        <v>47</v>
      </c>
      <c r="H5" s="260" t="s">
        <v>48</v>
      </c>
      <c r="I5" s="260" t="s">
        <v>49</v>
      </c>
      <c r="J5" s="260" t="s">
        <v>50</v>
      </c>
      <c r="K5" s="260" t="s">
        <v>51</v>
      </c>
      <c r="L5" s="269" t="s">
        <v>45</v>
      </c>
      <c r="M5" s="540"/>
      <c r="N5" s="265" t="s">
        <v>43</v>
      </c>
      <c r="O5" s="260" t="s">
        <v>44</v>
      </c>
      <c r="P5" s="266" t="s">
        <v>45</v>
      </c>
      <c r="Q5" s="268" t="s">
        <v>83</v>
      </c>
      <c r="R5" s="260" t="s">
        <v>47</v>
      </c>
      <c r="S5" s="260" t="s">
        <v>48</v>
      </c>
      <c r="T5" s="260" t="s">
        <v>49</v>
      </c>
      <c r="U5" s="260" t="s">
        <v>50</v>
      </c>
      <c r="V5" s="260" t="s">
        <v>51</v>
      </c>
      <c r="W5" s="266" t="s">
        <v>45</v>
      </c>
      <c r="X5" s="540"/>
      <c r="Y5" s="312" t="s">
        <v>43</v>
      </c>
      <c r="Z5" s="260" t="s">
        <v>44</v>
      </c>
      <c r="AA5" s="269" t="s">
        <v>45</v>
      </c>
      <c r="AB5" s="268" t="s">
        <v>83</v>
      </c>
      <c r="AC5" s="260" t="s">
        <v>47</v>
      </c>
      <c r="AD5" s="260" t="s">
        <v>48</v>
      </c>
      <c r="AE5" s="260" t="s">
        <v>49</v>
      </c>
      <c r="AF5" s="260" t="s">
        <v>50</v>
      </c>
      <c r="AG5" s="260" t="s">
        <v>51</v>
      </c>
      <c r="AH5" s="266" t="s">
        <v>45</v>
      </c>
      <c r="AI5" s="540"/>
      <c r="AJ5" s="264" t="s">
        <v>43</v>
      </c>
      <c r="AK5" s="260" t="s">
        <v>44</v>
      </c>
      <c r="AL5" s="266" t="s">
        <v>45</v>
      </c>
      <c r="AM5" s="268" t="s">
        <v>83</v>
      </c>
      <c r="AN5" s="260" t="s">
        <v>47</v>
      </c>
      <c r="AO5" s="260" t="s">
        <v>48</v>
      </c>
      <c r="AP5" s="260" t="s">
        <v>49</v>
      </c>
      <c r="AQ5" s="260" t="s">
        <v>50</v>
      </c>
      <c r="AR5" s="260" t="s">
        <v>51</v>
      </c>
      <c r="AS5" s="266" t="s">
        <v>45</v>
      </c>
      <c r="AT5" s="540"/>
      <c r="AU5" s="312" t="s">
        <v>43</v>
      </c>
      <c r="AV5" s="260" t="s">
        <v>44</v>
      </c>
      <c r="AW5" s="269" t="s">
        <v>45</v>
      </c>
      <c r="AX5" s="268" t="s">
        <v>83</v>
      </c>
      <c r="AY5" s="260" t="s">
        <v>47</v>
      </c>
      <c r="AZ5" s="260" t="s">
        <v>48</v>
      </c>
      <c r="BA5" s="260" t="s">
        <v>49</v>
      </c>
      <c r="BB5" s="260" t="s">
        <v>50</v>
      </c>
      <c r="BC5" s="260" t="s">
        <v>51</v>
      </c>
      <c r="BD5" s="269" t="s">
        <v>45</v>
      </c>
      <c r="BE5" s="540"/>
      <c r="BF5" s="312" t="s">
        <v>43</v>
      </c>
      <c r="BG5" s="260" t="s">
        <v>44</v>
      </c>
      <c r="BH5" s="266" t="s">
        <v>45</v>
      </c>
      <c r="BI5" s="268" t="s">
        <v>83</v>
      </c>
      <c r="BJ5" s="260" t="s">
        <v>47</v>
      </c>
      <c r="BK5" s="260" t="s">
        <v>48</v>
      </c>
      <c r="BL5" s="260" t="s">
        <v>49</v>
      </c>
      <c r="BM5" s="260" t="s">
        <v>50</v>
      </c>
      <c r="BN5" s="260" t="s">
        <v>51</v>
      </c>
      <c r="BO5" s="266" t="s">
        <v>45</v>
      </c>
      <c r="BP5" s="540"/>
      <c r="BQ5" s="312" t="s">
        <v>43</v>
      </c>
      <c r="BR5" s="260" t="s">
        <v>44</v>
      </c>
      <c r="BS5" s="266" t="s">
        <v>45</v>
      </c>
      <c r="BT5" s="268" t="s">
        <v>83</v>
      </c>
      <c r="BU5" s="260" t="s">
        <v>47</v>
      </c>
      <c r="BV5" s="260" t="s">
        <v>48</v>
      </c>
      <c r="BW5" s="260" t="s">
        <v>49</v>
      </c>
      <c r="BX5" s="260" t="s">
        <v>50</v>
      </c>
      <c r="BY5" s="260" t="s">
        <v>51</v>
      </c>
      <c r="BZ5" s="266" t="s">
        <v>45</v>
      </c>
      <c r="CA5" s="540"/>
      <c r="CB5" s="312" t="s">
        <v>43</v>
      </c>
      <c r="CC5" s="260" t="s">
        <v>44</v>
      </c>
      <c r="CD5" s="266" t="s">
        <v>45</v>
      </c>
      <c r="CE5" s="268" t="s">
        <v>83</v>
      </c>
      <c r="CF5" s="260" t="s">
        <v>47</v>
      </c>
      <c r="CG5" s="260" t="s">
        <v>48</v>
      </c>
      <c r="CH5" s="260" t="s">
        <v>49</v>
      </c>
      <c r="CI5" s="260" t="s">
        <v>50</v>
      </c>
      <c r="CJ5" s="260" t="s">
        <v>51</v>
      </c>
      <c r="CK5" s="266" t="s">
        <v>45</v>
      </c>
      <c r="CL5" s="540"/>
      <c r="CM5" s="312" t="s">
        <v>43</v>
      </c>
      <c r="CN5" s="260" t="s">
        <v>44</v>
      </c>
      <c r="CO5" s="266" t="s">
        <v>45</v>
      </c>
      <c r="CP5" s="268" t="s">
        <v>83</v>
      </c>
      <c r="CQ5" s="260" t="s">
        <v>47</v>
      </c>
      <c r="CR5" s="260" t="s">
        <v>48</v>
      </c>
      <c r="CS5" s="260" t="s">
        <v>49</v>
      </c>
      <c r="CT5" s="260" t="s">
        <v>50</v>
      </c>
      <c r="CU5" s="260" t="s">
        <v>51</v>
      </c>
      <c r="CV5" s="266" t="s">
        <v>45</v>
      </c>
      <c r="CW5" s="540"/>
      <c r="CX5" s="366" t="s">
        <v>43</v>
      </c>
      <c r="CY5" s="260" t="s">
        <v>44</v>
      </c>
      <c r="CZ5" s="266" t="s">
        <v>45</v>
      </c>
      <c r="DA5" s="268" t="s">
        <v>83</v>
      </c>
      <c r="DB5" s="260" t="s">
        <v>47</v>
      </c>
      <c r="DC5" s="260" t="s">
        <v>48</v>
      </c>
      <c r="DD5" s="260" t="s">
        <v>49</v>
      </c>
      <c r="DE5" s="260" t="s">
        <v>50</v>
      </c>
      <c r="DF5" s="260" t="s">
        <v>51</v>
      </c>
      <c r="DG5" s="266" t="s">
        <v>45</v>
      </c>
      <c r="DH5" s="540"/>
    </row>
    <row r="6" spans="2:112" ht="18.75" customHeight="1" x14ac:dyDescent="0.2">
      <c r="B6" s="261" t="s">
        <v>4</v>
      </c>
      <c r="C6" s="270">
        <v>0</v>
      </c>
      <c r="D6" s="274">
        <v>0</v>
      </c>
      <c r="E6" s="384">
        <v>0</v>
      </c>
      <c r="F6" s="273">
        <v>0</v>
      </c>
      <c r="G6" s="274">
        <v>212573</v>
      </c>
      <c r="H6" s="274">
        <v>333420</v>
      </c>
      <c r="I6" s="274">
        <v>338657</v>
      </c>
      <c r="J6" s="274">
        <v>412908</v>
      </c>
      <c r="K6" s="274">
        <v>397375</v>
      </c>
      <c r="L6" s="275">
        <v>1694933</v>
      </c>
      <c r="M6" s="276">
        <v>1694933</v>
      </c>
      <c r="N6" s="270">
        <v>5</v>
      </c>
      <c r="O6" s="274">
        <v>114</v>
      </c>
      <c r="P6" s="271">
        <v>119</v>
      </c>
      <c r="Q6" s="273">
        <v>0</v>
      </c>
      <c r="R6" s="274">
        <v>428</v>
      </c>
      <c r="S6" s="274">
        <v>2050</v>
      </c>
      <c r="T6" s="274">
        <v>3874</v>
      </c>
      <c r="U6" s="274">
        <v>9421</v>
      </c>
      <c r="V6" s="274">
        <v>18604</v>
      </c>
      <c r="W6" s="271">
        <v>34377</v>
      </c>
      <c r="X6" s="276">
        <v>34496</v>
      </c>
      <c r="Y6" s="270">
        <v>10888</v>
      </c>
      <c r="Z6" s="274">
        <v>35399</v>
      </c>
      <c r="AA6" s="271">
        <v>46287</v>
      </c>
      <c r="AB6" s="273">
        <v>0</v>
      </c>
      <c r="AC6" s="274">
        <v>94298</v>
      </c>
      <c r="AD6" s="274">
        <v>149064</v>
      </c>
      <c r="AE6" s="274">
        <v>94881</v>
      </c>
      <c r="AF6" s="274">
        <v>87704</v>
      </c>
      <c r="AG6" s="274">
        <v>73863</v>
      </c>
      <c r="AH6" s="271">
        <v>499810</v>
      </c>
      <c r="AI6" s="276">
        <v>546097</v>
      </c>
      <c r="AJ6" s="270">
        <v>1988</v>
      </c>
      <c r="AK6" s="274">
        <v>7719</v>
      </c>
      <c r="AL6" s="271">
        <v>9707</v>
      </c>
      <c r="AM6" s="273">
        <v>0</v>
      </c>
      <c r="AN6" s="274">
        <v>12154</v>
      </c>
      <c r="AO6" s="274">
        <v>20262</v>
      </c>
      <c r="AP6" s="274">
        <v>13508</v>
      </c>
      <c r="AQ6" s="274">
        <v>12349</v>
      </c>
      <c r="AR6" s="274">
        <v>7345</v>
      </c>
      <c r="AS6" s="271">
        <v>65618</v>
      </c>
      <c r="AT6" s="276">
        <v>75325</v>
      </c>
      <c r="AU6" s="270">
        <v>0</v>
      </c>
      <c r="AV6" s="274">
        <v>0</v>
      </c>
      <c r="AW6" s="271">
        <v>0</v>
      </c>
      <c r="AX6" s="273">
        <v>0</v>
      </c>
      <c r="AY6" s="274">
        <v>186473</v>
      </c>
      <c r="AZ6" s="274">
        <v>188156</v>
      </c>
      <c r="BA6" s="274">
        <v>117300</v>
      </c>
      <c r="BB6" s="274">
        <v>70077</v>
      </c>
      <c r="BC6" s="274">
        <v>32627</v>
      </c>
      <c r="BD6" s="275">
        <v>594633</v>
      </c>
      <c r="BE6" s="276">
        <v>594633</v>
      </c>
      <c r="BF6" s="270">
        <v>0</v>
      </c>
      <c r="BG6" s="274">
        <v>0</v>
      </c>
      <c r="BH6" s="271">
        <v>0</v>
      </c>
      <c r="BI6" s="273">
        <v>0</v>
      </c>
      <c r="BJ6" s="274">
        <v>29618</v>
      </c>
      <c r="BK6" s="274">
        <v>45666</v>
      </c>
      <c r="BL6" s="274">
        <v>27545</v>
      </c>
      <c r="BM6" s="274">
        <v>17702</v>
      </c>
      <c r="BN6" s="274">
        <v>6156</v>
      </c>
      <c r="BO6" s="271">
        <v>126687</v>
      </c>
      <c r="BP6" s="276">
        <v>126687</v>
      </c>
      <c r="BQ6" s="270">
        <v>310</v>
      </c>
      <c r="BR6" s="274">
        <v>1305</v>
      </c>
      <c r="BS6" s="271">
        <v>1615</v>
      </c>
      <c r="BT6" s="273">
        <v>0</v>
      </c>
      <c r="BU6" s="274">
        <v>16636</v>
      </c>
      <c r="BV6" s="274">
        <v>31349</v>
      </c>
      <c r="BW6" s="274">
        <v>54390</v>
      </c>
      <c r="BX6" s="274">
        <v>43223</v>
      </c>
      <c r="BY6" s="274">
        <v>21130</v>
      </c>
      <c r="BZ6" s="271">
        <v>166728</v>
      </c>
      <c r="CA6" s="276">
        <v>168343</v>
      </c>
      <c r="CB6" s="270">
        <v>6</v>
      </c>
      <c r="CC6" s="274">
        <v>96</v>
      </c>
      <c r="CD6" s="271">
        <v>102</v>
      </c>
      <c r="CE6" s="273">
        <v>0</v>
      </c>
      <c r="CF6" s="274">
        <v>1283</v>
      </c>
      <c r="CG6" s="274">
        <v>2988</v>
      </c>
      <c r="CH6" s="274">
        <v>4237</v>
      </c>
      <c r="CI6" s="274">
        <v>4066</v>
      </c>
      <c r="CJ6" s="274">
        <v>2498</v>
      </c>
      <c r="CK6" s="271">
        <v>15072</v>
      </c>
      <c r="CL6" s="276">
        <v>15174</v>
      </c>
      <c r="CM6" s="270">
        <v>0</v>
      </c>
      <c r="CN6" s="274">
        <v>0</v>
      </c>
      <c r="CO6" s="271">
        <v>0</v>
      </c>
      <c r="CP6" s="273">
        <v>0</v>
      </c>
      <c r="CQ6" s="274">
        <v>0</v>
      </c>
      <c r="CR6" s="274">
        <v>0</v>
      </c>
      <c r="CS6" s="274">
        <v>0</v>
      </c>
      <c r="CT6" s="274">
        <v>0</v>
      </c>
      <c r="CU6" s="274">
        <v>0</v>
      </c>
      <c r="CV6" s="271">
        <v>0</v>
      </c>
      <c r="CW6" s="276">
        <v>0</v>
      </c>
      <c r="CX6" s="270">
        <v>0</v>
      </c>
      <c r="CY6" s="274">
        <v>0</v>
      </c>
      <c r="CZ6" s="271">
        <v>0</v>
      </c>
      <c r="DA6" s="273">
        <v>0</v>
      </c>
      <c r="DB6" s="274">
        <v>0</v>
      </c>
      <c r="DC6" s="274">
        <v>0</v>
      </c>
      <c r="DD6" s="274">
        <v>6</v>
      </c>
      <c r="DE6" s="274">
        <v>0</v>
      </c>
      <c r="DF6" s="274">
        <v>0</v>
      </c>
      <c r="DG6" s="271">
        <v>6</v>
      </c>
      <c r="DH6" s="276">
        <v>6</v>
      </c>
    </row>
    <row r="7" spans="2:112" ht="18.75" customHeight="1" x14ac:dyDescent="0.2">
      <c r="B7" s="262" t="s">
        <v>5</v>
      </c>
      <c r="C7" s="277">
        <v>0</v>
      </c>
      <c r="D7" s="281">
        <v>0</v>
      </c>
      <c r="E7" s="385">
        <v>0</v>
      </c>
      <c r="F7" s="280">
        <v>0</v>
      </c>
      <c r="G7" s="281">
        <v>71425</v>
      </c>
      <c r="H7" s="281">
        <v>143614</v>
      </c>
      <c r="I7" s="281">
        <v>128083</v>
      </c>
      <c r="J7" s="281">
        <v>144443</v>
      </c>
      <c r="K7" s="281">
        <v>143329</v>
      </c>
      <c r="L7" s="282">
        <v>630894</v>
      </c>
      <c r="M7" s="283">
        <v>630894</v>
      </c>
      <c r="N7" s="277">
        <v>0</v>
      </c>
      <c r="O7" s="281">
        <v>50</v>
      </c>
      <c r="P7" s="278">
        <v>50</v>
      </c>
      <c r="Q7" s="280">
        <v>0</v>
      </c>
      <c r="R7" s="281">
        <v>114</v>
      </c>
      <c r="S7" s="281">
        <v>798</v>
      </c>
      <c r="T7" s="281">
        <v>1430</v>
      </c>
      <c r="U7" s="281">
        <v>3710</v>
      </c>
      <c r="V7" s="281">
        <v>7970</v>
      </c>
      <c r="W7" s="278">
        <v>14022</v>
      </c>
      <c r="X7" s="283">
        <v>14072</v>
      </c>
      <c r="Y7" s="277">
        <v>4760</v>
      </c>
      <c r="Z7" s="281">
        <v>17812</v>
      </c>
      <c r="AA7" s="278">
        <v>22572</v>
      </c>
      <c r="AB7" s="280">
        <v>0</v>
      </c>
      <c r="AC7" s="281">
        <v>34926</v>
      </c>
      <c r="AD7" s="281">
        <v>79487</v>
      </c>
      <c r="AE7" s="281">
        <v>46654</v>
      </c>
      <c r="AF7" s="281">
        <v>40780</v>
      </c>
      <c r="AG7" s="281">
        <v>33999</v>
      </c>
      <c r="AH7" s="278">
        <v>235846</v>
      </c>
      <c r="AI7" s="283">
        <v>258418</v>
      </c>
      <c r="AJ7" s="277">
        <v>859</v>
      </c>
      <c r="AK7" s="281">
        <v>4099</v>
      </c>
      <c r="AL7" s="278">
        <v>4958</v>
      </c>
      <c r="AM7" s="280">
        <v>0</v>
      </c>
      <c r="AN7" s="281">
        <v>2896</v>
      </c>
      <c r="AO7" s="281">
        <v>8371</v>
      </c>
      <c r="AP7" s="281">
        <v>5530</v>
      </c>
      <c r="AQ7" s="281">
        <v>5343</v>
      </c>
      <c r="AR7" s="281">
        <v>2820</v>
      </c>
      <c r="AS7" s="278">
        <v>24960</v>
      </c>
      <c r="AT7" s="283">
        <v>29918</v>
      </c>
      <c r="AU7" s="277">
        <v>0</v>
      </c>
      <c r="AV7" s="281">
        <v>0</v>
      </c>
      <c r="AW7" s="278">
        <v>0</v>
      </c>
      <c r="AX7" s="280">
        <v>0</v>
      </c>
      <c r="AY7" s="281">
        <v>58248</v>
      </c>
      <c r="AZ7" s="281">
        <v>76212</v>
      </c>
      <c r="BA7" s="281">
        <v>42002</v>
      </c>
      <c r="BB7" s="281">
        <v>23304</v>
      </c>
      <c r="BC7" s="281">
        <v>11307</v>
      </c>
      <c r="BD7" s="282">
        <v>211073</v>
      </c>
      <c r="BE7" s="283">
        <v>211073</v>
      </c>
      <c r="BF7" s="277">
        <v>0</v>
      </c>
      <c r="BG7" s="281">
        <v>0</v>
      </c>
      <c r="BH7" s="278">
        <v>0</v>
      </c>
      <c r="BI7" s="280">
        <v>0</v>
      </c>
      <c r="BJ7" s="281">
        <v>8689</v>
      </c>
      <c r="BK7" s="281">
        <v>20603</v>
      </c>
      <c r="BL7" s="281">
        <v>12144</v>
      </c>
      <c r="BM7" s="281">
        <v>7425</v>
      </c>
      <c r="BN7" s="281">
        <v>2717</v>
      </c>
      <c r="BO7" s="278">
        <v>51578</v>
      </c>
      <c r="BP7" s="283">
        <v>51578</v>
      </c>
      <c r="BQ7" s="277">
        <v>94</v>
      </c>
      <c r="BR7" s="281">
        <v>594</v>
      </c>
      <c r="BS7" s="278">
        <v>688</v>
      </c>
      <c r="BT7" s="280">
        <v>0</v>
      </c>
      <c r="BU7" s="281">
        <v>4691</v>
      </c>
      <c r="BV7" s="281">
        <v>12080</v>
      </c>
      <c r="BW7" s="281">
        <v>20117</v>
      </c>
      <c r="BX7" s="281">
        <v>16318</v>
      </c>
      <c r="BY7" s="281">
        <v>7825</v>
      </c>
      <c r="BZ7" s="278">
        <v>61031</v>
      </c>
      <c r="CA7" s="283">
        <v>61719</v>
      </c>
      <c r="CB7" s="277">
        <v>0</v>
      </c>
      <c r="CC7" s="281">
        <v>77</v>
      </c>
      <c r="CD7" s="278">
        <v>77</v>
      </c>
      <c r="CE7" s="280">
        <v>0</v>
      </c>
      <c r="CF7" s="281">
        <v>644</v>
      </c>
      <c r="CG7" s="281">
        <v>1670</v>
      </c>
      <c r="CH7" s="281">
        <v>2321</v>
      </c>
      <c r="CI7" s="281">
        <v>2229</v>
      </c>
      <c r="CJ7" s="281">
        <v>1484</v>
      </c>
      <c r="CK7" s="278">
        <v>8348</v>
      </c>
      <c r="CL7" s="283">
        <v>8425</v>
      </c>
      <c r="CM7" s="277">
        <v>0</v>
      </c>
      <c r="CN7" s="281">
        <v>0</v>
      </c>
      <c r="CO7" s="278">
        <v>0</v>
      </c>
      <c r="CP7" s="280">
        <v>0</v>
      </c>
      <c r="CQ7" s="281">
        <v>0</v>
      </c>
      <c r="CR7" s="281">
        <v>0</v>
      </c>
      <c r="CS7" s="281">
        <v>0</v>
      </c>
      <c r="CT7" s="281">
        <v>0</v>
      </c>
      <c r="CU7" s="281">
        <v>0</v>
      </c>
      <c r="CV7" s="278">
        <v>0</v>
      </c>
      <c r="CW7" s="283">
        <v>0</v>
      </c>
      <c r="CX7" s="277">
        <v>0</v>
      </c>
      <c r="CY7" s="281">
        <v>0</v>
      </c>
      <c r="CZ7" s="278">
        <v>0</v>
      </c>
      <c r="DA7" s="280">
        <v>0</v>
      </c>
      <c r="DB7" s="281">
        <v>0</v>
      </c>
      <c r="DC7" s="281">
        <v>0</v>
      </c>
      <c r="DD7" s="281">
        <v>0</v>
      </c>
      <c r="DE7" s="281">
        <v>0</v>
      </c>
      <c r="DF7" s="281">
        <v>0</v>
      </c>
      <c r="DG7" s="278">
        <v>0</v>
      </c>
      <c r="DH7" s="283">
        <v>0</v>
      </c>
    </row>
    <row r="8" spans="2:112" ht="18.75" customHeight="1" x14ac:dyDescent="0.2">
      <c r="B8" s="262" t="s">
        <v>6</v>
      </c>
      <c r="C8" s="277">
        <v>0</v>
      </c>
      <c r="D8" s="281">
        <v>0</v>
      </c>
      <c r="E8" s="385">
        <v>0</v>
      </c>
      <c r="F8" s="280">
        <v>0</v>
      </c>
      <c r="G8" s="281">
        <v>37788</v>
      </c>
      <c r="H8" s="281">
        <v>47912</v>
      </c>
      <c r="I8" s="281">
        <v>54788</v>
      </c>
      <c r="J8" s="281">
        <v>66291</v>
      </c>
      <c r="K8" s="281">
        <v>68790</v>
      </c>
      <c r="L8" s="282">
        <v>275569</v>
      </c>
      <c r="M8" s="283">
        <v>275569</v>
      </c>
      <c r="N8" s="277">
        <v>0</v>
      </c>
      <c r="O8" s="281">
        <v>25</v>
      </c>
      <c r="P8" s="278">
        <v>25</v>
      </c>
      <c r="Q8" s="280">
        <v>0</v>
      </c>
      <c r="R8" s="281">
        <v>54</v>
      </c>
      <c r="S8" s="281">
        <v>232</v>
      </c>
      <c r="T8" s="281">
        <v>490</v>
      </c>
      <c r="U8" s="281">
        <v>1354</v>
      </c>
      <c r="V8" s="281">
        <v>2591</v>
      </c>
      <c r="W8" s="278">
        <v>4721</v>
      </c>
      <c r="X8" s="283">
        <v>4746</v>
      </c>
      <c r="Y8" s="277">
        <v>1858</v>
      </c>
      <c r="Z8" s="281">
        <v>5589</v>
      </c>
      <c r="AA8" s="278">
        <v>7447</v>
      </c>
      <c r="AB8" s="280">
        <v>0</v>
      </c>
      <c r="AC8" s="281">
        <v>20210</v>
      </c>
      <c r="AD8" s="281">
        <v>21123</v>
      </c>
      <c r="AE8" s="281">
        <v>14863</v>
      </c>
      <c r="AF8" s="281">
        <v>14886</v>
      </c>
      <c r="AG8" s="281">
        <v>12124</v>
      </c>
      <c r="AH8" s="278">
        <v>83206</v>
      </c>
      <c r="AI8" s="283">
        <v>90653</v>
      </c>
      <c r="AJ8" s="277">
        <v>183</v>
      </c>
      <c r="AK8" s="281">
        <v>606</v>
      </c>
      <c r="AL8" s="278">
        <v>789</v>
      </c>
      <c r="AM8" s="280">
        <v>0</v>
      </c>
      <c r="AN8" s="281">
        <v>1811</v>
      </c>
      <c r="AO8" s="281">
        <v>2412</v>
      </c>
      <c r="AP8" s="281">
        <v>1575</v>
      </c>
      <c r="AQ8" s="281">
        <v>1546</v>
      </c>
      <c r="AR8" s="281">
        <v>848</v>
      </c>
      <c r="AS8" s="278">
        <v>8192</v>
      </c>
      <c r="AT8" s="283">
        <v>8981</v>
      </c>
      <c r="AU8" s="277">
        <v>0</v>
      </c>
      <c r="AV8" s="281">
        <v>0</v>
      </c>
      <c r="AW8" s="278">
        <v>0</v>
      </c>
      <c r="AX8" s="280">
        <v>0</v>
      </c>
      <c r="AY8" s="281">
        <v>31733</v>
      </c>
      <c r="AZ8" s="281">
        <v>24630</v>
      </c>
      <c r="BA8" s="281">
        <v>16388</v>
      </c>
      <c r="BB8" s="281">
        <v>10877</v>
      </c>
      <c r="BC8" s="281">
        <v>5116</v>
      </c>
      <c r="BD8" s="282">
        <v>88744</v>
      </c>
      <c r="BE8" s="283">
        <v>88744</v>
      </c>
      <c r="BF8" s="277">
        <v>0</v>
      </c>
      <c r="BG8" s="281">
        <v>0</v>
      </c>
      <c r="BH8" s="278">
        <v>0</v>
      </c>
      <c r="BI8" s="280">
        <v>0</v>
      </c>
      <c r="BJ8" s="281">
        <v>4050</v>
      </c>
      <c r="BK8" s="281">
        <v>5035</v>
      </c>
      <c r="BL8" s="281">
        <v>3672</v>
      </c>
      <c r="BM8" s="281">
        <v>2645</v>
      </c>
      <c r="BN8" s="281">
        <v>844</v>
      </c>
      <c r="BO8" s="278">
        <v>16246</v>
      </c>
      <c r="BP8" s="283">
        <v>16246</v>
      </c>
      <c r="BQ8" s="277">
        <v>22</v>
      </c>
      <c r="BR8" s="281">
        <v>155</v>
      </c>
      <c r="BS8" s="278">
        <v>177</v>
      </c>
      <c r="BT8" s="280">
        <v>0</v>
      </c>
      <c r="BU8" s="281">
        <v>2219</v>
      </c>
      <c r="BV8" s="281">
        <v>3305</v>
      </c>
      <c r="BW8" s="281">
        <v>5327</v>
      </c>
      <c r="BX8" s="281">
        <v>5055</v>
      </c>
      <c r="BY8" s="281">
        <v>2559</v>
      </c>
      <c r="BZ8" s="278">
        <v>18465</v>
      </c>
      <c r="CA8" s="283">
        <v>18642</v>
      </c>
      <c r="CB8" s="277">
        <v>0</v>
      </c>
      <c r="CC8" s="281">
        <v>4</v>
      </c>
      <c r="CD8" s="278">
        <v>4</v>
      </c>
      <c r="CE8" s="280">
        <v>0</v>
      </c>
      <c r="CF8" s="281">
        <v>117</v>
      </c>
      <c r="CG8" s="281">
        <v>335</v>
      </c>
      <c r="CH8" s="281">
        <v>593</v>
      </c>
      <c r="CI8" s="281">
        <v>655</v>
      </c>
      <c r="CJ8" s="281">
        <v>295</v>
      </c>
      <c r="CK8" s="278">
        <v>1995</v>
      </c>
      <c r="CL8" s="283">
        <v>1999</v>
      </c>
      <c r="CM8" s="277">
        <v>0</v>
      </c>
      <c r="CN8" s="281">
        <v>0</v>
      </c>
      <c r="CO8" s="278">
        <v>0</v>
      </c>
      <c r="CP8" s="280">
        <v>0</v>
      </c>
      <c r="CQ8" s="281">
        <v>0</v>
      </c>
      <c r="CR8" s="281">
        <v>0</v>
      </c>
      <c r="CS8" s="281">
        <v>0</v>
      </c>
      <c r="CT8" s="281">
        <v>0</v>
      </c>
      <c r="CU8" s="281">
        <v>0</v>
      </c>
      <c r="CV8" s="278">
        <v>0</v>
      </c>
      <c r="CW8" s="283">
        <v>0</v>
      </c>
      <c r="CX8" s="277">
        <v>0</v>
      </c>
      <c r="CY8" s="281">
        <v>0</v>
      </c>
      <c r="CZ8" s="278">
        <v>0</v>
      </c>
      <c r="DA8" s="280">
        <v>0</v>
      </c>
      <c r="DB8" s="281">
        <v>0</v>
      </c>
      <c r="DC8" s="281">
        <v>0</v>
      </c>
      <c r="DD8" s="281">
        <v>0</v>
      </c>
      <c r="DE8" s="281">
        <v>0</v>
      </c>
      <c r="DF8" s="281">
        <v>0</v>
      </c>
      <c r="DG8" s="278">
        <v>0</v>
      </c>
      <c r="DH8" s="283">
        <v>0</v>
      </c>
    </row>
    <row r="9" spans="2:112" ht="18.75" customHeight="1" x14ac:dyDescent="0.2">
      <c r="B9" s="262" t="s">
        <v>14</v>
      </c>
      <c r="C9" s="277">
        <v>0</v>
      </c>
      <c r="D9" s="281">
        <v>0</v>
      </c>
      <c r="E9" s="385">
        <v>0</v>
      </c>
      <c r="F9" s="280">
        <v>0</v>
      </c>
      <c r="G9" s="281">
        <v>14264</v>
      </c>
      <c r="H9" s="281">
        <v>24214</v>
      </c>
      <c r="I9" s="281">
        <v>25546</v>
      </c>
      <c r="J9" s="281">
        <v>27679</v>
      </c>
      <c r="K9" s="281">
        <v>24682</v>
      </c>
      <c r="L9" s="282">
        <v>116385</v>
      </c>
      <c r="M9" s="283">
        <v>116385</v>
      </c>
      <c r="N9" s="277">
        <v>2</v>
      </c>
      <c r="O9" s="281">
        <v>10</v>
      </c>
      <c r="P9" s="278">
        <v>12</v>
      </c>
      <c r="Q9" s="280">
        <v>0</v>
      </c>
      <c r="R9" s="281">
        <v>9</v>
      </c>
      <c r="S9" s="281">
        <v>97</v>
      </c>
      <c r="T9" s="281">
        <v>284</v>
      </c>
      <c r="U9" s="281">
        <v>601</v>
      </c>
      <c r="V9" s="281">
        <v>1312</v>
      </c>
      <c r="W9" s="278">
        <v>2303</v>
      </c>
      <c r="X9" s="283">
        <v>2315</v>
      </c>
      <c r="Y9" s="277">
        <v>695</v>
      </c>
      <c r="Z9" s="281">
        <v>2980</v>
      </c>
      <c r="AA9" s="278">
        <v>3675</v>
      </c>
      <c r="AB9" s="280">
        <v>0</v>
      </c>
      <c r="AC9" s="281">
        <v>4967</v>
      </c>
      <c r="AD9" s="281">
        <v>9833</v>
      </c>
      <c r="AE9" s="281">
        <v>6741</v>
      </c>
      <c r="AF9" s="281">
        <v>7173</v>
      </c>
      <c r="AG9" s="281">
        <v>5678</v>
      </c>
      <c r="AH9" s="278">
        <v>34392</v>
      </c>
      <c r="AI9" s="283">
        <v>38067</v>
      </c>
      <c r="AJ9" s="277">
        <v>79</v>
      </c>
      <c r="AK9" s="281">
        <v>434</v>
      </c>
      <c r="AL9" s="278">
        <v>513</v>
      </c>
      <c r="AM9" s="280">
        <v>0</v>
      </c>
      <c r="AN9" s="281">
        <v>318</v>
      </c>
      <c r="AO9" s="281">
        <v>868</v>
      </c>
      <c r="AP9" s="281">
        <v>724</v>
      </c>
      <c r="AQ9" s="281">
        <v>559</v>
      </c>
      <c r="AR9" s="281">
        <v>260</v>
      </c>
      <c r="AS9" s="278">
        <v>2729</v>
      </c>
      <c r="AT9" s="283">
        <v>3242</v>
      </c>
      <c r="AU9" s="277">
        <v>0</v>
      </c>
      <c r="AV9" s="281">
        <v>0</v>
      </c>
      <c r="AW9" s="278">
        <v>0</v>
      </c>
      <c r="AX9" s="280">
        <v>0</v>
      </c>
      <c r="AY9" s="281">
        <v>13654</v>
      </c>
      <c r="AZ9" s="281">
        <v>15876</v>
      </c>
      <c r="BA9" s="281">
        <v>11709</v>
      </c>
      <c r="BB9" s="281">
        <v>7418</v>
      </c>
      <c r="BC9" s="281">
        <v>3328</v>
      </c>
      <c r="BD9" s="282">
        <v>51985</v>
      </c>
      <c r="BE9" s="283">
        <v>51985</v>
      </c>
      <c r="BF9" s="277">
        <v>0</v>
      </c>
      <c r="BG9" s="281">
        <v>0</v>
      </c>
      <c r="BH9" s="278">
        <v>0</v>
      </c>
      <c r="BI9" s="280">
        <v>0</v>
      </c>
      <c r="BJ9" s="281">
        <v>964</v>
      </c>
      <c r="BK9" s="281">
        <v>2618</v>
      </c>
      <c r="BL9" s="281">
        <v>1782</v>
      </c>
      <c r="BM9" s="281">
        <v>1291</v>
      </c>
      <c r="BN9" s="281">
        <v>370</v>
      </c>
      <c r="BO9" s="278">
        <v>7025</v>
      </c>
      <c r="BP9" s="283">
        <v>7025</v>
      </c>
      <c r="BQ9" s="277">
        <v>17</v>
      </c>
      <c r="BR9" s="281">
        <v>109</v>
      </c>
      <c r="BS9" s="278">
        <v>126</v>
      </c>
      <c r="BT9" s="280">
        <v>0</v>
      </c>
      <c r="BU9" s="281">
        <v>1174</v>
      </c>
      <c r="BV9" s="281">
        <v>2629</v>
      </c>
      <c r="BW9" s="281">
        <v>4879</v>
      </c>
      <c r="BX9" s="281">
        <v>3631</v>
      </c>
      <c r="BY9" s="281">
        <v>2011</v>
      </c>
      <c r="BZ9" s="278">
        <v>14324</v>
      </c>
      <c r="CA9" s="283">
        <v>14450</v>
      </c>
      <c r="CB9" s="277">
        <v>0</v>
      </c>
      <c r="CC9" s="281">
        <v>0</v>
      </c>
      <c r="CD9" s="278">
        <v>0</v>
      </c>
      <c r="CE9" s="280">
        <v>0</v>
      </c>
      <c r="CF9" s="281">
        <v>41</v>
      </c>
      <c r="CG9" s="281">
        <v>39</v>
      </c>
      <c r="CH9" s="281">
        <v>61</v>
      </c>
      <c r="CI9" s="281">
        <v>113</v>
      </c>
      <c r="CJ9" s="281">
        <v>42</v>
      </c>
      <c r="CK9" s="278">
        <v>296</v>
      </c>
      <c r="CL9" s="283">
        <v>296</v>
      </c>
      <c r="CM9" s="277">
        <v>0</v>
      </c>
      <c r="CN9" s="281">
        <v>0</v>
      </c>
      <c r="CO9" s="278">
        <v>0</v>
      </c>
      <c r="CP9" s="280">
        <v>0</v>
      </c>
      <c r="CQ9" s="281">
        <v>0</v>
      </c>
      <c r="CR9" s="281">
        <v>0</v>
      </c>
      <c r="CS9" s="281">
        <v>0</v>
      </c>
      <c r="CT9" s="281">
        <v>0</v>
      </c>
      <c r="CU9" s="281">
        <v>0</v>
      </c>
      <c r="CV9" s="278">
        <v>0</v>
      </c>
      <c r="CW9" s="283">
        <v>0</v>
      </c>
      <c r="CX9" s="277">
        <v>0</v>
      </c>
      <c r="CY9" s="281">
        <v>0</v>
      </c>
      <c r="CZ9" s="278">
        <v>0</v>
      </c>
      <c r="DA9" s="280">
        <v>0</v>
      </c>
      <c r="DB9" s="281">
        <v>0</v>
      </c>
      <c r="DC9" s="281">
        <v>0</v>
      </c>
      <c r="DD9" s="281">
        <v>0</v>
      </c>
      <c r="DE9" s="281">
        <v>0</v>
      </c>
      <c r="DF9" s="281">
        <v>0</v>
      </c>
      <c r="DG9" s="278">
        <v>0</v>
      </c>
      <c r="DH9" s="283">
        <v>0</v>
      </c>
    </row>
    <row r="10" spans="2:112" ht="18.75" customHeight="1" x14ac:dyDescent="0.2">
      <c r="B10" s="262" t="s">
        <v>7</v>
      </c>
      <c r="C10" s="277">
        <v>0</v>
      </c>
      <c r="D10" s="281">
        <v>0</v>
      </c>
      <c r="E10" s="385">
        <v>0</v>
      </c>
      <c r="F10" s="280">
        <v>0</v>
      </c>
      <c r="G10" s="281">
        <v>16715</v>
      </c>
      <c r="H10" s="281">
        <v>18667</v>
      </c>
      <c r="I10" s="281">
        <v>18923</v>
      </c>
      <c r="J10" s="281">
        <v>28490</v>
      </c>
      <c r="K10" s="281">
        <v>22373</v>
      </c>
      <c r="L10" s="282">
        <v>105168</v>
      </c>
      <c r="M10" s="283">
        <v>105168</v>
      </c>
      <c r="N10" s="277">
        <v>0</v>
      </c>
      <c r="O10" s="281">
        <v>0</v>
      </c>
      <c r="P10" s="278">
        <v>0</v>
      </c>
      <c r="Q10" s="280">
        <v>0</v>
      </c>
      <c r="R10" s="281">
        <v>52</v>
      </c>
      <c r="S10" s="281">
        <v>158</v>
      </c>
      <c r="T10" s="281">
        <v>230</v>
      </c>
      <c r="U10" s="281">
        <v>669</v>
      </c>
      <c r="V10" s="281">
        <v>981</v>
      </c>
      <c r="W10" s="278">
        <v>2090</v>
      </c>
      <c r="X10" s="283">
        <v>2090</v>
      </c>
      <c r="Y10" s="277">
        <v>90</v>
      </c>
      <c r="Z10" s="281">
        <v>172</v>
      </c>
      <c r="AA10" s="278">
        <v>262</v>
      </c>
      <c r="AB10" s="280">
        <v>0</v>
      </c>
      <c r="AC10" s="281">
        <v>3460</v>
      </c>
      <c r="AD10" s="281">
        <v>4065</v>
      </c>
      <c r="AE10" s="281">
        <v>2852</v>
      </c>
      <c r="AF10" s="281">
        <v>2964</v>
      </c>
      <c r="AG10" s="281">
        <v>2449</v>
      </c>
      <c r="AH10" s="278">
        <v>15790</v>
      </c>
      <c r="AI10" s="283">
        <v>16052</v>
      </c>
      <c r="AJ10" s="277">
        <v>48</v>
      </c>
      <c r="AK10" s="281">
        <v>95</v>
      </c>
      <c r="AL10" s="278">
        <v>143</v>
      </c>
      <c r="AM10" s="280">
        <v>0</v>
      </c>
      <c r="AN10" s="281">
        <v>774</v>
      </c>
      <c r="AO10" s="281">
        <v>1311</v>
      </c>
      <c r="AP10" s="281">
        <v>579</v>
      </c>
      <c r="AQ10" s="281">
        <v>711</v>
      </c>
      <c r="AR10" s="281">
        <v>443</v>
      </c>
      <c r="AS10" s="278">
        <v>3818</v>
      </c>
      <c r="AT10" s="283">
        <v>3961</v>
      </c>
      <c r="AU10" s="277">
        <v>0</v>
      </c>
      <c r="AV10" s="281">
        <v>0</v>
      </c>
      <c r="AW10" s="278">
        <v>0</v>
      </c>
      <c r="AX10" s="280">
        <v>0</v>
      </c>
      <c r="AY10" s="281">
        <v>13633</v>
      </c>
      <c r="AZ10" s="281">
        <v>9807</v>
      </c>
      <c r="BA10" s="281">
        <v>5505</v>
      </c>
      <c r="BB10" s="281">
        <v>3281</v>
      </c>
      <c r="BC10" s="281">
        <v>1200</v>
      </c>
      <c r="BD10" s="282">
        <v>33426</v>
      </c>
      <c r="BE10" s="283">
        <v>33426</v>
      </c>
      <c r="BF10" s="277">
        <v>0</v>
      </c>
      <c r="BG10" s="281">
        <v>0</v>
      </c>
      <c r="BH10" s="278">
        <v>0</v>
      </c>
      <c r="BI10" s="280">
        <v>0</v>
      </c>
      <c r="BJ10" s="281">
        <v>1970</v>
      </c>
      <c r="BK10" s="281">
        <v>1766</v>
      </c>
      <c r="BL10" s="281">
        <v>1124</v>
      </c>
      <c r="BM10" s="281">
        <v>483</v>
      </c>
      <c r="BN10" s="281">
        <v>142</v>
      </c>
      <c r="BO10" s="278">
        <v>5485</v>
      </c>
      <c r="BP10" s="283">
        <v>5485</v>
      </c>
      <c r="BQ10" s="277">
        <v>11</v>
      </c>
      <c r="BR10" s="281">
        <v>7</v>
      </c>
      <c r="BS10" s="278">
        <v>18</v>
      </c>
      <c r="BT10" s="280">
        <v>0</v>
      </c>
      <c r="BU10" s="281">
        <v>1805</v>
      </c>
      <c r="BV10" s="281">
        <v>2495</v>
      </c>
      <c r="BW10" s="281">
        <v>3179</v>
      </c>
      <c r="BX10" s="281">
        <v>2142</v>
      </c>
      <c r="BY10" s="281">
        <v>1174</v>
      </c>
      <c r="BZ10" s="278">
        <v>10795</v>
      </c>
      <c r="CA10" s="283">
        <v>10813</v>
      </c>
      <c r="CB10" s="277">
        <v>0</v>
      </c>
      <c r="CC10" s="281">
        <v>0</v>
      </c>
      <c r="CD10" s="278">
        <v>0</v>
      </c>
      <c r="CE10" s="280">
        <v>0</v>
      </c>
      <c r="CF10" s="281">
        <v>87</v>
      </c>
      <c r="CG10" s="281">
        <v>110</v>
      </c>
      <c r="CH10" s="281">
        <v>170</v>
      </c>
      <c r="CI10" s="281">
        <v>39</v>
      </c>
      <c r="CJ10" s="281">
        <v>80</v>
      </c>
      <c r="CK10" s="278">
        <v>486</v>
      </c>
      <c r="CL10" s="283">
        <v>486</v>
      </c>
      <c r="CM10" s="277">
        <v>0</v>
      </c>
      <c r="CN10" s="281">
        <v>0</v>
      </c>
      <c r="CO10" s="278">
        <v>0</v>
      </c>
      <c r="CP10" s="280">
        <v>0</v>
      </c>
      <c r="CQ10" s="281">
        <v>0</v>
      </c>
      <c r="CR10" s="281">
        <v>0</v>
      </c>
      <c r="CS10" s="281">
        <v>0</v>
      </c>
      <c r="CT10" s="281">
        <v>0</v>
      </c>
      <c r="CU10" s="281">
        <v>0</v>
      </c>
      <c r="CV10" s="278">
        <v>0</v>
      </c>
      <c r="CW10" s="283">
        <v>0</v>
      </c>
      <c r="CX10" s="277">
        <v>0</v>
      </c>
      <c r="CY10" s="281">
        <v>0</v>
      </c>
      <c r="CZ10" s="278">
        <v>0</v>
      </c>
      <c r="DA10" s="280">
        <v>0</v>
      </c>
      <c r="DB10" s="281">
        <v>0</v>
      </c>
      <c r="DC10" s="281">
        <v>0</v>
      </c>
      <c r="DD10" s="281">
        <v>0</v>
      </c>
      <c r="DE10" s="281">
        <v>0</v>
      </c>
      <c r="DF10" s="281">
        <v>0</v>
      </c>
      <c r="DG10" s="278">
        <v>0</v>
      </c>
      <c r="DH10" s="283">
        <v>0</v>
      </c>
    </row>
    <row r="11" spans="2:112" ht="18.75" customHeight="1" x14ac:dyDescent="0.2">
      <c r="B11" s="262" t="s">
        <v>8</v>
      </c>
      <c r="C11" s="277">
        <v>0</v>
      </c>
      <c r="D11" s="281">
        <v>0</v>
      </c>
      <c r="E11" s="385">
        <v>0</v>
      </c>
      <c r="F11" s="280">
        <v>0</v>
      </c>
      <c r="G11" s="281">
        <v>6405</v>
      </c>
      <c r="H11" s="281">
        <v>11706</v>
      </c>
      <c r="I11" s="281">
        <v>12607</v>
      </c>
      <c r="J11" s="281">
        <v>12690</v>
      </c>
      <c r="K11" s="281">
        <v>15740</v>
      </c>
      <c r="L11" s="282">
        <v>59148</v>
      </c>
      <c r="M11" s="283">
        <v>59148</v>
      </c>
      <c r="N11" s="277">
        <v>0</v>
      </c>
      <c r="O11" s="281">
        <v>0</v>
      </c>
      <c r="P11" s="278">
        <v>0</v>
      </c>
      <c r="Q11" s="280">
        <v>0</v>
      </c>
      <c r="R11" s="281">
        <v>15</v>
      </c>
      <c r="S11" s="281">
        <v>77</v>
      </c>
      <c r="T11" s="281">
        <v>177</v>
      </c>
      <c r="U11" s="281">
        <v>278</v>
      </c>
      <c r="V11" s="281">
        <v>613</v>
      </c>
      <c r="W11" s="278">
        <v>1160</v>
      </c>
      <c r="X11" s="283">
        <v>1160</v>
      </c>
      <c r="Y11" s="277">
        <v>198</v>
      </c>
      <c r="Z11" s="281">
        <v>298</v>
      </c>
      <c r="AA11" s="278">
        <v>496</v>
      </c>
      <c r="AB11" s="280">
        <v>0</v>
      </c>
      <c r="AC11" s="281">
        <v>1508</v>
      </c>
      <c r="AD11" s="281">
        <v>2495</v>
      </c>
      <c r="AE11" s="281">
        <v>1679</v>
      </c>
      <c r="AF11" s="281">
        <v>1494</v>
      </c>
      <c r="AG11" s="281">
        <v>1642</v>
      </c>
      <c r="AH11" s="278">
        <v>8818</v>
      </c>
      <c r="AI11" s="283">
        <v>9314</v>
      </c>
      <c r="AJ11" s="277">
        <v>40</v>
      </c>
      <c r="AK11" s="281">
        <v>155</v>
      </c>
      <c r="AL11" s="278">
        <v>195</v>
      </c>
      <c r="AM11" s="280">
        <v>0</v>
      </c>
      <c r="AN11" s="281">
        <v>563</v>
      </c>
      <c r="AO11" s="281">
        <v>812</v>
      </c>
      <c r="AP11" s="281">
        <v>706</v>
      </c>
      <c r="AQ11" s="281">
        <v>439</v>
      </c>
      <c r="AR11" s="281">
        <v>300</v>
      </c>
      <c r="AS11" s="278">
        <v>2820</v>
      </c>
      <c r="AT11" s="283">
        <v>3015</v>
      </c>
      <c r="AU11" s="277">
        <v>0</v>
      </c>
      <c r="AV11" s="281">
        <v>0</v>
      </c>
      <c r="AW11" s="278">
        <v>0</v>
      </c>
      <c r="AX11" s="280">
        <v>0</v>
      </c>
      <c r="AY11" s="281">
        <v>5442</v>
      </c>
      <c r="AZ11" s="281">
        <v>6085</v>
      </c>
      <c r="BA11" s="281">
        <v>4439</v>
      </c>
      <c r="BB11" s="281">
        <v>2236</v>
      </c>
      <c r="BC11" s="281">
        <v>1438</v>
      </c>
      <c r="BD11" s="282">
        <v>19640</v>
      </c>
      <c r="BE11" s="283">
        <v>19640</v>
      </c>
      <c r="BF11" s="277">
        <v>0</v>
      </c>
      <c r="BG11" s="281">
        <v>0</v>
      </c>
      <c r="BH11" s="278">
        <v>0</v>
      </c>
      <c r="BI11" s="280">
        <v>0</v>
      </c>
      <c r="BJ11" s="281">
        <v>835</v>
      </c>
      <c r="BK11" s="281">
        <v>1220</v>
      </c>
      <c r="BL11" s="281">
        <v>687</v>
      </c>
      <c r="BM11" s="281">
        <v>449</v>
      </c>
      <c r="BN11" s="281">
        <v>125</v>
      </c>
      <c r="BO11" s="278">
        <v>3316</v>
      </c>
      <c r="BP11" s="283">
        <v>3316</v>
      </c>
      <c r="BQ11" s="277">
        <v>8</v>
      </c>
      <c r="BR11" s="281">
        <v>40</v>
      </c>
      <c r="BS11" s="278">
        <v>48</v>
      </c>
      <c r="BT11" s="280">
        <v>0</v>
      </c>
      <c r="BU11" s="281">
        <v>519</v>
      </c>
      <c r="BV11" s="281">
        <v>1279</v>
      </c>
      <c r="BW11" s="281">
        <v>2650</v>
      </c>
      <c r="BX11" s="281">
        <v>1654</v>
      </c>
      <c r="BY11" s="281">
        <v>799</v>
      </c>
      <c r="BZ11" s="278">
        <v>6901</v>
      </c>
      <c r="CA11" s="283">
        <v>6949</v>
      </c>
      <c r="CB11" s="277">
        <v>0</v>
      </c>
      <c r="CC11" s="281">
        <v>0</v>
      </c>
      <c r="CD11" s="278">
        <v>0</v>
      </c>
      <c r="CE11" s="280">
        <v>0</v>
      </c>
      <c r="CF11" s="281">
        <v>9</v>
      </c>
      <c r="CG11" s="281">
        <v>23</v>
      </c>
      <c r="CH11" s="281">
        <v>62</v>
      </c>
      <c r="CI11" s="281">
        <v>21</v>
      </c>
      <c r="CJ11" s="281">
        <v>13</v>
      </c>
      <c r="CK11" s="278">
        <v>128</v>
      </c>
      <c r="CL11" s="283">
        <v>128</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row>
    <row r="12" spans="2:112" ht="18.75" customHeight="1" x14ac:dyDescent="0.2">
      <c r="B12" s="262" t="s">
        <v>9</v>
      </c>
      <c r="C12" s="277">
        <v>0</v>
      </c>
      <c r="D12" s="281">
        <v>0</v>
      </c>
      <c r="E12" s="385">
        <v>0</v>
      </c>
      <c r="F12" s="280">
        <v>0</v>
      </c>
      <c r="G12" s="281">
        <v>6055</v>
      </c>
      <c r="H12" s="281">
        <v>8191</v>
      </c>
      <c r="I12" s="281">
        <v>10046</v>
      </c>
      <c r="J12" s="281">
        <v>17458</v>
      </c>
      <c r="K12" s="281">
        <v>14389</v>
      </c>
      <c r="L12" s="282">
        <v>56139</v>
      </c>
      <c r="M12" s="283">
        <v>56139</v>
      </c>
      <c r="N12" s="277">
        <v>0</v>
      </c>
      <c r="O12" s="281">
        <v>0</v>
      </c>
      <c r="P12" s="278">
        <v>0</v>
      </c>
      <c r="Q12" s="280">
        <v>0</v>
      </c>
      <c r="R12" s="281">
        <v>30</v>
      </c>
      <c r="S12" s="281">
        <v>19</v>
      </c>
      <c r="T12" s="281">
        <v>82</v>
      </c>
      <c r="U12" s="281">
        <v>231</v>
      </c>
      <c r="V12" s="281">
        <v>550</v>
      </c>
      <c r="W12" s="278">
        <v>912</v>
      </c>
      <c r="X12" s="283">
        <v>912</v>
      </c>
      <c r="Y12" s="277">
        <v>193</v>
      </c>
      <c r="Z12" s="281">
        <v>450</v>
      </c>
      <c r="AA12" s="278">
        <v>643</v>
      </c>
      <c r="AB12" s="280">
        <v>0</v>
      </c>
      <c r="AC12" s="281">
        <v>3175</v>
      </c>
      <c r="AD12" s="281">
        <v>2920</v>
      </c>
      <c r="AE12" s="281">
        <v>2230</v>
      </c>
      <c r="AF12" s="281">
        <v>2262</v>
      </c>
      <c r="AG12" s="281">
        <v>2087</v>
      </c>
      <c r="AH12" s="278">
        <v>12674</v>
      </c>
      <c r="AI12" s="283">
        <v>13317</v>
      </c>
      <c r="AJ12" s="277">
        <v>37</v>
      </c>
      <c r="AK12" s="281">
        <v>165</v>
      </c>
      <c r="AL12" s="278">
        <v>202</v>
      </c>
      <c r="AM12" s="280">
        <v>0</v>
      </c>
      <c r="AN12" s="281">
        <v>580</v>
      </c>
      <c r="AO12" s="281">
        <v>565</v>
      </c>
      <c r="AP12" s="281">
        <v>499</v>
      </c>
      <c r="AQ12" s="281">
        <v>504</v>
      </c>
      <c r="AR12" s="281">
        <v>467</v>
      </c>
      <c r="AS12" s="278">
        <v>2615</v>
      </c>
      <c r="AT12" s="283">
        <v>2817</v>
      </c>
      <c r="AU12" s="277">
        <v>0</v>
      </c>
      <c r="AV12" s="281">
        <v>0</v>
      </c>
      <c r="AW12" s="278">
        <v>0</v>
      </c>
      <c r="AX12" s="280">
        <v>0</v>
      </c>
      <c r="AY12" s="281">
        <v>4319</v>
      </c>
      <c r="AZ12" s="281">
        <v>3417</v>
      </c>
      <c r="BA12" s="281">
        <v>2486</v>
      </c>
      <c r="BB12" s="281">
        <v>1449</v>
      </c>
      <c r="BC12" s="281">
        <v>610</v>
      </c>
      <c r="BD12" s="282">
        <v>12281</v>
      </c>
      <c r="BE12" s="283">
        <v>12281</v>
      </c>
      <c r="BF12" s="277">
        <v>0</v>
      </c>
      <c r="BG12" s="281">
        <v>0</v>
      </c>
      <c r="BH12" s="278">
        <v>0</v>
      </c>
      <c r="BI12" s="280">
        <v>0</v>
      </c>
      <c r="BJ12" s="281">
        <v>858</v>
      </c>
      <c r="BK12" s="281">
        <v>847</v>
      </c>
      <c r="BL12" s="281">
        <v>454</v>
      </c>
      <c r="BM12" s="281">
        <v>562</v>
      </c>
      <c r="BN12" s="281">
        <v>111</v>
      </c>
      <c r="BO12" s="278">
        <v>2832</v>
      </c>
      <c r="BP12" s="283">
        <v>2832</v>
      </c>
      <c r="BQ12" s="277">
        <v>8</v>
      </c>
      <c r="BR12" s="281">
        <v>8</v>
      </c>
      <c r="BS12" s="278">
        <v>16</v>
      </c>
      <c r="BT12" s="280">
        <v>0</v>
      </c>
      <c r="BU12" s="281">
        <v>438</v>
      </c>
      <c r="BV12" s="281">
        <v>927</v>
      </c>
      <c r="BW12" s="281">
        <v>1553</v>
      </c>
      <c r="BX12" s="281">
        <v>1677</v>
      </c>
      <c r="BY12" s="281">
        <v>743</v>
      </c>
      <c r="BZ12" s="278">
        <v>5338</v>
      </c>
      <c r="CA12" s="283">
        <v>5354</v>
      </c>
      <c r="CB12" s="277">
        <v>6</v>
      </c>
      <c r="CC12" s="281">
        <v>0</v>
      </c>
      <c r="CD12" s="278">
        <v>6</v>
      </c>
      <c r="CE12" s="280">
        <v>0</v>
      </c>
      <c r="CF12" s="281">
        <v>41</v>
      </c>
      <c r="CG12" s="281">
        <v>102</v>
      </c>
      <c r="CH12" s="281">
        <v>199</v>
      </c>
      <c r="CI12" s="281">
        <v>160</v>
      </c>
      <c r="CJ12" s="281">
        <v>84</v>
      </c>
      <c r="CK12" s="278">
        <v>586</v>
      </c>
      <c r="CL12" s="283">
        <v>592</v>
      </c>
      <c r="CM12" s="277">
        <v>0</v>
      </c>
      <c r="CN12" s="281">
        <v>0</v>
      </c>
      <c r="CO12" s="278">
        <v>0</v>
      </c>
      <c r="CP12" s="280">
        <v>0</v>
      </c>
      <c r="CQ12" s="281">
        <v>0</v>
      </c>
      <c r="CR12" s="281">
        <v>0</v>
      </c>
      <c r="CS12" s="281">
        <v>0</v>
      </c>
      <c r="CT12" s="281">
        <v>0</v>
      </c>
      <c r="CU12" s="281">
        <v>0</v>
      </c>
      <c r="CV12" s="278">
        <v>0</v>
      </c>
      <c r="CW12" s="283">
        <v>0</v>
      </c>
      <c r="CX12" s="277">
        <v>0</v>
      </c>
      <c r="CY12" s="281">
        <v>0</v>
      </c>
      <c r="CZ12" s="278">
        <v>0</v>
      </c>
      <c r="DA12" s="280">
        <v>0</v>
      </c>
      <c r="DB12" s="281">
        <v>0</v>
      </c>
      <c r="DC12" s="281">
        <v>0</v>
      </c>
      <c r="DD12" s="281">
        <v>0</v>
      </c>
      <c r="DE12" s="281">
        <v>0</v>
      </c>
      <c r="DF12" s="281">
        <v>0</v>
      </c>
      <c r="DG12" s="278">
        <v>0</v>
      </c>
      <c r="DH12" s="283">
        <v>0</v>
      </c>
    </row>
    <row r="13" spans="2:112" ht="18.75" customHeight="1" x14ac:dyDescent="0.2">
      <c r="B13" s="262" t="s">
        <v>10</v>
      </c>
      <c r="C13" s="277">
        <v>0</v>
      </c>
      <c r="D13" s="281">
        <v>0</v>
      </c>
      <c r="E13" s="385">
        <v>0</v>
      </c>
      <c r="F13" s="280">
        <v>0</v>
      </c>
      <c r="G13" s="281">
        <v>16990</v>
      </c>
      <c r="H13" s="281">
        <v>15998</v>
      </c>
      <c r="I13" s="281">
        <v>18314</v>
      </c>
      <c r="J13" s="281">
        <v>23895</v>
      </c>
      <c r="K13" s="281">
        <v>23271</v>
      </c>
      <c r="L13" s="282">
        <v>98468</v>
      </c>
      <c r="M13" s="283">
        <v>98468</v>
      </c>
      <c r="N13" s="277">
        <v>0</v>
      </c>
      <c r="O13" s="281">
        <v>0</v>
      </c>
      <c r="P13" s="278">
        <v>0</v>
      </c>
      <c r="Q13" s="280">
        <v>0</v>
      </c>
      <c r="R13" s="281">
        <v>43</v>
      </c>
      <c r="S13" s="281">
        <v>81</v>
      </c>
      <c r="T13" s="281">
        <v>179</v>
      </c>
      <c r="U13" s="281">
        <v>437</v>
      </c>
      <c r="V13" s="281">
        <v>847</v>
      </c>
      <c r="W13" s="278">
        <v>1587</v>
      </c>
      <c r="X13" s="283">
        <v>1587</v>
      </c>
      <c r="Y13" s="277">
        <v>737</v>
      </c>
      <c r="Z13" s="281">
        <v>1937</v>
      </c>
      <c r="AA13" s="278">
        <v>2674</v>
      </c>
      <c r="AB13" s="280">
        <v>0</v>
      </c>
      <c r="AC13" s="281">
        <v>6396</v>
      </c>
      <c r="AD13" s="281">
        <v>4579</v>
      </c>
      <c r="AE13" s="281">
        <v>3111</v>
      </c>
      <c r="AF13" s="281">
        <v>2793</v>
      </c>
      <c r="AG13" s="281">
        <v>2678</v>
      </c>
      <c r="AH13" s="278">
        <v>19557</v>
      </c>
      <c r="AI13" s="283">
        <v>22231</v>
      </c>
      <c r="AJ13" s="277">
        <v>187</v>
      </c>
      <c r="AK13" s="281">
        <v>390</v>
      </c>
      <c r="AL13" s="278">
        <v>577</v>
      </c>
      <c r="AM13" s="280">
        <v>0</v>
      </c>
      <c r="AN13" s="281">
        <v>1037</v>
      </c>
      <c r="AO13" s="281">
        <v>1081</v>
      </c>
      <c r="AP13" s="281">
        <v>537</v>
      </c>
      <c r="AQ13" s="281">
        <v>557</v>
      </c>
      <c r="AR13" s="281">
        <v>556</v>
      </c>
      <c r="AS13" s="278">
        <v>3768</v>
      </c>
      <c r="AT13" s="283">
        <v>4345</v>
      </c>
      <c r="AU13" s="277">
        <v>0</v>
      </c>
      <c r="AV13" s="281">
        <v>0</v>
      </c>
      <c r="AW13" s="278">
        <v>0</v>
      </c>
      <c r="AX13" s="280">
        <v>0</v>
      </c>
      <c r="AY13" s="281">
        <v>13370</v>
      </c>
      <c r="AZ13" s="281">
        <v>7713</v>
      </c>
      <c r="BA13" s="281">
        <v>5251</v>
      </c>
      <c r="BB13" s="281">
        <v>2909</v>
      </c>
      <c r="BC13" s="281">
        <v>1216</v>
      </c>
      <c r="BD13" s="282">
        <v>30459</v>
      </c>
      <c r="BE13" s="283">
        <v>30459</v>
      </c>
      <c r="BF13" s="277">
        <v>0</v>
      </c>
      <c r="BG13" s="281">
        <v>0</v>
      </c>
      <c r="BH13" s="278">
        <v>0</v>
      </c>
      <c r="BI13" s="280">
        <v>0</v>
      </c>
      <c r="BJ13" s="281">
        <v>1778</v>
      </c>
      <c r="BK13" s="281">
        <v>1100</v>
      </c>
      <c r="BL13" s="281">
        <v>695</v>
      </c>
      <c r="BM13" s="281">
        <v>438</v>
      </c>
      <c r="BN13" s="281">
        <v>145</v>
      </c>
      <c r="BO13" s="278">
        <v>4156</v>
      </c>
      <c r="BP13" s="283">
        <v>4156</v>
      </c>
      <c r="BQ13" s="277">
        <v>57</v>
      </c>
      <c r="BR13" s="281">
        <v>140</v>
      </c>
      <c r="BS13" s="278">
        <v>197</v>
      </c>
      <c r="BT13" s="280">
        <v>0</v>
      </c>
      <c r="BU13" s="281">
        <v>1452</v>
      </c>
      <c r="BV13" s="281">
        <v>1341</v>
      </c>
      <c r="BW13" s="281">
        <v>2672</v>
      </c>
      <c r="BX13" s="281">
        <v>1648</v>
      </c>
      <c r="BY13" s="281">
        <v>1194</v>
      </c>
      <c r="BZ13" s="278">
        <v>8307</v>
      </c>
      <c r="CA13" s="283">
        <v>8504</v>
      </c>
      <c r="CB13" s="277">
        <v>0</v>
      </c>
      <c r="CC13" s="281">
        <v>8</v>
      </c>
      <c r="CD13" s="278">
        <v>8</v>
      </c>
      <c r="CE13" s="280">
        <v>0</v>
      </c>
      <c r="CF13" s="281">
        <v>48</v>
      </c>
      <c r="CG13" s="281">
        <v>127</v>
      </c>
      <c r="CH13" s="281">
        <v>144</v>
      </c>
      <c r="CI13" s="281">
        <v>111</v>
      </c>
      <c r="CJ13" s="281">
        <v>51</v>
      </c>
      <c r="CK13" s="278">
        <v>481</v>
      </c>
      <c r="CL13" s="283">
        <v>489</v>
      </c>
      <c r="CM13" s="277">
        <v>0</v>
      </c>
      <c r="CN13" s="281">
        <v>0</v>
      </c>
      <c r="CO13" s="278">
        <v>0</v>
      </c>
      <c r="CP13" s="280">
        <v>0</v>
      </c>
      <c r="CQ13" s="281">
        <v>0</v>
      </c>
      <c r="CR13" s="281">
        <v>0</v>
      </c>
      <c r="CS13" s="281">
        <v>0</v>
      </c>
      <c r="CT13" s="281">
        <v>0</v>
      </c>
      <c r="CU13" s="281">
        <v>0</v>
      </c>
      <c r="CV13" s="278">
        <v>0</v>
      </c>
      <c r="CW13" s="283">
        <v>0</v>
      </c>
      <c r="CX13" s="277">
        <v>0</v>
      </c>
      <c r="CY13" s="281">
        <v>0</v>
      </c>
      <c r="CZ13" s="278">
        <v>0</v>
      </c>
      <c r="DA13" s="280">
        <v>0</v>
      </c>
      <c r="DB13" s="281">
        <v>0</v>
      </c>
      <c r="DC13" s="281">
        <v>0</v>
      </c>
      <c r="DD13" s="281">
        <v>0</v>
      </c>
      <c r="DE13" s="281">
        <v>0</v>
      </c>
      <c r="DF13" s="281">
        <v>0</v>
      </c>
      <c r="DG13" s="278">
        <v>0</v>
      </c>
      <c r="DH13" s="283">
        <v>0</v>
      </c>
    </row>
    <row r="14" spans="2:112" ht="18.75" customHeight="1" x14ac:dyDescent="0.2">
      <c r="B14" s="262" t="s">
        <v>11</v>
      </c>
      <c r="C14" s="277">
        <v>0</v>
      </c>
      <c r="D14" s="281">
        <v>0</v>
      </c>
      <c r="E14" s="385">
        <v>0</v>
      </c>
      <c r="F14" s="280">
        <v>0</v>
      </c>
      <c r="G14" s="281">
        <v>6115</v>
      </c>
      <c r="H14" s="281">
        <v>6798</v>
      </c>
      <c r="I14" s="281">
        <v>7804</v>
      </c>
      <c r="J14" s="281">
        <v>10364</v>
      </c>
      <c r="K14" s="281">
        <v>9751</v>
      </c>
      <c r="L14" s="282">
        <v>40832</v>
      </c>
      <c r="M14" s="283">
        <v>40832</v>
      </c>
      <c r="N14" s="277">
        <v>0</v>
      </c>
      <c r="O14" s="281">
        <v>2</v>
      </c>
      <c r="P14" s="278">
        <v>2</v>
      </c>
      <c r="Q14" s="280">
        <v>0</v>
      </c>
      <c r="R14" s="281">
        <v>13</v>
      </c>
      <c r="S14" s="281">
        <v>51</v>
      </c>
      <c r="T14" s="281">
        <v>126</v>
      </c>
      <c r="U14" s="281">
        <v>219</v>
      </c>
      <c r="V14" s="281">
        <v>367</v>
      </c>
      <c r="W14" s="278">
        <v>776</v>
      </c>
      <c r="X14" s="283">
        <v>778</v>
      </c>
      <c r="Y14" s="277">
        <v>138</v>
      </c>
      <c r="Z14" s="281">
        <v>292</v>
      </c>
      <c r="AA14" s="278">
        <v>430</v>
      </c>
      <c r="AB14" s="280">
        <v>0</v>
      </c>
      <c r="AC14" s="281">
        <v>2550</v>
      </c>
      <c r="AD14" s="281">
        <v>1945</v>
      </c>
      <c r="AE14" s="281">
        <v>1864</v>
      </c>
      <c r="AF14" s="281">
        <v>1538</v>
      </c>
      <c r="AG14" s="281">
        <v>1585</v>
      </c>
      <c r="AH14" s="278">
        <v>9482</v>
      </c>
      <c r="AI14" s="283">
        <v>9912</v>
      </c>
      <c r="AJ14" s="277">
        <v>17</v>
      </c>
      <c r="AK14" s="281">
        <v>108</v>
      </c>
      <c r="AL14" s="278">
        <v>125</v>
      </c>
      <c r="AM14" s="280">
        <v>0</v>
      </c>
      <c r="AN14" s="281">
        <v>549</v>
      </c>
      <c r="AO14" s="281">
        <v>288</v>
      </c>
      <c r="AP14" s="281">
        <v>223</v>
      </c>
      <c r="AQ14" s="281">
        <v>278</v>
      </c>
      <c r="AR14" s="281">
        <v>52</v>
      </c>
      <c r="AS14" s="278">
        <v>1390</v>
      </c>
      <c r="AT14" s="283">
        <v>1515</v>
      </c>
      <c r="AU14" s="277">
        <v>0</v>
      </c>
      <c r="AV14" s="281">
        <v>0</v>
      </c>
      <c r="AW14" s="278">
        <v>0</v>
      </c>
      <c r="AX14" s="280">
        <v>0</v>
      </c>
      <c r="AY14" s="281">
        <v>6692</v>
      </c>
      <c r="AZ14" s="281">
        <v>3993</v>
      </c>
      <c r="BA14" s="281">
        <v>2965</v>
      </c>
      <c r="BB14" s="281">
        <v>1885</v>
      </c>
      <c r="BC14" s="281">
        <v>992</v>
      </c>
      <c r="BD14" s="282">
        <v>16527</v>
      </c>
      <c r="BE14" s="283">
        <v>16527</v>
      </c>
      <c r="BF14" s="277">
        <v>0</v>
      </c>
      <c r="BG14" s="281">
        <v>0</v>
      </c>
      <c r="BH14" s="278">
        <v>0</v>
      </c>
      <c r="BI14" s="280">
        <v>0</v>
      </c>
      <c r="BJ14" s="281">
        <v>1350</v>
      </c>
      <c r="BK14" s="281">
        <v>925</v>
      </c>
      <c r="BL14" s="281">
        <v>684</v>
      </c>
      <c r="BM14" s="281">
        <v>521</v>
      </c>
      <c r="BN14" s="281">
        <v>122</v>
      </c>
      <c r="BO14" s="278">
        <v>3602</v>
      </c>
      <c r="BP14" s="283">
        <v>3602</v>
      </c>
      <c r="BQ14" s="277">
        <v>22</v>
      </c>
      <c r="BR14" s="281">
        <v>60</v>
      </c>
      <c r="BS14" s="278">
        <v>82</v>
      </c>
      <c r="BT14" s="280">
        <v>0</v>
      </c>
      <c r="BU14" s="281">
        <v>723</v>
      </c>
      <c r="BV14" s="281">
        <v>1020</v>
      </c>
      <c r="BW14" s="281">
        <v>1252</v>
      </c>
      <c r="BX14" s="281">
        <v>883</v>
      </c>
      <c r="BY14" s="281">
        <v>397</v>
      </c>
      <c r="BZ14" s="278">
        <v>4275</v>
      </c>
      <c r="CA14" s="283">
        <v>4357</v>
      </c>
      <c r="CB14" s="277">
        <v>0</v>
      </c>
      <c r="CC14" s="281">
        <v>0</v>
      </c>
      <c r="CD14" s="278">
        <v>0</v>
      </c>
      <c r="CE14" s="280">
        <v>0</v>
      </c>
      <c r="CF14" s="281">
        <v>29</v>
      </c>
      <c r="CG14" s="281">
        <v>45</v>
      </c>
      <c r="CH14" s="281">
        <v>129</v>
      </c>
      <c r="CI14" s="281">
        <v>115</v>
      </c>
      <c r="CJ14" s="281">
        <v>43</v>
      </c>
      <c r="CK14" s="278">
        <v>361</v>
      </c>
      <c r="CL14" s="283">
        <v>361</v>
      </c>
      <c r="CM14" s="277">
        <v>0</v>
      </c>
      <c r="CN14" s="281">
        <v>0</v>
      </c>
      <c r="CO14" s="278">
        <v>0</v>
      </c>
      <c r="CP14" s="280">
        <v>0</v>
      </c>
      <c r="CQ14" s="281">
        <v>0</v>
      </c>
      <c r="CR14" s="281">
        <v>0</v>
      </c>
      <c r="CS14" s="281">
        <v>0</v>
      </c>
      <c r="CT14" s="281">
        <v>0</v>
      </c>
      <c r="CU14" s="281">
        <v>0</v>
      </c>
      <c r="CV14" s="278">
        <v>0</v>
      </c>
      <c r="CW14" s="283">
        <v>0</v>
      </c>
      <c r="CX14" s="277">
        <v>0</v>
      </c>
      <c r="CY14" s="281">
        <v>0</v>
      </c>
      <c r="CZ14" s="278">
        <v>0</v>
      </c>
      <c r="DA14" s="280">
        <v>0</v>
      </c>
      <c r="DB14" s="281">
        <v>0</v>
      </c>
      <c r="DC14" s="281">
        <v>0</v>
      </c>
      <c r="DD14" s="281">
        <v>0</v>
      </c>
      <c r="DE14" s="281">
        <v>0</v>
      </c>
      <c r="DF14" s="281">
        <v>0</v>
      </c>
      <c r="DG14" s="278">
        <v>0</v>
      </c>
      <c r="DH14" s="283">
        <v>0</v>
      </c>
    </row>
    <row r="15" spans="2:112" ht="18.75" customHeight="1" x14ac:dyDescent="0.2">
      <c r="B15" s="262" t="s">
        <v>12</v>
      </c>
      <c r="C15" s="277">
        <v>0</v>
      </c>
      <c r="D15" s="281">
        <v>0</v>
      </c>
      <c r="E15" s="385">
        <v>0</v>
      </c>
      <c r="F15" s="280">
        <v>0</v>
      </c>
      <c r="G15" s="281">
        <v>6080</v>
      </c>
      <c r="H15" s="281">
        <v>8303</v>
      </c>
      <c r="I15" s="281">
        <v>9467</v>
      </c>
      <c r="J15" s="281">
        <v>13553</v>
      </c>
      <c r="K15" s="281">
        <v>11704</v>
      </c>
      <c r="L15" s="282">
        <v>49107</v>
      </c>
      <c r="M15" s="283">
        <v>49107</v>
      </c>
      <c r="N15" s="277">
        <v>0</v>
      </c>
      <c r="O15" s="281">
        <v>18</v>
      </c>
      <c r="P15" s="278">
        <v>18</v>
      </c>
      <c r="Q15" s="280">
        <v>0</v>
      </c>
      <c r="R15" s="281">
        <v>14</v>
      </c>
      <c r="S15" s="281">
        <v>76</v>
      </c>
      <c r="T15" s="281">
        <v>83</v>
      </c>
      <c r="U15" s="281">
        <v>283</v>
      </c>
      <c r="V15" s="281">
        <v>411</v>
      </c>
      <c r="W15" s="278">
        <v>867</v>
      </c>
      <c r="X15" s="283">
        <v>885</v>
      </c>
      <c r="Y15" s="277">
        <v>423</v>
      </c>
      <c r="Z15" s="281">
        <v>1217</v>
      </c>
      <c r="AA15" s="278">
        <v>1640</v>
      </c>
      <c r="AB15" s="280">
        <v>0</v>
      </c>
      <c r="AC15" s="281">
        <v>1775</v>
      </c>
      <c r="AD15" s="281">
        <v>2068</v>
      </c>
      <c r="AE15" s="281">
        <v>1575</v>
      </c>
      <c r="AF15" s="281">
        <v>1594</v>
      </c>
      <c r="AG15" s="281">
        <v>1222</v>
      </c>
      <c r="AH15" s="278">
        <v>8234</v>
      </c>
      <c r="AI15" s="283">
        <v>9874</v>
      </c>
      <c r="AJ15" s="277">
        <v>28</v>
      </c>
      <c r="AK15" s="281">
        <v>176</v>
      </c>
      <c r="AL15" s="278">
        <v>204</v>
      </c>
      <c r="AM15" s="280">
        <v>0</v>
      </c>
      <c r="AN15" s="281">
        <v>172</v>
      </c>
      <c r="AO15" s="281">
        <v>566</v>
      </c>
      <c r="AP15" s="281">
        <v>242</v>
      </c>
      <c r="AQ15" s="281">
        <v>243</v>
      </c>
      <c r="AR15" s="281">
        <v>147</v>
      </c>
      <c r="AS15" s="278">
        <v>1370</v>
      </c>
      <c r="AT15" s="283">
        <v>1574</v>
      </c>
      <c r="AU15" s="277">
        <v>0</v>
      </c>
      <c r="AV15" s="281">
        <v>0</v>
      </c>
      <c r="AW15" s="278">
        <v>0</v>
      </c>
      <c r="AX15" s="280">
        <v>0</v>
      </c>
      <c r="AY15" s="281">
        <v>5062</v>
      </c>
      <c r="AZ15" s="281">
        <v>4029</v>
      </c>
      <c r="BA15" s="281">
        <v>3258</v>
      </c>
      <c r="BB15" s="281">
        <v>2354</v>
      </c>
      <c r="BC15" s="281">
        <v>850</v>
      </c>
      <c r="BD15" s="282">
        <v>15553</v>
      </c>
      <c r="BE15" s="283">
        <v>15553</v>
      </c>
      <c r="BF15" s="277">
        <v>0</v>
      </c>
      <c r="BG15" s="281">
        <v>0</v>
      </c>
      <c r="BH15" s="278">
        <v>0</v>
      </c>
      <c r="BI15" s="280">
        <v>0</v>
      </c>
      <c r="BJ15" s="281">
        <v>773</v>
      </c>
      <c r="BK15" s="281">
        <v>1216</v>
      </c>
      <c r="BL15" s="281">
        <v>863</v>
      </c>
      <c r="BM15" s="281">
        <v>613</v>
      </c>
      <c r="BN15" s="281">
        <v>254</v>
      </c>
      <c r="BO15" s="278">
        <v>3719</v>
      </c>
      <c r="BP15" s="283">
        <v>3719</v>
      </c>
      <c r="BQ15" s="277">
        <v>16</v>
      </c>
      <c r="BR15" s="281">
        <v>52</v>
      </c>
      <c r="BS15" s="278">
        <v>68</v>
      </c>
      <c r="BT15" s="280">
        <v>0</v>
      </c>
      <c r="BU15" s="281">
        <v>681</v>
      </c>
      <c r="BV15" s="281">
        <v>828</v>
      </c>
      <c r="BW15" s="281">
        <v>1379</v>
      </c>
      <c r="BX15" s="281">
        <v>1346</v>
      </c>
      <c r="BY15" s="281">
        <v>663</v>
      </c>
      <c r="BZ15" s="278">
        <v>4897</v>
      </c>
      <c r="CA15" s="283">
        <v>4965</v>
      </c>
      <c r="CB15" s="277">
        <v>0</v>
      </c>
      <c r="CC15" s="281">
        <v>0</v>
      </c>
      <c r="CD15" s="278">
        <v>0</v>
      </c>
      <c r="CE15" s="280">
        <v>0</v>
      </c>
      <c r="CF15" s="281">
        <v>12</v>
      </c>
      <c r="CG15" s="281">
        <v>23</v>
      </c>
      <c r="CH15" s="281">
        <v>17</v>
      </c>
      <c r="CI15" s="281">
        <v>27</v>
      </c>
      <c r="CJ15" s="281">
        <v>14</v>
      </c>
      <c r="CK15" s="278">
        <v>93</v>
      </c>
      <c r="CL15" s="283">
        <v>93</v>
      </c>
      <c r="CM15" s="277">
        <v>0</v>
      </c>
      <c r="CN15" s="281">
        <v>0</v>
      </c>
      <c r="CO15" s="278">
        <v>0</v>
      </c>
      <c r="CP15" s="280">
        <v>0</v>
      </c>
      <c r="CQ15" s="281">
        <v>0</v>
      </c>
      <c r="CR15" s="281">
        <v>0</v>
      </c>
      <c r="CS15" s="281">
        <v>0</v>
      </c>
      <c r="CT15" s="281">
        <v>0</v>
      </c>
      <c r="CU15" s="281">
        <v>0</v>
      </c>
      <c r="CV15" s="278">
        <v>0</v>
      </c>
      <c r="CW15" s="283">
        <v>0</v>
      </c>
      <c r="CX15" s="277">
        <v>0</v>
      </c>
      <c r="CY15" s="281">
        <v>0</v>
      </c>
      <c r="CZ15" s="278">
        <v>0</v>
      </c>
      <c r="DA15" s="280">
        <v>0</v>
      </c>
      <c r="DB15" s="281">
        <v>0</v>
      </c>
      <c r="DC15" s="281">
        <v>0</v>
      </c>
      <c r="DD15" s="281">
        <v>0</v>
      </c>
      <c r="DE15" s="281">
        <v>0</v>
      </c>
      <c r="DF15" s="281">
        <v>0</v>
      </c>
      <c r="DG15" s="278">
        <v>0</v>
      </c>
      <c r="DH15" s="283">
        <v>0</v>
      </c>
    </row>
    <row r="16" spans="2:112" ht="18.75" customHeight="1" x14ac:dyDescent="0.2">
      <c r="B16" s="262" t="s">
        <v>13</v>
      </c>
      <c r="C16" s="277">
        <v>0</v>
      </c>
      <c r="D16" s="281">
        <v>0</v>
      </c>
      <c r="E16" s="385">
        <v>0</v>
      </c>
      <c r="F16" s="280">
        <v>0</v>
      </c>
      <c r="G16" s="281">
        <v>2237</v>
      </c>
      <c r="H16" s="281">
        <v>3615</v>
      </c>
      <c r="I16" s="281">
        <v>3811</v>
      </c>
      <c r="J16" s="281">
        <v>4939</v>
      </c>
      <c r="K16" s="281">
        <v>5817</v>
      </c>
      <c r="L16" s="282">
        <v>20419</v>
      </c>
      <c r="M16" s="283">
        <v>20419</v>
      </c>
      <c r="N16" s="277">
        <v>3</v>
      </c>
      <c r="O16" s="281">
        <v>0</v>
      </c>
      <c r="P16" s="278">
        <v>3</v>
      </c>
      <c r="Q16" s="280">
        <v>0</v>
      </c>
      <c r="R16" s="281">
        <v>0</v>
      </c>
      <c r="S16" s="281">
        <v>13</v>
      </c>
      <c r="T16" s="281">
        <v>35</v>
      </c>
      <c r="U16" s="281">
        <v>105</v>
      </c>
      <c r="V16" s="281">
        <v>166</v>
      </c>
      <c r="W16" s="278">
        <v>319</v>
      </c>
      <c r="X16" s="283">
        <v>322</v>
      </c>
      <c r="Y16" s="277">
        <v>42</v>
      </c>
      <c r="Z16" s="281">
        <v>110</v>
      </c>
      <c r="AA16" s="278">
        <v>152</v>
      </c>
      <c r="AB16" s="280">
        <v>0</v>
      </c>
      <c r="AC16" s="281">
        <v>809</v>
      </c>
      <c r="AD16" s="281">
        <v>1125</v>
      </c>
      <c r="AE16" s="281">
        <v>830</v>
      </c>
      <c r="AF16" s="281">
        <v>935</v>
      </c>
      <c r="AG16" s="281">
        <v>852</v>
      </c>
      <c r="AH16" s="278">
        <v>4551</v>
      </c>
      <c r="AI16" s="283">
        <v>4703</v>
      </c>
      <c r="AJ16" s="277">
        <v>16</v>
      </c>
      <c r="AK16" s="281">
        <v>52</v>
      </c>
      <c r="AL16" s="278">
        <v>68</v>
      </c>
      <c r="AM16" s="280">
        <v>0</v>
      </c>
      <c r="AN16" s="281">
        <v>186</v>
      </c>
      <c r="AO16" s="281">
        <v>341</v>
      </c>
      <c r="AP16" s="281">
        <v>71</v>
      </c>
      <c r="AQ16" s="281">
        <v>95</v>
      </c>
      <c r="AR16" s="281">
        <v>50</v>
      </c>
      <c r="AS16" s="278">
        <v>743</v>
      </c>
      <c r="AT16" s="283">
        <v>811</v>
      </c>
      <c r="AU16" s="277">
        <v>0</v>
      </c>
      <c r="AV16" s="281">
        <v>0</v>
      </c>
      <c r="AW16" s="278">
        <v>0</v>
      </c>
      <c r="AX16" s="280">
        <v>0</v>
      </c>
      <c r="AY16" s="281">
        <v>1530</v>
      </c>
      <c r="AZ16" s="281">
        <v>1504</v>
      </c>
      <c r="BA16" s="281">
        <v>1087</v>
      </c>
      <c r="BB16" s="281">
        <v>712</v>
      </c>
      <c r="BC16" s="281">
        <v>291</v>
      </c>
      <c r="BD16" s="282">
        <v>5124</v>
      </c>
      <c r="BE16" s="283">
        <v>5124</v>
      </c>
      <c r="BF16" s="277">
        <v>0</v>
      </c>
      <c r="BG16" s="281">
        <v>0</v>
      </c>
      <c r="BH16" s="278">
        <v>0</v>
      </c>
      <c r="BI16" s="280">
        <v>0</v>
      </c>
      <c r="BJ16" s="281">
        <v>177</v>
      </c>
      <c r="BK16" s="281">
        <v>252</v>
      </c>
      <c r="BL16" s="281">
        <v>158</v>
      </c>
      <c r="BM16" s="281">
        <v>203</v>
      </c>
      <c r="BN16" s="281">
        <v>107</v>
      </c>
      <c r="BO16" s="278">
        <v>897</v>
      </c>
      <c r="BP16" s="283">
        <v>897</v>
      </c>
      <c r="BQ16" s="277">
        <v>0</v>
      </c>
      <c r="BR16" s="281">
        <v>3</v>
      </c>
      <c r="BS16" s="278">
        <v>3</v>
      </c>
      <c r="BT16" s="280">
        <v>0</v>
      </c>
      <c r="BU16" s="281">
        <v>150</v>
      </c>
      <c r="BV16" s="281">
        <v>203</v>
      </c>
      <c r="BW16" s="281">
        <v>597</v>
      </c>
      <c r="BX16" s="281">
        <v>626</v>
      </c>
      <c r="BY16" s="281">
        <v>353</v>
      </c>
      <c r="BZ16" s="278">
        <v>1929</v>
      </c>
      <c r="CA16" s="283">
        <v>1932</v>
      </c>
      <c r="CB16" s="277">
        <v>0</v>
      </c>
      <c r="CC16" s="281">
        <v>0</v>
      </c>
      <c r="CD16" s="278">
        <v>0</v>
      </c>
      <c r="CE16" s="280">
        <v>0</v>
      </c>
      <c r="CF16" s="281">
        <v>16</v>
      </c>
      <c r="CG16" s="281">
        <v>37</v>
      </c>
      <c r="CH16" s="281">
        <v>23</v>
      </c>
      <c r="CI16" s="281">
        <v>41</v>
      </c>
      <c r="CJ16" s="281">
        <v>22</v>
      </c>
      <c r="CK16" s="278">
        <v>139</v>
      </c>
      <c r="CL16" s="283">
        <v>139</v>
      </c>
      <c r="CM16" s="277">
        <v>0</v>
      </c>
      <c r="CN16" s="281">
        <v>0</v>
      </c>
      <c r="CO16" s="278">
        <v>0</v>
      </c>
      <c r="CP16" s="280">
        <v>0</v>
      </c>
      <c r="CQ16" s="281">
        <v>0</v>
      </c>
      <c r="CR16" s="281">
        <v>0</v>
      </c>
      <c r="CS16" s="281">
        <v>0</v>
      </c>
      <c r="CT16" s="281">
        <v>0</v>
      </c>
      <c r="CU16" s="281">
        <v>0</v>
      </c>
      <c r="CV16" s="278">
        <v>0</v>
      </c>
      <c r="CW16" s="283">
        <v>0</v>
      </c>
      <c r="CX16" s="277">
        <v>0</v>
      </c>
      <c r="CY16" s="281">
        <v>0</v>
      </c>
      <c r="CZ16" s="278">
        <v>0</v>
      </c>
      <c r="DA16" s="280">
        <v>0</v>
      </c>
      <c r="DB16" s="281">
        <v>0</v>
      </c>
      <c r="DC16" s="281">
        <v>0</v>
      </c>
      <c r="DD16" s="281">
        <v>0</v>
      </c>
      <c r="DE16" s="281">
        <v>0</v>
      </c>
      <c r="DF16" s="281">
        <v>0</v>
      </c>
      <c r="DG16" s="278">
        <v>0</v>
      </c>
      <c r="DH16" s="283">
        <v>0</v>
      </c>
    </row>
    <row r="17" spans="2:112" ht="18.75" customHeight="1" x14ac:dyDescent="0.2">
      <c r="B17" s="262" t="s">
        <v>15</v>
      </c>
      <c r="C17" s="277">
        <v>0</v>
      </c>
      <c r="D17" s="281">
        <v>0</v>
      </c>
      <c r="E17" s="385">
        <v>0</v>
      </c>
      <c r="F17" s="280">
        <v>0</v>
      </c>
      <c r="G17" s="281">
        <v>1287</v>
      </c>
      <c r="H17" s="281">
        <v>1979</v>
      </c>
      <c r="I17" s="281">
        <v>1882</v>
      </c>
      <c r="J17" s="281">
        <v>1505</v>
      </c>
      <c r="K17" s="281">
        <v>2605</v>
      </c>
      <c r="L17" s="282">
        <v>9258</v>
      </c>
      <c r="M17" s="283">
        <v>9258</v>
      </c>
      <c r="N17" s="277">
        <v>0</v>
      </c>
      <c r="O17" s="281">
        <v>0</v>
      </c>
      <c r="P17" s="278">
        <v>0</v>
      </c>
      <c r="Q17" s="280">
        <v>0</v>
      </c>
      <c r="R17" s="281">
        <v>4</v>
      </c>
      <c r="S17" s="281">
        <v>28</v>
      </c>
      <c r="T17" s="281">
        <v>39</v>
      </c>
      <c r="U17" s="281">
        <v>90</v>
      </c>
      <c r="V17" s="281">
        <v>150</v>
      </c>
      <c r="W17" s="278">
        <v>311</v>
      </c>
      <c r="X17" s="283">
        <v>311</v>
      </c>
      <c r="Y17" s="277">
        <v>11</v>
      </c>
      <c r="Z17" s="281">
        <v>87</v>
      </c>
      <c r="AA17" s="278">
        <v>98</v>
      </c>
      <c r="AB17" s="280">
        <v>0</v>
      </c>
      <c r="AC17" s="281">
        <v>218</v>
      </c>
      <c r="AD17" s="281">
        <v>546</v>
      </c>
      <c r="AE17" s="281">
        <v>245</v>
      </c>
      <c r="AF17" s="281">
        <v>282</v>
      </c>
      <c r="AG17" s="281">
        <v>390</v>
      </c>
      <c r="AH17" s="278">
        <v>1681</v>
      </c>
      <c r="AI17" s="283">
        <v>1779</v>
      </c>
      <c r="AJ17" s="277">
        <v>0</v>
      </c>
      <c r="AK17" s="281">
        <v>8</v>
      </c>
      <c r="AL17" s="278">
        <v>8</v>
      </c>
      <c r="AM17" s="280">
        <v>0</v>
      </c>
      <c r="AN17" s="281">
        <v>107</v>
      </c>
      <c r="AO17" s="281">
        <v>186</v>
      </c>
      <c r="AP17" s="281">
        <v>127</v>
      </c>
      <c r="AQ17" s="281">
        <v>37</v>
      </c>
      <c r="AR17" s="281">
        <v>171</v>
      </c>
      <c r="AS17" s="278">
        <v>628</v>
      </c>
      <c r="AT17" s="283">
        <v>636</v>
      </c>
      <c r="AU17" s="277">
        <v>0</v>
      </c>
      <c r="AV17" s="281">
        <v>0</v>
      </c>
      <c r="AW17" s="278">
        <v>0</v>
      </c>
      <c r="AX17" s="280">
        <v>0</v>
      </c>
      <c r="AY17" s="281">
        <v>758</v>
      </c>
      <c r="AZ17" s="281">
        <v>1200</v>
      </c>
      <c r="BA17" s="281">
        <v>589</v>
      </c>
      <c r="BB17" s="281">
        <v>156</v>
      </c>
      <c r="BC17" s="281">
        <v>154</v>
      </c>
      <c r="BD17" s="282">
        <v>2857</v>
      </c>
      <c r="BE17" s="283">
        <v>2857</v>
      </c>
      <c r="BF17" s="277">
        <v>0</v>
      </c>
      <c r="BG17" s="281">
        <v>0</v>
      </c>
      <c r="BH17" s="278">
        <v>0</v>
      </c>
      <c r="BI17" s="280">
        <v>0</v>
      </c>
      <c r="BJ17" s="281">
        <v>214</v>
      </c>
      <c r="BK17" s="281">
        <v>304</v>
      </c>
      <c r="BL17" s="281">
        <v>131</v>
      </c>
      <c r="BM17" s="281">
        <v>80</v>
      </c>
      <c r="BN17" s="281">
        <v>22</v>
      </c>
      <c r="BO17" s="278">
        <v>751</v>
      </c>
      <c r="BP17" s="283">
        <v>751</v>
      </c>
      <c r="BQ17" s="277">
        <v>0</v>
      </c>
      <c r="BR17" s="281">
        <v>0</v>
      </c>
      <c r="BS17" s="278">
        <v>0</v>
      </c>
      <c r="BT17" s="280">
        <v>0</v>
      </c>
      <c r="BU17" s="281">
        <v>78</v>
      </c>
      <c r="BV17" s="281">
        <v>226</v>
      </c>
      <c r="BW17" s="281">
        <v>770</v>
      </c>
      <c r="BX17" s="281">
        <v>723</v>
      </c>
      <c r="BY17" s="281">
        <v>325</v>
      </c>
      <c r="BZ17" s="278">
        <v>2122</v>
      </c>
      <c r="CA17" s="283">
        <v>2122</v>
      </c>
      <c r="CB17" s="277">
        <v>0</v>
      </c>
      <c r="CC17" s="281">
        <v>4</v>
      </c>
      <c r="CD17" s="278">
        <v>4</v>
      </c>
      <c r="CE17" s="280">
        <v>0</v>
      </c>
      <c r="CF17" s="281">
        <v>10</v>
      </c>
      <c r="CG17" s="281">
        <v>7</v>
      </c>
      <c r="CH17" s="281">
        <v>8</v>
      </c>
      <c r="CI17" s="281">
        <v>27</v>
      </c>
      <c r="CJ17" s="281">
        <v>8</v>
      </c>
      <c r="CK17" s="278">
        <v>60</v>
      </c>
      <c r="CL17" s="283">
        <v>64</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row>
    <row r="18" spans="2:112" ht="18.75" customHeight="1" x14ac:dyDescent="0.2">
      <c r="B18" s="262" t="s">
        <v>16</v>
      </c>
      <c r="C18" s="277">
        <v>0</v>
      </c>
      <c r="D18" s="281">
        <v>0</v>
      </c>
      <c r="E18" s="385">
        <v>0</v>
      </c>
      <c r="F18" s="280">
        <v>0</v>
      </c>
      <c r="G18" s="281">
        <v>1996</v>
      </c>
      <c r="H18" s="281">
        <v>3524</v>
      </c>
      <c r="I18" s="281">
        <v>4558</v>
      </c>
      <c r="J18" s="281">
        <v>4925</v>
      </c>
      <c r="K18" s="281">
        <v>3254</v>
      </c>
      <c r="L18" s="282">
        <v>18257</v>
      </c>
      <c r="M18" s="283">
        <v>18257</v>
      </c>
      <c r="N18" s="277">
        <v>0</v>
      </c>
      <c r="O18" s="281">
        <v>0</v>
      </c>
      <c r="P18" s="278">
        <v>0</v>
      </c>
      <c r="Q18" s="280">
        <v>0</v>
      </c>
      <c r="R18" s="281">
        <v>4</v>
      </c>
      <c r="S18" s="281">
        <v>46</v>
      </c>
      <c r="T18" s="281">
        <v>58</v>
      </c>
      <c r="U18" s="281">
        <v>109</v>
      </c>
      <c r="V18" s="281">
        <v>221</v>
      </c>
      <c r="W18" s="278">
        <v>438</v>
      </c>
      <c r="X18" s="283">
        <v>438</v>
      </c>
      <c r="Y18" s="277">
        <v>71</v>
      </c>
      <c r="Z18" s="281">
        <v>295</v>
      </c>
      <c r="AA18" s="278">
        <v>366</v>
      </c>
      <c r="AB18" s="280">
        <v>0</v>
      </c>
      <c r="AC18" s="281">
        <v>1151</v>
      </c>
      <c r="AD18" s="281">
        <v>2237</v>
      </c>
      <c r="AE18" s="281">
        <v>1487</v>
      </c>
      <c r="AF18" s="281">
        <v>1308</v>
      </c>
      <c r="AG18" s="281">
        <v>932</v>
      </c>
      <c r="AH18" s="278">
        <v>7115</v>
      </c>
      <c r="AI18" s="283">
        <v>7481</v>
      </c>
      <c r="AJ18" s="277">
        <v>0</v>
      </c>
      <c r="AK18" s="281">
        <v>86</v>
      </c>
      <c r="AL18" s="278">
        <v>86</v>
      </c>
      <c r="AM18" s="280">
        <v>0</v>
      </c>
      <c r="AN18" s="281">
        <v>130</v>
      </c>
      <c r="AO18" s="281">
        <v>247</v>
      </c>
      <c r="AP18" s="281">
        <v>361</v>
      </c>
      <c r="AQ18" s="281">
        <v>63</v>
      </c>
      <c r="AR18" s="281">
        <v>125</v>
      </c>
      <c r="AS18" s="278">
        <v>926</v>
      </c>
      <c r="AT18" s="283">
        <v>1012</v>
      </c>
      <c r="AU18" s="277">
        <v>0</v>
      </c>
      <c r="AV18" s="281">
        <v>0</v>
      </c>
      <c r="AW18" s="278">
        <v>0</v>
      </c>
      <c r="AX18" s="280">
        <v>0</v>
      </c>
      <c r="AY18" s="281">
        <v>2852</v>
      </c>
      <c r="AZ18" s="281">
        <v>3987</v>
      </c>
      <c r="BA18" s="281">
        <v>3123</v>
      </c>
      <c r="BB18" s="281">
        <v>1627</v>
      </c>
      <c r="BC18" s="281">
        <v>999</v>
      </c>
      <c r="BD18" s="282">
        <v>12588</v>
      </c>
      <c r="BE18" s="283">
        <v>12588</v>
      </c>
      <c r="BF18" s="277">
        <v>0</v>
      </c>
      <c r="BG18" s="281">
        <v>0</v>
      </c>
      <c r="BH18" s="278">
        <v>0</v>
      </c>
      <c r="BI18" s="280">
        <v>0</v>
      </c>
      <c r="BJ18" s="281">
        <v>1312</v>
      </c>
      <c r="BK18" s="281">
        <v>2219</v>
      </c>
      <c r="BL18" s="281">
        <v>899</v>
      </c>
      <c r="BM18" s="281">
        <v>498</v>
      </c>
      <c r="BN18" s="281">
        <v>193</v>
      </c>
      <c r="BO18" s="278">
        <v>5121</v>
      </c>
      <c r="BP18" s="283">
        <v>5121</v>
      </c>
      <c r="BQ18" s="277">
        <v>0</v>
      </c>
      <c r="BR18" s="281">
        <v>2</v>
      </c>
      <c r="BS18" s="278">
        <v>2</v>
      </c>
      <c r="BT18" s="280">
        <v>0</v>
      </c>
      <c r="BU18" s="281">
        <v>290</v>
      </c>
      <c r="BV18" s="281">
        <v>402</v>
      </c>
      <c r="BW18" s="281">
        <v>1075</v>
      </c>
      <c r="BX18" s="281">
        <v>534</v>
      </c>
      <c r="BY18" s="281">
        <v>194</v>
      </c>
      <c r="BZ18" s="278">
        <v>2495</v>
      </c>
      <c r="CA18" s="283">
        <v>2497</v>
      </c>
      <c r="CB18" s="277">
        <v>0</v>
      </c>
      <c r="CC18" s="281">
        <v>0</v>
      </c>
      <c r="CD18" s="278">
        <v>0</v>
      </c>
      <c r="CE18" s="280">
        <v>0</v>
      </c>
      <c r="CF18" s="281">
        <v>14</v>
      </c>
      <c r="CG18" s="281">
        <v>42</v>
      </c>
      <c r="CH18" s="281">
        <v>69</v>
      </c>
      <c r="CI18" s="281">
        <v>44</v>
      </c>
      <c r="CJ18" s="281">
        <v>28</v>
      </c>
      <c r="CK18" s="278">
        <v>197</v>
      </c>
      <c r="CL18" s="283">
        <v>197</v>
      </c>
      <c r="CM18" s="277">
        <v>0</v>
      </c>
      <c r="CN18" s="281">
        <v>0</v>
      </c>
      <c r="CO18" s="278">
        <v>0</v>
      </c>
      <c r="CP18" s="280">
        <v>0</v>
      </c>
      <c r="CQ18" s="281">
        <v>0</v>
      </c>
      <c r="CR18" s="281">
        <v>0</v>
      </c>
      <c r="CS18" s="281">
        <v>0</v>
      </c>
      <c r="CT18" s="281">
        <v>0</v>
      </c>
      <c r="CU18" s="281">
        <v>0</v>
      </c>
      <c r="CV18" s="278">
        <v>0</v>
      </c>
      <c r="CW18" s="283">
        <v>0</v>
      </c>
      <c r="CX18" s="277">
        <v>0</v>
      </c>
      <c r="CY18" s="281">
        <v>0</v>
      </c>
      <c r="CZ18" s="278">
        <v>0</v>
      </c>
      <c r="DA18" s="280">
        <v>0</v>
      </c>
      <c r="DB18" s="281">
        <v>0</v>
      </c>
      <c r="DC18" s="281">
        <v>0</v>
      </c>
      <c r="DD18" s="281">
        <v>0</v>
      </c>
      <c r="DE18" s="281">
        <v>0</v>
      </c>
      <c r="DF18" s="281">
        <v>0</v>
      </c>
      <c r="DG18" s="278">
        <v>0</v>
      </c>
      <c r="DH18" s="283">
        <v>0</v>
      </c>
    </row>
    <row r="19" spans="2:112" ht="18.75" customHeight="1" x14ac:dyDescent="0.2">
      <c r="B19" s="262" t="s">
        <v>17</v>
      </c>
      <c r="C19" s="277">
        <v>0</v>
      </c>
      <c r="D19" s="281">
        <v>0</v>
      </c>
      <c r="E19" s="385">
        <v>0</v>
      </c>
      <c r="F19" s="280">
        <v>0</v>
      </c>
      <c r="G19" s="281">
        <v>2578</v>
      </c>
      <c r="H19" s="281">
        <v>6993</v>
      </c>
      <c r="I19" s="281">
        <v>7640</v>
      </c>
      <c r="J19" s="281">
        <v>10104</v>
      </c>
      <c r="K19" s="281">
        <v>13012</v>
      </c>
      <c r="L19" s="282">
        <v>40327</v>
      </c>
      <c r="M19" s="283">
        <v>40327</v>
      </c>
      <c r="N19" s="277">
        <v>0</v>
      </c>
      <c r="O19" s="281">
        <v>9</v>
      </c>
      <c r="P19" s="278">
        <v>9</v>
      </c>
      <c r="Q19" s="280">
        <v>0</v>
      </c>
      <c r="R19" s="281">
        <v>0</v>
      </c>
      <c r="S19" s="281">
        <v>35</v>
      </c>
      <c r="T19" s="281">
        <v>117</v>
      </c>
      <c r="U19" s="281">
        <v>194</v>
      </c>
      <c r="V19" s="281">
        <v>410</v>
      </c>
      <c r="W19" s="278">
        <v>756</v>
      </c>
      <c r="X19" s="283">
        <v>765</v>
      </c>
      <c r="Y19" s="277">
        <v>127</v>
      </c>
      <c r="Z19" s="281">
        <v>590</v>
      </c>
      <c r="AA19" s="278">
        <v>717</v>
      </c>
      <c r="AB19" s="280">
        <v>0</v>
      </c>
      <c r="AC19" s="281">
        <v>1153</v>
      </c>
      <c r="AD19" s="281">
        <v>2694</v>
      </c>
      <c r="AE19" s="281">
        <v>1757</v>
      </c>
      <c r="AF19" s="281">
        <v>1615</v>
      </c>
      <c r="AG19" s="281">
        <v>1370</v>
      </c>
      <c r="AH19" s="278">
        <v>8589</v>
      </c>
      <c r="AI19" s="283">
        <v>9306</v>
      </c>
      <c r="AJ19" s="277">
        <v>24</v>
      </c>
      <c r="AK19" s="281">
        <v>46</v>
      </c>
      <c r="AL19" s="278">
        <v>70</v>
      </c>
      <c r="AM19" s="280">
        <v>0</v>
      </c>
      <c r="AN19" s="281">
        <v>128</v>
      </c>
      <c r="AO19" s="281">
        <v>348</v>
      </c>
      <c r="AP19" s="281">
        <v>220</v>
      </c>
      <c r="AQ19" s="281">
        <v>203</v>
      </c>
      <c r="AR19" s="281">
        <v>126</v>
      </c>
      <c r="AS19" s="278">
        <v>1025</v>
      </c>
      <c r="AT19" s="283">
        <v>1095</v>
      </c>
      <c r="AU19" s="277">
        <v>0</v>
      </c>
      <c r="AV19" s="281">
        <v>0</v>
      </c>
      <c r="AW19" s="278">
        <v>0</v>
      </c>
      <c r="AX19" s="280">
        <v>0</v>
      </c>
      <c r="AY19" s="281">
        <v>3361</v>
      </c>
      <c r="AZ19" s="281">
        <v>5638</v>
      </c>
      <c r="BA19" s="281">
        <v>3317</v>
      </c>
      <c r="BB19" s="281">
        <v>2267</v>
      </c>
      <c r="BC19" s="281">
        <v>1157</v>
      </c>
      <c r="BD19" s="282">
        <v>15740</v>
      </c>
      <c r="BE19" s="283">
        <v>15740</v>
      </c>
      <c r="BF19" s="277">
        <v>0</v>
      </c>
      <c r="BG19" s="281">
        <v>0</v>
      </c>
      <c r="BH19" s="278">
        <v>0</v>
      </c>
      <c r="BI19" s="280">
        <v>0</v>
      </c>
      <c r="BJ19" s="281">
        <v>510</v>
      </c>
      <c r="BK19" s="281">
        <v>1503</v>
      </c>
      <c r="BL19" s="281">
        <v>705</v>
      </c>
      <c r="BM19" s="281">
        <v>364</v>
      </c>
      <c r="BN19" s="281">
        <v>150</v>
      </c>
      <c r="BO19" s="278">
        <v>3232</v>
      </c>
      <c r="BP19" s="283">
        <v>3232</v>
      </c>
      <c r="BQ19" s="277">
        <v>11</v>
      </c>
      <c r="BR19" s="281">
        <v>23</v>
      </c>
      <c r="BS19" s="278">
        <v>34</v>
      </c>
      <c r="BT19" s="280">
        <v>0</v>
      </c>
      <c r="BU19" s="281">
        <v>278</v>
      </c>
      <c r="BV19" s="281">
        <v>708</v>
      </c>
      <c r="BW19" s="281">
        <v>1116</v>
      </c>
      <c r="BX19" s="281">
        <v>988</v>
      </c>
      <c r="BY19" s="281">
        <v>432</v>
      </c>
      <c r="BZ19" s="278">
        <v>3522</v>
      </c>
      <c r="CA19" s="283">
        <v>3556</v>
      </c>
      <c r="CB19" s="277">
        <v>0</v>
      </c>
      <c r="CC19" s="281">
        <v>0</v>
      </c>
      <c r="CD19" s="278">
        <v>0</v>
      </c>
      <c r="CE19" s="280">
        <v>0</v>
      </c>
      <c r="CF19" s="281">
        <v>39</v>
      </c>
      <c r="CG19" s="281">
        <v>118</v>
      </c>
      <c r="CH19" s="281">
        <v>36</v>
      </c>
      <c r="CI19" s="281">
        <v>77</v>
      </c>
      <c r="CJ19" s="281">
        <v>76</v>
      </c>
      <c r="CK19" s="278">
        <v>346</v>
      </c>
      <c r="CL19" s="283">
        <v>346</v>
      </c>
      <c r="CM19" s="277">
        <v>0</v>
      </c>
      <c r="CN19" s="281">
        <v>0</v>
      </c>
      <c r="CO19" s="278">
        <v>0</v>
      </c>
      <c r="CP19" s="280">
        <v>0</v>
      </c>
      <c r="CQ19" s="281">
        <v>0</v>
      </c>
      <c r="CR19" s="281">
        <v>0</v>
      </c>
      <c r="CS19" s="281">
        <v>0</v>
      </c>
      <c r="CT19" s="281">
        <v>0</v>
      </c>
      <c r="CU19" s="281">
        <v>0</v>
      </c>
      <c r="CV19" s="278">
        <v>0</v>
      </c>
      <c r="CW19" s="283">
        <v>0</v>
      </c>
      <c r="CX19" s="277">
        <v>0</v>
      </c>
      <c r="CY19" s="281">
        <v>0</v>
      </c>
      <c r="CZ19" s="278">
        <v>0</v>
      </c>
      <c r="DA19" s="280">
        <v>0</v>
      </c>
      <c r="DB19" s="281">
        <v>0</v>
      </c>
      <c r="DC19" s="281">
        <v>0</v>
      </c>
      <c r="DD19" s="281">
        <v>0</v>
      </c>
      <c r="DE19" s="281">
        <v>0</v>
      </c>
      <c r="DF19" s="281">
        <v>0</v>
      </c>
      <c r="DG19" s="278">
        <v>0</v>
      </c>
      <c r="DH19" s="283">
        <v>0</v>
      </c>
    </row>
    <row r="20" spans="2:112" ht="18.75" customHeight="1" x14ac:dyDescent="0.2">
      <c r="B20" s="262" t="s">
        <v>18</v>
      </c>
      <c r="C20" s="277">
        <v>0</v>
      </c>
      <c r="D20" s="281">
        <v>0</v>
      </c>
      <c r="E20" s="385">
        <v>0</v>
      </c>
      <c r="F20" s="280">
        <v>0</v>
      </c>
      <c r="G20" s="281">
        <v>4997</v>
      </c>
      <c r="H20" s="281">
        <v>7859</v>
      </c>
      <c r="I20" s="281">
        <v>9020</v>
      </c>
      <c r="J20" s="281">
        <v>13051</v>
      </c>
      <c r="K20" s="281">
        <v>9988</v>
      </c>
      <c r="L20" s="282">
        <v>44915</v>
      </c>
      <c r="M20" s="283">
        <v>44915</v>
      </c>
      <c r="N20" s="277">
        <v>0</v>
      </c>
      <c r="O20" s="281">
        <v>0</v>
      </c>
      <c r="P20" s="278">
        <v>0</v>
      </c>
      <c r="Q20" s="280">
        <v>0</v>
      </c>
      <c r="R20" s="281">
        <v>13</v>
      </c>
      <c r="S20" s="281">
        <v>64</v>
      </c>
      <c r="T20" s="281">
        <v>111</v>
      </c>
      <c r="U20" s="281">
        <v>156</v>
      </c>
      <c r="V20" s="281">
        <v>423</v>
      </c>
      <c r="W20" s="278">
        <v>767</v>
      </c>
      <c r="X20" s="283">
        <v>767</v>
      </c>
      <c r="Y20" s="277">
        <v>229</v>
      </c>
      <c r="Z20" s="281">
        <v>675</v>
      </c>
      <c r="AA20" s="278">
        <v>904</v>
      </c>
      <c r="AB20" s="280">
        <v>0</v>
      </c>
      <c r="AC20" s="281">
        <v>2426</v>
      </c>
      <c r="AD20" s="281">
        <v>2773</v>
      </c>
      <c r="AE20" s="281">
        <v>2052</v>
      </c>
      <c r="AF20" s="281">
        <v>1765</v>
      </c>
      <c r="AG20" s="281">
        <v>1654</v>
      </c>
      <c r="AH20" s="278">
        <v>10670</v>
      </c>
      <c r="AI20" s="283">
        <v>11574</v>
      </c>
      <c r="AJ20" s="277">
        <v>52</v>
      </c>
      <c r="AK20" s="281">
        <v>48</v>
      </c>
      <c r="AL20" s="278">
        <v>100</v>
      </c>
      <c r="AM20" s="280">
        <v>0</v>
      </c>
      <c r="AN20" s="281">
        <v>482</v>
      </c>
      <c r="AO20" s="281">
        <v>521</v>
      </c>
      <c r="AP20" s="281">
        <v>498</v>
      </c>
      <c r="AQ20" s="281">
        <v>479</v>
      </c>
      <c r="AR20" s="281">
        <v>219</v>
      </c>
      <c r="AS20" s="278">
        <v>2199</v>
      </c>
      <c r="AT20" s="283">
        <v>2299</v>
      </c>
      <c r="AU20" s="277">
        <v>0</v>
      </c>
      <c r="AV20" s="281">
        <v>0</v>
      </c>
      <c r="AW20" s="278">
        <v>0</v>
      </c>
      <c r="AX20" s="280">
        <v>0</v>
      </c>
      <c r="AY20" s="281">
        <v>5770</v>
      </c>
      <c r="AZ20" s="281">
        <v>5832</v>
      </c>
      <c r="BA20" s="281">
        <v>4138</v>
      </c>
      <c r="BB20" s="281">
        <v>2486</v>
      </c>
      <c r="BC20" s="281">
        <v>991</v>
      </c>
      <c r="BD20" s="282">
        <v>19217</v>
      </c>
      <c r="BE20" s="283">
        <v>19217</v>
      </c>
      <c r="BF20" s="277">
        <v>0</v>
      </c>
      <c r="BG20" s="281">
        <v>0</v>
      </c>
      <c r="BH20" s="278">
        <v>0</v>
      </c>
      <c r="BI20" s="280">
        <v>0</v>
      </c>
      <c r="BJ20" s="281">
        <v>1138</v>
      </c>
      <c r="BK20" s="281">
        <v>1234</v>
      </c>
      <c r="BL20" s="281">
        <v>748</v>
      </c>
      <c r="BM20" s="281">
        <v>457</v>
      </c>
      <c r="BN20" s="281">
        <v>105</v>
      </c>
      <c r="BO20" s="278">
        <v>3682</v>
      </c>
      <c r="BP20" s="283">
        <v>3682</v>
      </c>
      <c r="BQ20" s="277">
        <v>5</v>
      </c>
      <c r="BR20" s="281">
        <v>10</v>
      </c>
      <c r="BS20" s="278">
        <v>15</v>
      </c>
      <c r="BT20" s="280">
        <v>0</v>
      </c>
      <c r="BU20" s="281">
        <v>417</v>
      </c>
      <c r="BV20" s="281">
        <v>827</v>
      </c>
      <c r="BW20" s="281">
        <v>1721</v>
      </c>
      <c r="BX20" s="281">
        <v>1720</v>
      </c>
      <c r="BY20" s="281">
        <v>556</v>
      </c>
      <c r="BZ20" s="278">
        <v>5241</v>
      </c>
      <c r="CA20" s="283">
        <v>5256</v>
      </c>
      <c r="CB20" s="277">
        <v>0</v>
      </c>
      <c r="CC20" s="281">
        <v>0</v>
      </c>
      <c r="CD20" s="278">
        <v>0</v>
      </c>
      <c r="CE20" s="280">
        <v>0</v>
      </c>
      <c r="CF20" s="281">
        <v>2</v>
      </c>
      <c r="CG20" s="281">
        <v>0</v>
      </c>
      <c r="CH20" s="281">
        <v>29</v>
      </c>
      <c r="CI20" s="281">
        <v>14</v>
      </c>
      <c r="CJ20" s="281">
        <v>2</v>
      </c>
      <c r="CK20" s="278">
        <v>47</v>
      </c>
      <c r="CL20" s="283">
        <v>47</v>
      </c>
      <c r="CM20" s="277">
        <v>0</v>
      </c>
      <c r="CN20" s="281">
        <v>0</v>
      </c>
      <c r="CO20" s="278">
        <v>0</v>
      </c>
      <c r="CP20" s="280">
        <v>0</v>
      </c>
      <c r="CQ20" s="281">
        <v>0</v>
      </c>
      <c r="CR20" s="281">
        <v>0</v>
      </c>
      <c r="CS20" s="281">
        <v>0</v>
      </c>
      <c r="CT20" s="281">
        <v>0</v>
      </c>
      <c r="CU20" s="281">
        <v>0</v>
      </c>
      <c r="CV20" s="278">
        <v>0</v>
      </c>
      <c r="CW20" s="283">
        <v>0</v>
      </c>
      <c r="CX20" s="277">
        <v>0</v>
      </c>
      <c r="CY20" s="281">
        <v>0</v>
      </c>
      <c r="CZ20" s="278">
        <v>0</v>
      </c>
      <c r="DA20" s="280">
        <v>0</v>
      </c>
      <c r="DB20" s="281">
        <v>0</v>
      </c>
      <c r="DC20" s="281">
        <v>0</v>
      </c>
      <c r="DD20" s="281">
        <v>0</v>
      </c>
      <c r="DE20" s="281">
        <v>0</v>
      </c>
      <c r="DF20" s="281">
        <v>0</v>
      </c>
      <c r="DG20" s="278">
        <v>0</v>
      </c>
      <c r="DH20" s="283">
        <v>0</v>
      </c>
    </row>
    <row r="21" spans="2:112" ht="18.75" customHeight="1" x14ac:dyDescent="0.2">
      <c r="B21" s="262" t="s">
        <v>19</v>
      </c>
      <c r="C21" s="277">
        <v>0</v>
      </c>
      <c r="D21" s="281">
        <v>0</v>
      </c>
      <c r="E21" s="385">
        <v>0</v>
      </c>
      <c r="F21" s="280">
        <v>0</v>
      </c>
      <c r="G21" s="281">
        <v>2033</v>
      </c>
      <c r="H21" s="281">
        <v>2305</v>
      </c>
      <c r="I21" s="281">
        <v>2882</v>
      </c>
      <c r="J21" s="281">
        <v>3952</v>
      </c>
      <c r="K21" s="281">
        <v>2509</v>
      </c>
      <c r="L21" s="282">
        <v>13681</v>
      </c>
      <c r="M21" s="283">
        <v>13681</v>
      </c>
      <c r="N21" s="277">
        <v>0</v>
      </c>
      <c r="O21" s="281">
        <v>0</v>
      </c>
      <c r="P21" s="278">
        <v>0</v>
      </c>
      <c r="Q21" s="280">
        <v>0</v>
      </c>
      <c r="R21" s="281">
        <v>13</v>
      </c>
      <c r="S21" s="281">
        <v>20</v>
      </c>
      <c r="T21" s="281">
        <v>49</v>
      </c>
      <c r="U21" s="281">
        <v>112</v>
      </c>
      <c r="V21" s="281">
        <v>181</v>
      </c>
      <c r="W21" s="278">
        <v>375</v>
      </c>
      <c r="X21" s="283">
        <v>375</v>
      </c>
      <c r="Y21" s="277">
        <v>114</v>
      </c>
      <c r="Z21" s="281">
        <v>207</v>
      </c>
      <c r="AA21" s="278">
        <v>321</v>
      </c>
      <c r="AB21" s="280">
        <v>0</v>
      </c>
      <c r="AC21" s="281">
        <v>1244</v>
      </c>
      <c r="AD21" s="281">
        <v>1212</v>
      </c>
      <c r="AE21" s="281">
        <v>938</v>
      </c>
      <c r="AF21" s="281">
        <v>703</v>
      </c>
      <c r="AG21" s="281">
        <v>732</v>
      </c>
      <c r="AH21" s="278">
        <v>4829</v>
      </c>
      <c r="AI21" s="283">
        <v>5150</v>
      </c>
      <c r="AJ21" s="277">
        <v>14</v>
      </c>
      <c r="AK21" s="281">
        <v>38</v>
      </c>
      <c r="AL21" s="278">
        <v>52</v>
      </c>
      <c r="AM21" s="280">
        <v>0</v>
      </c>
      <c r="AN21" s="281">
        <v>285</v>
      </c>
      <c r="AO21" s="281">
        <v>140</v>
      </c>
      <c r="AP21" s="281">
        <v>181</v>
      </c>
      <c r="AQ21" s="281">
        <v>111</v>
      </c>
      <c r="AR21" s="281">
        <v>44</v>
      </c>
      <c r="AS21" s="278">
        <v>761</v>
      </c>
      <c r="AT21" s="283">
        <v>813</v>
      </c>
      <c r="AU21" s="277">
        <v>0</v>
      </c>
      <c r="AV21" s="281">
        <v>0</v>
      </c>
      <c r="AW21" s="278">
        <v>0</v>
      </c>
      <c r="AX21" s="280">
        <v>0</v>
      </c>
      <c r="AY21" s="281">
        <v>2258</v>
      </c>
      <c r="AZ21" s="281">
        <v>2488</v>
      </c>
      <c r="BA21" s="281">
        <v>1262</v>
      </c>
      <c r="BB21" s="281">
        <v>587</v>
      </c>
      <c r="BC21" s="281">
        <v>465</v>
      </c>
      <c r="BD21" s="282">
        <v>7060</v>
      </c>
      <c r="BE21" s="283">
        <v>7060</v>
      </c>
      <c r="BF21" s="277">
        <v>0</v>
      </c>
      <c r="BG21" s="281">
        <v>0</v>
      </c>
      <c r="BH21" s="278">
        <v>0</v>
      </c>
      <c r="BI21" s="280">
        <v>0</v>
      </c>
      <c r="BJ21" s="281">
        <v>782</v>
      </c>
      <c r="BK21" s="281">
        <v>694</v>
      </c>
      <c r="BL21" s="281">
        <v>429</v>
      </c>
      <c r="BM21" s="281">
        <v>267</v>
      </c>
      <c r="BN21" s="281">
        <v>107</v>
      </c>
      <c r="BO21" s="278">
        <v>2279</v>
      </c>
      <c r="BP21" s="283">
        <v>2279</v>
      </c>
      <c r="BQ21" s="277">
        <v>0</v>
      </c>
      <c r="BR21" s="281">
        <v>3</v>
      </c>
      <c r="BS21" s="278">
        <v>3</v>
      </c>
      <c r="BT21" s="280">
        <v>0</v>
      </c>
      <c r="BU21" s="281">
        <v>164</v>
      </c>
      <c r="BV21" s="281">
        <v>350</v>
      </c>
      <c r="BW21" s="281">
        <v>519</v>
      </c>
      <c r="BX21" s="281">
        <v>306</v>
      </c>
      <c r="BY21" s="281">
        <v>141</v>
      </c>
      <c r="BZ21" s="278">
        <v>1480</v>
      </c>
      <c r="CA21" s="283">
        <v>1483</v>
      </c>
      <c r="CB21" s="277">
        <v>0</v>
      </c>
      <c r="CC21" s="281">
        <v>0</v>
      </c>
      <c r="CD21" s="278">
        <v>0</v>
      </c>
      <c r="CE21" s="280">
        <v>0</v>
      </c>
      <c r="CF21" s="281">
        <v>19</v>
      </c>
      <c r="CG21" s="281">
        <v>100</v>
      </c>
      <c r="CH21" s="281">
        <v>55</v>
      </c>
      <c r="CI21" s="281">
        <v>89</v>
      </c>
      <c r="CJ21" s="281">
        <v>35</v>
      </c>
      <c r="CK21" s="278">
        <v>298</v>
      </c>
      <c r="CL21" s="283">
        <v>298</v>
      </c>
      <c r="CM21" s="277">
        <v>0</v>
      </c>
      <c r="CN21" s="281">
        <v>0</v>
      </c>
      <c r="CO21" s="278">
        <v>0</v>
      </c>
      <c r="CP21" s="280">
        <v>0</v>
      </c>
      <c r="CQ21" s="281">
        <v>0</v>
      </c>
      <c r="CR21" s="281">
        <v>0</v>
      </c>
      <c r="CS21" s="281">
        <v>0</v>
      </c>
      <c r="CT21" s="281">
        <v>0</v>
      </c>
      <c r="CU21" s="281">
        <v>0</v>
      </c>
      <c r="CV21" s="278">
        <v>0</v>
      </c>
      <c r="CW21" s="283">
        <v>0</v>
      </c>
      <c r="CX21" s="277">
        <v>0</v>
      </c>
      <c r="CY21" s="281">
        <v>0</v>
      </c>
      <c r="CZ21" s="278">
        <v>0</v>
      </c>
      <c r="DA21" s="280">
        <v>0</v>
      </c>
      <c r="DB21" s="281">
        <v>0</v>
      </c>
      <c r="DC21" s="281">
        <v>0</v>
      </c>
      <c r="DD21" s="281">
        <v>0</v>
      </c>
      <c r="DE21" s="281">
        <v>0</v>
      </c>
      <c r="DF21" s="281">
        <v>0</v>
      </c>
      <c r="DG21" s="278">
        <v>0</v>
      </c>
      <c r="DH21" s="283">
        <v>0</v>
      </c>
    </row>
    <row r="22" spans="2:112" ht="18.75" customHeight="1" x14ac:dyDescent="0.2">
      <c r="B22" s="262" t="s">
        <v>20</v>
      </c>
      <c r="C22" s="277">
        <v>0</v>
      </c>
      <c r="D22" s="281">
        <v>0</v>
      </c>
      <c r="E22" s="385">
        <v>0</v>
      </c>
      <c r="F22" s="280">
        <v>0</v>
      </c>
      <c r="G22" s="281">
        <v>2924</v>
      </c>
      <c r="H22" s="281">
        <v>3336</v>
      </c>
      <c r="I22" s="281">
        <v>4023</v>
      </c>
      <c r="J22" s="281">
        <v>4484</v>
      </c>
      <c r="K22" s="281">
        <v>3698</v>
      </c>
      <c r="L22" s="282">
        <v>18465</v>
      </c>
      <c r="M22" s="283">
        <v>18465</v>
      </c>
      <c r="N22" s="277">
        <v>0</v>
      </c>
      <c r="O22" s="281">
        <v>0</v>
      </c>
      <c r="P22" s="278">
        <v>0</v>
      </c>
      <c r="Q22" s="280">
        <v>0</v>
      </c>
      <c r="R22" s="281">
        <v>2</v>
      </c>
      <c r="S22" s="281">
        <v>39</v>
      </c>
      <c r="T22" s="281">
        <v>60</v>
      </c>
      <c r="U22" s="281">
        <v>113</v>
      </c>
      <c r="V22" s="281">
        <v>253</v>
      </c>
      <c r="W22" s="278">
        <v>467</v>
      </c>
      <c r="X22" s="283">
        <v>467</v>
      </c>
      <c r="Y22" s="277">
        <v>181</v>
      </c>
      <c r="Z22" s="281">
        <v>605</v>
      </c>
      <c r="AA22" s="278">
        <v>786</v>
      </c>
      <c r="AB22" s="280">
        <v>0</v>
      </c>
      <c r="AC22" s="281">
        <v>2030</v>
      </c>
      <c r="AD22" s="281">
        <v>1671</v>
      </c>
      <c r="AE22" s="281">
        <v>998</v>
      </c>
      <c r="AF22" s="281">
        <v>853</v>
      </c>
      <c r="AG22" s="281">
        <v>617</v>
      </c>
      <c r="AH22" s="278">
        <v>6169</v>
      </c>
      <c r="AI22" s="283">
        <v>6955</v>
      </c>
      <c r="AJ22" s="277">
        <v>92</v>
      </c>
      <c r="AK22" s="281">
        <v>259</v>
      </c>
      <c r="AL22" s="278">
        <v>351</v>
      </c>
      <c r="AM22" s="280">
        <v>0</v>
      </c>
      <c r="AN22" s="281">
        <v>584</v>
      </c>
      <c r="AO22" s="281">
        <v>537</v>
      </c>
      <c r="AP22" s="281">
        <v>458</v>
      </c>
      <c r="AQ22" s="281">
        <v>268</v>
      </c>
      <c r="AR22" s="281">
        <v>152</v>
      </c>
      <c r="AS22" s="278">
        <v>1999</v>
      </c>
      <c r="AT22" s="283">
        <v>2350</v>
      </c>
      <c r="AU22" s="277">
        <v>0</v>
      </c>
      <c r="AV22" s="281">
        <v>0</v>
      </c>
      <c r="AW22" s="278">
        <v>0</v>
      </c>
      <c r="AX22" s="280">
        <v>0</v>
      </c>
      <c r="AY22" s="281">
        <v>2819</v>
      </c>
      <c r="AZ22" s="281">
        <v>1805</v>
      </c>
      <c r="BA22" s="281">
        <v>1444</v>
      </c>
      <c r="BB22" s="281">
        <v>762</v>
      </c>
      <c r="BC22" s="281">
        <v>412</v>
      </c>
      <c r="BD22" s="282">
        <v>7242</v>
      </c>
      <c r="BE22" s="283">
        <v>7242</v>
      </c>
      <c r="BF22" s="277">
        <v>0</v>
      </c>
      <c r="BG22" s="281">
        <v>0</v>
      </c>
      <c r="BH22" s="278">
        <v>0</v>
      </c>
      <c r="BI22" s="280">
        <v>0</v>
      </c>
      <c r="BJ22" s="281">
        <v>1234</v>
      </c>
      <c r="BK22" s="281">
        <v>826</v>
      </c>
      <c r="BL22" s="281">
        <v>527</v>
      </c>
      <c r="BM22" s="281">
        <v>348</v>
      </c>
      <c r="BN22" s="281">
        <v>90</v>
      </c>
      <c r="BO22" s="278">
        <v>3025</v>
      </c>
      <c r="BP22" s="283">
        <v>3025</v>
      </c>
      <c r="BQ22" s="277">
        <v>8</v>
      </c>
      <c r="BR22" s="281">
        <v>13</v>
      </c>
      <c r="BS22" s="278">
        <v>21</v>
      </c>
      <c r="BT22" s="280">
        <v>0</v>
      </c>
      <c r="BU22" s="281">
        <v>345</v>
      </c>
      <c r="BV22" s="281">
        <v>447</v>
      </c>
      <c r="BW22" s="281">
        <v>1226</v>
      </c>
      <c r="BX22" s="281">
        <v>772</v>
      </c>
      <c r="BY22" s="281">
        <v>178</v>
      </c>
      <c r="BZ22" s="278">
        <v>2968</v>
      </c>
      <c r="CA22" s="283">
        <v>2989</v>
      </c>
      <c r="CB22" s="277">
        <v>0</v>
      </c>
      <c r="CC22" s="281">
        <v>0</v>
      </c>
      <c r="CD22" s="278">
        <v>0</v>
      </c>
      <c r="CE22" s="280">
        <v>0</v>
      </c>
      <c r="CF22" s="281">
        <v>5</v>
      </c>
      <c r="CG22" s="281">
        <v>31</v>
      </c>
      <c r="CH22" s="281">
        <v>80</v>
      </c>
      <c r="CI22" s="281">
        <v>72</v>
      </c>
      <c r="CJ22" s="281">
        <v>30</v>
      </c>
      <c r="CK22" s="278">
        <v>218</v>
      </c>
      <c r="CL22" s="283">
        <v>218</v>
      </c>
      <c r="CM22" s="277">
        <v>0</v>
      </c>
      <c r="CN22" s="281">
        <v>0</v>
      </c>
      <c r="CO22" s="278">
        <v>0</v>
      </c>
      <c r="CP22" s="280">
        <v>0</v>
      </c>
      <c r="CQ22" s="281">
        <v>0</v>
      </c>
      <c r="CR22" s="281">
        <v>0</v>
      </c>
      <c r="CS22" s="281">
        <v>0</v>
      </c>
      <c r="CT22" s="281">
        <v>0</v>
      </c>
      <c r="CU22" s="281">
        <v>0</v>
      </c>
      <c r="CV22" s="278">
        <v>0</v>
      </c>
      <c r="CW22" s="283">
        <v>0</v>
      </c>
      <c r="CX22" s="277">
        <v>0</v>
      </c>
      <c r="CY22" s="281">
        <v>0</v>
      </c>
      <c r="CZ22" s="278">
        <v>0</v>
      </c>
      <c r="DA22" s="280">
        <v>0</v>
      </c>
      <c r="DB22" s="281">
        <v>0</v>
      </c>
      <c r="DC22" s="281">
        <v>0</v>
      </c>
      <c r="DD22" s="281">
        <v>0</v>
      </c>
      <c r="DE22" s="281">
        <v>0</v>
      </c>
      <c r="DF22" s="281">
        <v>0</v>
      </c>
      <c r="DG22" s="278">
        <v>0</v>
      </c>
      <c r="DH22" s="283">
        <v>0</v>
      </c>
    </row>
    <row r="23" spans="2:112" ht="18.75" customHeight="1" x14ac:dyDescent="0.2">
      <c r="B23" s="262" t="s">
        <v>21</v>
      </c>
      <c r="C23" s="277">
        <v>0</v>
      </c>
      <c r="D23" s="281">
        <v>0</v>
      </c>
      <c r="E23" s="385">
        <v>0</v>
      </c>
      <c r="F23" s="280">
        <v>0</v>
      </c>
      <c r="G23" s="281">
        <v>2824</v>
      </c>
      <c r="H23" s="281">
        <v>5962</v>
      </c>
      <c r="I23" s="281">
        <v>5663</v>
      </c>
      <c r="J23" s="281">
        <v>7463</v>
      </c>
      <c r="K23" s="281">
        <v>5284</v>
      </c>
      <c r="L23" s="282">
        <v>27196</v>
      </c>
      <c r="M23" s="283">
        <v>27196</v>
      </c>
      <c r="N23" s="277">
        <v>0</v>
      </c>
      <c r="O23" s="281">
        <v>0</v>
      </c>
      <c r="P23" s="278">
        <v>0</v>
      </c>
      <c r="Q23" s="280">
        <v>0</v>
      </c>
      <c r="R23" s="281">
        <v>3</v>
      </c>
      <c r="S23" s="281">
        <v>16</v>
      </c>
      <c r="T23" s="281">
        <v>87</v>
      </c>
      <c r="U23" s="281">
        <v>120</v>
      </c>
      <c r="V23" s="281">
        <v>241</v>
      </c>
      <c r="W23" s="278">
        <v>467</v>
      </c>
      <c r="X23" s="283">
        <v>467</v>
      </c>
      <c r="Y23" s="277">
        <v>319</v>
      </c>
      <c r="Z23" s="281">
        <v>596</v>
      </c>
      <c r="AA23" s="278">
        <v>915</v>
      </c>
      <c r="AB23" s="280">
        <v>0</v>
      </c>
      <c r="AC23" s="281">
        <v>1689</v>
      </c>
      <c r="AD23" s="281">
        <v>2764</v>
      </c>
      <c r="AE23" s="281">
        <v>1493</v>
      </c>
      <c r="AF23" s="281">
        <v>1348</v>
      </c>
      <c r="AG23" s="281">
        <v>749</v>
      </c>
      <c r="AH23" s="278">
        <v>8043</v>
      </c>
      <c r="AI23" s="283">
        <v>8958</v>
      </c>
      <c r="AJ23" s="277">
        <v>100</v>
      </c>
      <c r="AK23" s="281">
        <v>299</v>
      </c>
      <c r="AL23" s="278">
        <v>399</v>
      </c>
      <c r="AM23" s="280">
        <v>0</v>
      </c>
      <c r="AN23" s="281">
        <v>202</v>
      </c>
      <c r="AO23" s="281">
        <v>386</v>
      </c>
      <c r="AP23" s="281">
        <v>174</v>
      </c>
      <c r="AQ23" s="281">
        <v>201</v>
      </c>
      <c r="AR23" s="281">
        <v>46</v>
      </c>
      <c r="AS23" s="278">
        <v>1009</v>
      </c>
      <c r="AT23" s="283">
        <v>1408</v>
      </c>
      <c r="AU23" s="277">
        <v>0</v>
      </c>
      <c r="AV23" s="281">
        <v>0</v>
      </c>
      <c r="AW23" s="278">
        <v>0</v>
      </c>
      <c r="AX23" s="280">
        <v>0</v>
      </c>
      <c r="AY23" s="281">
        <v>2590</v>
      </c>
      <c r="AZ23" s="281">
        <v>3171</v>
      </c>
      <c r="BA23" s="281">
        <v>1888</v>
      </c>
      <c r="BB23" s="281">
        <v>1149</v>
      </c>
      <c r="BC23" s="281">
        <v>312</v>
      </c>
      <c r="BD23" s="282">
        <v>9110</v>
      </c>
      <c r="BE23" s="283">
        <v>9110</v>
      </c>
      <c r="BF23" s="277">
        <v>0</v>
      </c>
      <c r="BG23" s="281">
        <v>0</v>
      </c>
      <c r="BH23" s="278">
        <v>0</v>
      </c>
      <c r="BI23" s="280">
        <v>0</v>
      </c>
      <c r="BJ23" s="281">
        <v>362</v>
      </c>
      <c r="BK23" s="281">
        <v>495</v>
      </c>
      <c r="BL23" s="281">
        <v>305</v>
      </c>
      <c r="BM23" s="281">
        <v>71</v>
      </c>
      <c r="BN23" s="281">
        <v>105</v>
      </c>
      <c r="BO23" s="278">
        <v>1338</v>
      </c>
      <c r="BP23" s="283">
        <v>1338</v>
      </c>
      <c r="BQ23" s="277">
        <v>5</v>
      </c>
      <c r="BR23" s="281">
        <v>10</v>
      </c>
      <c r="BS23" s="278">
        <v>15</v>
      </c>
      <c r="BT23" s="280">
        <v>0</v>
      </c>
      <c r="BU23" s="281">
        <v>273</v>
      </c>
      <c r="BV23" s="281">
        <v>487</v>
      </c>
      <c r="BW23" s="281">
        <v>1334</v>
      </c>
      <c r="BX23" s="281">
        <v>710</v>
      </c>
      <c r="BY23" s="281">
        <v>496</v>
      </c>
      <c r="BZ23" s="278">
        <v>3300</v>
      </c>
      <c r="CA23" s="283">
        <v>3315</v>
      </c>
      <c r="CB23" s="277">
        <v>0</v>
      </c>
      <c r="CC23" s="281">
        <v>0</v>
      </c>
      <c r="CD23" s="278">
        <v>0</v>
      </c>
      <c r="CE23" s="280">
        <v>0</v>
      </c>
      <c r="CF23" s="281">
        <v>35</v>
      </c>
      <c r="CG23" s="281">
        <v>25</v>
      </c>
      <c r="CH23" s="281">
        <v>34</v>
      </c>
      <c r="CI23" s="281">
        <v>5</v>
      </c>
      <c r="CJ23" s="281">
        <v>29</v>
      </c>
      <c r="CK23" s="278">
        <v>128</v>
      </c>
      <c r="CL23" s="283">
        <v>128</v>
      </c>
      <c r="CM23" s="277">
        <v>0</v>
      </c>
      <c r="CN23" s="281">
        <v>0</v>
      </c>
      <c r="CO23" s="278">
        <v>0</v>
      </c>
      <c r="CP23" s="280">
        <v>0</v>
      </c>
      <c r="CQ23" s="281">
        <v>0</v>
      </c>
      <c r="CR23" s="281">
        <v>0</v>
      </c>
      <c r="CS23" s="281">
        <v>0</v>
      </c>
      <c r="CT23" s="281">
        <v>0</v>
      </c>
      <c r="CU23" s="281">
        <v>0</v>
      </c>
      <c r="CV23" s="278">
        <v>0</v>
      </c>
      <c r="CW23" s="283">
        <v>0</v>
      </c>
      <c r="CX23" s="277">
        <v>0</v>
      </c>
      <c r="CY23" s="281">
        <v>0</v>
      </c>
      <c r="CZ23" s="278">
        <v>0</v>
      </c>
      <c r="DA23" s="280">
        <v>0</v>
      </c>
      <c r="DB23" s="281">
        <v>0</v>
      </c>
      <c r="DC23" s="281">
        <v>0</v>
      </c>
      <c r="DD23" s="281">
        <v>0</v>
      </c>
      <c r="DE23" s="281">
        <v>0</v>
      </c>
      <c r="DF23" s="281">
        <v>0</v>
      </c>
      <c r="DG23" s="278">
        <v>0</v>
      </c>
      <c r="DH23" s="283">
        <v>0</v>
      </c>
    </row>
    <row r="24" spans="2:112" ht="18.75" customHeight="1" x14ac:dyDescent="0.2">
      <c r="B24" s="262" t="s">
        <v>22</v>
      </c>
      <c r="C24" s="277">
        <v>0</v>
      </c>
      <c r="D24" s="281">
        <v>0</v>
      </c>
      <c r="E24" s="385">
        <v>0</v>
      </c>
      <c r="F24" s="280">
        <v>0</v>
      </c>
      <c r="G24" s="281">
        <v>756</v>
      </c>
      <c r="H24" s="281">
        <v>1067</v>
      </c>
      <c r="I24" s="281">
        <v>707</v>
      </c>
      <c r="J24" s="281">
        <v>1768</v>
      </c>
      <c r="K24" s="281">
        <v>1575</v>
      </c>
      <c r="L24" s="282">
        <v>5873</v>
      </c>
      <c r="M24" s="283">
        <v>5873</v>
      </c>
      <c r="N24" s="277">
        <v>0</v>
      </c>
      <c r="O24" s="281">
        <v>0</v>
      </c>
      <c r="P24" s="278">
        <v>0</v>
      </c>
      <c r="Q24" s="280">
        <v>0</v>
      </c>
      <c r="R24" s="281">
        <v>0</v>
      </c>
      <c r="S24" s="281">
        <v>4</v>
      </c>
      <c r="T24" s="281">
        <v>29</v>
      </c>
      <c r="U24" s="281">
        <v>64</v>
      </c>
      <c r="V24" s="281">
        <v>110</v>
      </c>
      <c r="W24" s="278">
        <v>207</v>
      </c>
      <c r="X24" s="283">
        <v>207</v>
      </c>
      <c r="Y24" s="277">
        <v>15</v>
      </c>
      <c r="Z24" s="281">
        <v>65</v>
      </c>
      <c r="AA24" s="278">
        <v>80</v>
      </c>
      <c r="AB24" s="280">
        <v>0</v>
      </c>
      <c r="AC24" s="281">
        <v>296</v>
      </c>
      <c r="AD24" s="281">
        <v>643</v>
      </c>
      <c r="AE24" s="281">
        <v>161</v>
      </c>
      <c r="AF24" s="281">
        <v>294</v>
      </c>
      <c r="AG24" s="281">
        <v>287</v>
      </c>
      <c r="AH24" s="278">
        <v>1681</v>
      </c>
      <c r="AI24" s="283">
        <v>1761</v>
      </c>
      <c r="AJ24" s="277">
        <v>0</v>
      </c>
      <c r="AK24" s="281">
        <v>35</v>
      </c>
      <c r="AL24" s="278">
        <v>35</v>
      </c>
      <c r="AM24" s="280">
        <v>0</v>
      </c>
      <c r="AN24" s="281">
        <v>128</v>
      </c>
      <c r="AO24" s="281">
        <v>287</v>
      </c>
      <c r="AP24" s="281">
        <v>116</v>
      </c>
      <c r="AQ24" s="281">
        <v>83</v>
      </c>
      <c r="AR24" s="281">
        <v>56</v>
      </c>
      <c r="AS24" s="278">
        <v>670</v>
      </c>
      <c r="AT24" s="283">
        <v>705</v>
      </c>
      <c r="AU24" s="277">
        <v>0</v>
      </c>
      <c r="AV24" s="281">
        <v>0</v>
      </c>
      <c r="AW24" s="278">
        <v>0</v>
      </c>
      <c r="AX24" s="280">
        <v>0</v>
      </c>
      <c r="AY24" s="281">
        <v>1344</v>
      </c>
      <c r="AZ24" s="281">
        <v>1147</v>
      </c>
      <c r="BA24" s="281">
        <v>524</v>
      </c>
      <c r="BB24" s="281">
        <v>369</v>
      </c>
      <c r="BC24" s="281">
        <v>195</v>
      </c>
      <c r="BD24" s="282">
        <v>3579</v>
      </c>
      <c r="BE24" s="283">
        <v>3579</v>
      </c>
      <c r="BF24" s="277">
        <v>0</v>
      </c>
      <c r="BG24" s="281">
        <v>0</v>
      </c>
      <c r="BH24" s="278">
        <v>0</v>
      </c>
      <c r="BI24" s="280">
        <v>0</v>
      </c>
      <c r="BJ24" s="281">
        <v>148</v>
      </c>
      <c r="BK24" s="281">
        <v>155</v>
      </c>
      <c r="BL24" s="281">
        <v>188</v>
      </c>
      <c r="BM24" s="281">
        <v>106</v>
      </c>
      <c r="BN24" s="281">
        <v>39</v>
      </c>
      <c r="BO24" s="278">
        <v>636</v>
      </c>
      <c r="BP24" s="283">
        <v>636</v>
      </c>
      <c r="BQ24" s="277">
        <v>0</v>
      </c>
      <c r="BR24" s="281">
        <v>0</v>
      </c>
      <c r="BS24" s="278">
        <v>0</v>
      </c>
      <c r="BT24" s="280">
        <v>0</v>
      </c>
      <c r="BU24" s="281">
        <v>75</v>
      </c>
      <c r="BV24" s="281">
        <v>169</v>
      </c>
      <c r="BW24" s="281">
        <v>561</v>
      </c>
      <c r="BX24" s="281">
        <v>181</v>
      </c>
      <c r="BY24" s="281">
        <v>68</v>
      </c>
      <c r="BZ24" s="278">
        <v>1054</v>
      </c>
      <c r="CA24" s="283">
        <v>1054</v>
      </c>
      <c r="CB24" s="277">
        <v>0</v>
      </c>
      <c r="CC24" s="281">
        <v>0</v>
      </c>
      <c r="CD24" s="278">
        <v>0</v>
      </c>
      <c r="CE24" s="280">
        <v>0</v>
      </c>
      <c r="CF24" s="281">
        <v>0</v>
      </c>
      <c r="CG24" s="281">
        <v>3</v>
      </c>
      <c r="CH24" s="281">
        <v>46</v>
      </c>
      <c r="CI24" s="281">
        <v>13</v>
      </c>
      <c r="CJ24" s="281">
        <v>15</v>
      </c>
      <c r="CK24" s="278">
        <v>77</v>
      </c>
      <c r="CL24" s="283">
        <v>77</v>
      </c>
      <c r="CM24" s="277">
        <v>0</v>
      </c>
      <c r="CN24" s="281">
        <v>0</v>
      </c>
      <c r="CO24" s="278">
        <v>0</v>
      </c>
      <c r="CP24" s="280">
        <v>0</v>
      </c>
      <c r="CQ24" s="281">
        <v>0</v>
      </c>
      <c r="CR24" s="281">
        <v>0</v>
      </c>
      <c r="CS24" s="281">
        <v>0</v>
      </c>
      <c r="CT24" s="281">
        <v>0</v>
      </c>
      <c r="CU24" s="281">
        <v>0</v>
      </c>
      <c r="CV24" s="278">
        <v>0</v>
      </c>
      <c r="CW24" s="283">
        <v>0</v>
      </c>
      <c r="CX24" s="277">
        <v>0</v>
      </c>
      <c r="CY24" s="281">
        <v>0</v>
      </c>
      <c r="CZ24" s="278">
        <v>0</v>
      </c>
      <c r="DA24" s="280">
        <v>0</v>
      </c>
      <c r="DB24" s="281">
        <v>0</v>
      </c>
      <c r="DC24" s="281">
        <v>0</v>
      </c>
      <c r="DD24" s="281">
        <v>0</v>
      </c>
      <c r="DE24" s="281">
        <v>0</v>
      </c>
      <c r="DF24" s="281">
        <v>0</v>
      </c>
      <c r="DG24" s="278">
        <v>0</v>
      </c>
      <c r="DH24" s="283">
        <v>0</v>
      </c>
    </row>
    <row r="25" spans="2:112" ht="18.75" customHeight="1" x14ac:dyDescent="0.2">
      <c r="B25" s="262" t="s">
        <v>23</v>
      </c>
      <c r="C25" s="277">
        <v>0</v>
      </c>
      <c r="D25" s="281">
        <v>0</v>
      </c>
      <c r="E25" s="385">
        <v>0</v>
      </c>
      <c r="F25" s="280">
        <v>0</v>
      </c>
      <c r="G25" s="281">
        <v>1686</v>
      </c>
      <c r="H25" s="281">
        <v>2502</v>
      </c>
      <c r="I25" s="281">
        <v>2646</v>
      </c>
      <c r="J25" s="281">
        <v>2760</v>
      </c>
      <c r="K25" s="281">
        <v>2304</v>
      </c>
      <c r="L25" s="282">
        <v>11898</v>
      </c>
      <c r="M25" s="283">
        <v>11898</v>
      </c>
      <c r="N25" s="277">
        <v>0</v>
      </c>
      <c r="O25" s="281">
        <v>0</v>
      </c>
      <c r="P25" s="278">
        <v>0</v>
      </c>
      <c r="Q25" s="280">
        <v>0</v>
      </c>
      <c r="R25" s="281">
        <v>1</v>
      </c>
      <c r="S25" s="281">
        <v>17</v>
      </c>
      <c r="T25" s="281">
        <v>33</v>
      </c>
      <c r="U25" s="281">
        <v>71</v>
      </c>
      <c r="V25" s="281">
        <v>89</v>
      </c>
      <c r="W25" s="278">
        <v>211</v>
      </c>
      <c r="X25" s="283">
        <v>211</v>
      </c>
      <c r="Y25" s="277">
        <v>157</v>
      </c>
      <c r="Z25" s="281">
        <v>389</v>
      </c>
      <c r="AA25" s="278">
        <v>546</v>
      </c>
      <c r="AB25" s="280">
        <v>0</v>
      </c>
      <c r="AC25" s="281">
        <v>1003</v>
      </c>
      <c r="AD25" s="281">
        <v>1530</v>
      </c>
      <c r="AE25" s="281">
        <v>807</v>
      </c>
      <c r="AF25" s="281">
        <v>821</v>
      </c>
      <c r="AG25" s="281">
        <v>579</v>
      </c>
      <c r="AH25" s="278">
        <v>4740</v>
      </c>
      <c r="AI25" s="283">
        <v>5286</v>
      </c>
      <c r="AJ25" s="277">
        <v>18</v>
      </c>
      <c r="AK25" s="281">
        <v>120</v>
      </c>
      <c r="AL25" s="278">
        <v>138</v>
      </c>
      <c r="AM25" s="280">
        <v>0</v>
      </c>
      <c r="AN25" s="281">
        <v>91</v>
      </c>
      <c r="AO25" s="281">
        <v>211</v>
      </c>
      <c r="AP25" s="281">
        <v>109</v>
      </c>
      <c r="AQ25" s="281">
        <v>84</v>
      </c>
      <c r="AR25" s="281">
        <v>36</v>
      </c>
      <c r="AS25" s="278">
        <v>531</v>
      </c>
      <c r="AT25" s="283">
        <v>669</v>
      </c>
      <c r="AU25" s="277">
        <v>0</v>
      </c>
      <c r="AV25" s="281">
        <v>0</v>
      </c>
      <c r="AW25" s="278">
        <v>0</v>
      </c>
      <c r="AX25" s="280">
        <v>0</v>
      </c>
      <c r="AY25" s="281">
        <v>2459</v>
      </c>
      <c r="AZ25" s="281">
        <v>2370</v>
      </c>
      <c r="BA25" s="281">
        <v>1378</v>
      </c>
      <c r="BB25" s="281">
        <v>962</v>
      </c>
      <c r="BC25" s="281">
        <v>392</v>
      </c>
      <c r="BD25" s="282">
        <v>7561</v>
      </c>
      <c r="BE25" s="283">
        <v>7561</v>
      </c>
      <c r="BF25" s="277">
        <v>0</v>
      </c>
      <c r="BG25" s="281">
        <v>0</v>
      </c>
      <c r="BH25" s="278">
        <v>0</v>
      </c>
      <c r="BI25" s="280">
        <v>0</v>
      </c>
      <c r="BJ25" s="281">
        <v>270</v>
      </c>
      <c r="BK25" s="281">
        <v>451</v>
      </c>
      <c r="BL25" s="281">
        <v>249</v>
      </c>
      <c r="BM25" s="281">
        <v>181</v>
      </c>
      <c r="BN25" s="281">
        <v>23</v>
      </c>
      <c r="BO25" s="278">
        <v>1174</v>
      </c>
      <c r="BP25" s="283">
        <v>1174</v>
      </c>
      <c r="BQ25" s="277">
        <v>6</v>
      </c>
      <c r="BR25" s="281">
        <v>9</v>
      </c>
      <c r="BS25" s="278">
        <v>15</v>
      </c>
      <c r="BT25" s="280">
        <v>0</v>
      </c>
      <c r="BU25" s="281">
        <v>172</v>
      </c>
      <c r="BV25" s="281">
        <v>406</v>
      </c>
      <c r="BW25" s="281">
        <v>456</v>
      </c>
      <c r="BX25" s="281">
        <v>551</v>
      </c>
      <c r="BY25" s="281">
        <v>259</v>
      </c>
      <c r="BZ25" s="278">
        <v>1844</v>
      </c>
      <c r="CA25" s="283">
        <v>1859</v>
      </c>
      <c r="CB25" s="277">
        <v>0</v>
      </c>
      <c r="CC25" s="281">
        <v>0</v>
      </c>
      <c r="CD25" s="278">
        <v>0</v>
      </c>
      <c r="CE25" s="280">
        <v>0</v>
      </c>
      <c r="CF25" s="281">
        <v>6</v>
      </c>
      <c r="CG25" s="281">
        <v>18</v>
      </c>
      <c r="CH25" s="281">
        <v>0</v>
      </c>
      <c r="CI25" s="281">
        <v>17</v>
      </c>
      <c r="CJ25" s="281">
        <v>37</v>
      </c>
      <c r="CK25" s="278">
        <v>78</v>
      </c>
      <c r="CL25" s="283">
        <v>78</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row>
    <row r="26" spans="2:112" ht="18.75" customHeight="1" x14ac:dyDescent="0.2">
      <c r="B26" s="262" t="s">
        <v>24</v>
      </c>
      <c r="C26" s="277">
        <v>0</v>
      </c>
      <c r="D26" s="281">
        <v>0</v>
      </c>
      <c r="E26" s="385">
        <v>0</v>
      </c>
      <c r="F26" s="280">
        <v>0</v>
      </c>
      <c r="G26" s="281">
        <v>870</v>
      </c>
      <c r="H26" s="281">
        <v>897</v>
      </c>
      <c r="I26" s="281">
        <v>983</v>
      </c>
      <c r="J26" s="281">
        <v>1579</v>
      </c>
      <c r="K26" s="281">
        <v>1765</v>
      </c>
      <c r="L26" s="282">
        <v>6094</v>
      </c>
      <c r="M26" s="283">
        <v>6094</v>
      </c>
      <c r="N26" s="277">
        <v>0</v>
      </c>
      <c r="O26" s="281">
        <v>0</v>
      </c>
      <c r="P26" s="278">
        <v>0</v>
      </c>
      <c r="Q26" s="280">
        <v>0</v>
      </c>
      <c r="R26" s="281">
        <v>4</v>
      </c>
      <c r="S26" s="281">
        <v>9</v>
      </c>
      <c r="T26" s="281">
        <v>18</v>
      </c>
      <c r="U26" s="281">
        <v>41</v>
      </c>
      <c r="V26" s="281">
        <v>120</v>
      </c>
      <c r="W26" s="278">
        <v>192</v>
      </c>
      <c r="X26" s="283">
        <v>192</v>
      </c>
      <c r="Y26" s="277">
        <v>48</v>
      </c>
      <c r="Z26" s="281">
        <v>108</v>
      </c>
      <c r="AA26" s="278">
        <v>156</v>
      </c>
      <c r="AB26" s="280">
        <v>0</v>
      </c>
      <c r="AC26" s="281">
        <v>532</v>
      </c>
      <c r="AD26" s="281">
        <v>411</v>
      </c>
      <c r="AE26" s="281">
        <v>392</v>
      </c>
      <c r="AF26" s="281">
        <v>295</v>
      </c>
      <c r="AG26" s="281">
        <v>340</v>
      </c>
      <c r="AH26" s="278">
        <v>1970</v>
      </c>
      <c r="AI26" s="283">
        <v>2126</v>
      </c>
      <c r="AJ26" s="277">
        <v>12</v>
      </c>
      <c r="AK26" s="281">
        <v>26</v>
      </c>
      <c r="AL26" s="278">
        <v>38</v>
      </c>
      <c r="AM26" s="280">
        <v>0</v>
      </c>
      <c r="AN26" s="281">
        <v>55</v>
      </c>
      <c r="AO26" s="281">
        <v>36</v>
      </c>
      <c r="AP26" s="281">
        <v>12</v>
      </c>
      <c r="AQ26" s="281">
        <v>160</v>
      </c>
      <c r="AR26" s="281">
        <v>85</v>
      </c>
      <c r="AS26" s="278">
        <v>348</v>
      </c>
      <c r="AT26" s="283">
        <v>386</v>
      </c>
      <c r="AU26" s="277">
        <v>0</v>
      </c>
      <c r="AV26" s="281">
        <v>0</v>
      </c>
      <c r="AW26" s="278">
        <v>0</v>
      </c>
      <c r="AX26" s="280">
        <v>0</v>
      </c>
      <c r="AY26" s="281">
        <v>1010</v>
      </c>
      <c r="AZ26" s="281">
        <v>725</v>
      </c>
      <c r="BA26" s="281">
        <v>455</v>
      </c>
      <c r="BB26" s="281">
        <v>245</v>
      </c>
      <c r="BC26" s="281">
        <v>99</v>
      </c>
      <c r="BD26" s="282">
        <v>2534</v>
      </c>
      <c r="BE26" s="283">
        <v>2534</v>
      </c>
      <c r="BF26" s="277">
        <v>0</v>
      </c>
      <c r="BG26" s="281">
        <v>0</v>
      </c>
      <c r="BH26" s="278">
        <v>0</v>
      </c>
      <c r="BI26" s="280">
        <v>0</v>
      </c>
      <c r="BJ26" s="281">
        <v>357</v>
      </c>
      <c r="BK26" s="281">
        <v>302</v>
      </c>
      <c r="BL26" s="281">
        <v>159</v>
      </c>
      <c r="BM26" s="281">
        <v>83</v>
      </c>
      <c r="BN26" s="281">
        <v>131</v>
      </c>
      <c r="BO26" s="278">
        <v>1032</v>
      </c>
      <c r="BP26" s="283">
        <v>1032</v>
      </c>
      <c r="BQ26" s="277">
        <v>2</v>
      </c>
      <c r="BR26" s="281">
        <v>6</v>
      </c>
      <c r="BS26" s="278">
        <v>8</v>
      </c>
      <c r="BT26" s="280">
        <v>0</v>
      </c>
      <c r="BU26" s="281">
        <v>150</v>
      </c>
      <c r="BV26" s="281">
        <v>202</v>
      </c>
      <c r="BW26" s="281">
        <v>222</v>
      </c>
      <c r="BX26" s="281">
        <v>327</v>
      </c>
      <c r="BY26" s="281">
        <v>143</v>
      </c>
      <c r="BZ26" s="278">
        <v>1044</v>
      </c>
      <c r="CA26" s="283">
        <v>1052</v>
      </c>
      <c r="CB26" s="277">
        <v>0</v>
      </c>
      <c r="CC26" s="281">
        <v>0</v>
      </c>
      <c r="CD26" s="278">
        <v>0</v>
      </c>
      <c r="CE26" s="280">
        <v>0</v>
      </c>
      <c r="CF26" s="281">
        <v>4</v>
      </c>
      <c r="CG26" s="281">
        <v>8</v>
      </c>
      <c r="CH26" s="281">
        <v>15</v>
      </c>
      <c r="CI26" s="281">
        <v>49</v>
      </c>
      <c r="CJ26" s="281">
        <v>9</v>
      </c>
      <c r="CK26" s="278">
        <v>85</v>
      </c>
      <c r="CL26" s="283">
        <v>85</v>
      </c>
      <c r="CM26" s="277">
        <v>0</v>
      </c>
      <c r="CN26" s="281">
        <v>0</v>
      </c>
      <c r="CO26" s="278">
        <v>0</v>
      </c>
      <c r="CP26" s="280">
        <v>0</v>
      </c>
      <c r="CQ26" s="281">
        <v>0</v>
      </c>
      <c r="CR26" s="281">
        <v>0</v>
      </c>
      <c r="CS26" s="281">
        <v>0</v>
      </c>
      <c r="CT26" s="281">
        <v>0</v>
      </c>
      <c r="CU26" s="281">
        <v>0</v>
      </c>
      <c r="CV26" s="278">
        <v>0</v>
      </c>
      <c r="CW26" s="283">
        <v>0</v>
      </c>
      <c r="CX26" s="277">
        <v>0</v>
      </c>
      <c r="CY26" s="281">
        <v>0</v>
      </c>
      <c r="CZ26" s="278">
        <v>0</v>
      </c>
      <c r="DA26" s="280">
        <v>0</v>
      </c>
      <c r="DB26" s="281">
        <v>0</v>
      </c>
      <c r="DC26" s="281">
        <v>0</v>
      </c>
      <c r="DD26" s="281">
        <v>0</v>
      </c>
      <c r="DE26" s="281">
        <v>0</v>
      </c>
      <c r="DF26" s="281">
        <v>0</v>
      </c>
      <c r="DG26" s="278">
        <v>0</v>
      </c>
      <c r="DH26" s="283">
        <v>0</v>
      </c>
    </row>
    <row r="27" spans="2:112" ht="18.75" customHeight="1" x14ac:dyDescent="0.2">
      <c r="B27" s="262" t="s">
        <v>25</v>
      </c>
      <c r="C27" s="277">
        <v>0</v>
      </c>
      <c r="D27" s="281">
        <v>0</v>
      </c>
      <c r="E27" s="385">
        <v>0</v>
      </c>
      <c r="F27" s="280">
        <v>0</v>
      </c>
      <c r="G27" s="281">
        <v>1297</v>
      </c>
      <c r="H27" s="281">
        <v>1449</v>
      </c>
      <c r="I27" s="281">
        <v>1563</v>
      </c>
      <c r="J27" s="281">
        <v>2296</v>
      </c>
      <c r="K27" s="281">
        <v>2673</v>
      </c>
      <c r="L27" s="282">
        <v>9278</v>
      </c>
      <c r="M27" s="283">
        <v>9278</v>
      </c>
      <c r="N27" s="277">
        <v>0</v>
      </c>
      <c r="O27" s="281">
        <v>0</v>
      </c>
      <c r="P27" s="278">
        <v>0</v>
      </c>
      <c r="Q27" s="280">
        <v>0</v>
      </c>
      <c r="R27" s="281">
        <v>13</v>
      </c>
      <c r="S27" s="281">
        <v>36</v>
      </c>
      <c r="T27" s="281">
        <v>23</v>
      </c>
      <c r="U27" s="281">
        <v>120</v>
      </c>
      <c r="V27" s="281">
        <v>89</v>
      </c>
      <c r="W27" s="278">
        <v>281</v>
      </c>
      <c r="X27" s="283">
        <v>281</v>
      </c>
      <c r="Y27" s="277">
        <v>87</v>
      </c>
      <c r="Z27" s="281">
        <v>212</v>
      </c>
      <c r="AA27" s="278">
        <v>299</v>
      </c>
      <c r="AB27" s="280">
        <v>0</v>
      </c>
      <c r="AC27" s="281">
        <v>563</v>
      </c>
      <c r="AD27" s="281">
        <v>508</v>
      </c>
      <c r="AE27" s="281">
        <v>354</v>
      </c>
      <c r="AF27" s="281">
        <v>266</v>
      </c>
      <c r="AG27" s="281">
        <v>307</v>
      </c>
      <c r="AH27" s="278">
        <v>1998</v>
      </c>
      <c r="AI27" s="283">
        <v>2297</v>
      </c>
      <c r="AJ27" s="277">
        <v>14</v>
      </c>
      <c r="AK27" s="281">
        <v>59</v>
      </c>
      <c r="AL27" s="278">
        <v>73</v>
      </c>
      <c r="AM27" s="280">
        <v>0</v>
      </c>
      <c r="AN27" s="281">
        <v>22</v>
      </c>
      <c r="AO27" s="281">
        <v>112</v>
      </c>
      <c r="AP27" s="281">
        <v>84</v>
      </c>
      <c r="AQ27" s="281">
        <v>38</v>
      </c>
      <c r="AR27" s="281">
        <v>82</v>
      </c>
      <c r="AS27" s="278">
        <v>338</v>
      </c>
      <c r="AT27" s="283">
        <v>411</v>
      </c>
      <c r="AU27" s="277">
        <v>0</v>
      </c>
      <c r="AV27" s="281">
        <v>0</v>
      </c>
      <c r="AW27" s="278">
        <v>0</v>
      </c>
      <c r="AX27" s="280">
        <v>0</v>
      </c>
      <c r="AY27" s="281">
        <v>1295</v>
      </c>
      <c r="AZ27" s="281">
        <v>825</v>
      </c>
      <c r="BA27" s="281">
        <v>346</v>
      </c>
      <c r="BB27" s="281">
        <v>621</v>
      </c>
      <c r="BC27" s="281">
        <v>94</v>
      </c>
      <c r="BD27" s="282">
        <v>3181</v>
      </c>
      <c r="BE27" s="283">
        <v>3181</v>
      </c>
      <c r="BF27" s="277">
        <v>0</v>
      </c>
      <c r="BG27" s="281">
        <v>0</v>
      </c>
      <c r="BH27" s="278">
        <v>0</v>
      </c>
      <c r="BI27" s="280">
        <v>0</v>
      </c>
      <c r="BJ27" s="281">
        <v>297</v>
      </c>
      <c r="BK27" s="281">
        <v>455</v>
      </c>
      <c r="BL27" s="281">
        <v>154</v>
      </c>
      <c r="BM27" s="281">
        <v>114</v>
      </c>
      <c r="BN27" s="281">
        <v>47</v>
      </c>
      <c r="BO27" s="278">
        <v>1067</v>
      </c>
      <c r="BP27" s="283">
        <v>1067</v>
      </c>
      <c r="BQ27" s="277">
        <v>3</v>
      </c>
      <c r="BR27" s="281">
        <v>31</v>
      </c>
      <c r="BS27" s="278">
        <v>34</v>
      </c>
      <c r="BT27" s="280">
        <v>0</v>
      </c>
      <c r="BU27" s="281">
        <v>98</v>
      </c>
      <c r="BV27" s="281">
        <v>204</v>
      </c>
      <c r="BW27" s="281">
        <v>136</v>
      </c>
      <c r="BX27" s="281">
        <v>126</v>
      </c>
      <c r="BY27" s="281">
        <v>54</v>
      </c>
      <c r="BZ27" s="278">
        <v>618</v>
      </c>
      <c r="CA27" s="283">
        <v>652</v>
      </c>
      <c r="CB27" s="277">
        <v>0</v>
      </c>
      <c r="CC27" s="281">
        <v>0</v>
      </c>
      <c r="CD27" s="278">
        <v>0</v>
      </c>
      <c r="CE27" s="280">
        <v>0</v>
      </c>
      <c r="CF27" s="281">
        <v>8</v>
      </c>
      <c r="CG27" s="281">
        <v>14</v>
      </c>
      <c r="CH27" s="281">
        <v>15</v>
      </c>
      <c r="CI27" s="281">
        <v>18</v>
      </c>
      <c r="CJ27" s="281">
        <v>14</v>
      </c>
      <c r="CK27" s="278">
        <v>69</v>
      </c>
      <c r="CL27" s="283">
        <v>69</v>
      </c>
      <c r="CM27" s="277">
        <v>0</v>
      </c>
      <c r="CN27" s="281">
        <v>0</v>
      </c>
      <c r="CO27" s="278">
        <v>0</v>
      </c>
      <c r="CP27" s="280">
        <v>0</v>
      </c>
      <c r="CQ27" s="281">
        <v>0</v>
      </c>
      <c r="CR27" s="281">
        <v>0</v>
      </c>
      <c r="CS27" s="281">
        <v>0</v>
      </c>
      <c r="CT27" s="281">
        <v>0</v>
      </c>
      <c r="CU27" s="281">
        <v>0</v>
      </c>
      <c r="CV27" s="278">
        <v>0</v>
      </c>
      <c r="CW27" s="283">
        <v>0</v>
      </c>
      <c r="CX27" s="277">
        <v>0</v>
      </c>
      <c r="CY27" s="281">
        <v>0</v>
      </c>
      <c r="CZ27" s="278">
        <v>0</v>
      </c>
      <c r="DA27" s="280">
        <v>0</v>
      </c>
      <c r="DB27" s="281">
        <v>0</v>
      </c>
      <c r="DC27" s="281">
        <v>0</v>
      </c>
      <c r="DD27" s="281">
        <v>0</v>
      </c>
      <c r="DE27" s="281">
        <v>0</v>
      </c>
      <c r="DF27" s="281">
        <v>0</v>
      </c>
      <c r="DG27" s="278">
        <v>0</v>
      </c>
      <c r="DH27" s="283">
        <v>0</v>
      </c>
    </row>
    <row r="28" spans="2:112" ht="18.75" customHeight="1" x14ac:dyDescent="0.2">
      <c r="B28" s="262" t="s">
        <v>26</v>
      </c>
      <c r="C28" s="277">
        <v>0</v>
      </c>
      <c r="D28" s="281">
        <v>0</v>
      </c>
      <c r="E28" s="385">
        <v>0</v>
      </c>
      <c r="F28" s="280">
        <v>0</v>
      </c>
      <c r="G28" s="281">
        <v>890</v>
      </c>
      <c r="H28" s="281">
        <v>1260</v>
      </c>
      <c r="I28" s="281">
        <v>971</v>
      </c>
      <c r="J28" s="281">
        <v>1570</v>
      </c>
      <c r="K28" s="281">
        <v>2131</v>
      </c>
      <c r="L28" s="282">
        <v>6822</v>
      </c>
      <c r="M28" s="283">
        <v>6822</v>
      </c>
      <c r="N28" s="277">
        <v>0</v>
      </c>
      <c r="O28" s="281">
        <v>0</v>
      </c>
      <c r="P28" s="278">
        <v>0</v>
      </c>
      <c r="Q28" s="280">
        <v>0</v>
      </c>
      <c r="R28" s="281">
        <v>0</v>
      </c>
      <c r="S28" s="281">
        <v>7</v>
      </c>
      <c r="T28" s="281">
        <v>21</v>
      </c>
      <c r="U28" s="281">
        <v>51</v>
      </c>
      <c r="V28" s="281">
        <v>92</v>
      </c>
      <c r="W28" s="278">
        <v>171</v>
      </c>
      <c r="X28" s="283">
        <v>171</v>
      </c>
      <c r="Y28" s="277">
        <v>82</v>
      </c>
      <c r="Z28" s="281">
        <v>101</v>
      </c>
      <c r="AA28" s="278">
        <v>183</v>
      </c>
      <c r="AB28" s="280">
        <v>0</v>
      </c>
      <c r="AC28" s="281">
        <v>407</v>
      </c>
      <c r="AD28" s="281">
        <v>444</v>
      </c>
      <c r="AE28" s="281">
        <v>294</v>
      </c>
      <c r="AF28" s="281">
        <v>263</v>
      </c>
      <c r="AG28" s="281">
        <v>381</v>
      </c>
      <c r="AH28" s="278">
        <v>1789</v>
      </c>
      <c r="AI28" s="283">
        <v>1972</v>
      </c>
      <c r="AJ28" s="277">
        <v>0</v>
      </c>
      <c r="AK28" s="281">
        <v>0</v>
      </c>
      <c r="AL28" s="278">
        <v>0</v>
      </c>
      <c r="AM28" s="280">
        <v>0</v>
      </c>
      <c r="AN28" s="281">
        <v>94</v>
      </c>
      <c r="AO28" s="281">
        <v>50</v>
      </c>
      <c r="AP28" s="281">
        <v>50</v>
      </c>
      <c r="AQ28" s="281">
        <v>2</v>
      </c>
      <c r="AR28" s="281">
        <v>26</v>
      </c>
      <c r="AS28" s="278">
        <v>222</v>
      </c>
      <c r="AT28" s="283">
        <v>222</v>
      </c>
      <c r="AU28" s="277">
        <v>0</v>
      </c>
      <c r="AV28" s="281">
        <v>0</v>
      </c>
      <c r="AW28" s="278">
        <v>0</v>
      </c>
      <c r="AX28" s="280">
        <v>0</v>
      </c>
      <c r="AY28" s="281">
        <v>1161</v>
      </c>
      <c r="AZ28" s="281">
        <v>817</v>
      </c>
      <c r="BA28" s="281">
        <v>499</v>
      </c>
      <c r="BB28" s="281">
        <v>279</v>
      </c>
      <c r="BC28" s="281">
        <v>156</v>
      </c>
      <c r="BD28" s="282">
        <v>2912</v>
      </c>
      <c r="BE28" s="283">
        <v>2912</v>
      </c>
      <c r="BF28" s="277">
        <v>0</v>
      </c>
      <c r="BG28" s="281">
        <v>0</v>
      </c>
      <c r="BH28" s="278">
        <v>0</v>
      </c>
      <c r="BI28" s="280">
        <v>0</v>
      </c>
      <c r="BJ28" s="281">
        <v>165</v>
      </c>
      <c r="BK28" s="281">
        <v>212</v>
      </c>
      <c r="BL28" s="281">
        <v>133</v>
      </c>
      <c r="BM28" s="281">
        <v>61</v>
      </c>
      <c r="BN28" s="281">
        <v>55</v>
      </c>
      <c r="BO28" s="278">
        <v>626</v>
      </c>
      <c r="BP28" s="283">
        <v>626</v>
      </c>
      <c r="BQ28" s="277">
        <v>0</v>
      </c>
      <c r="BR28" s="281">
        <v>14</v>
      </c>
      <c r="BS28" s="278">
        <v>14</v>
      </c>
      <c r="BT28" s="280">
        <v>0</v>
      </c>
      <c r="BU28" s="281">
        <v>66</v>
      </c>
      <c r="BV28" s="281">
        <v>109</v>
      </c>
      <c r="BW28" s="281">
        <v>150</v>
      </c>
      <c r="BX28" s="281">
        <v>296</v>
      </c>
      <c r="BY28" s="281">
        <v>58</v>
      </c>
      <c r="BZ28" s="278">
        <v>679</v>
      </c>
      <c r="CA28" s="283">
        <v>693</v>
      </c>
      <c r="CB28" s="277">
        <v>0</v>
      </c>
      <c r="CC28" s="281">
        <v>0</v>
      </c>
      <c r="CD28" s="278">
        <v>0</v>
      </c>
      <c r="CE28" s="280">
        <v>0</v>
      </c>
      <c r="CF28" s="281">
        <v>9</v>
      </c>
      <c r="CG28" s="281">
        <v>14</v>
      </c>
      <c r="CH28" s="281">
        <v>24</v>
      </c>
      <c r="CI28" s="281">
        <v>25</v>
      </c>
      <c r="CJ28" s="281">
        <v>21</v>
      </c>
      <c r="CK28" s="278">
        <v>93</v>
      </c>
      <c r="CL28" s="283">
        <v>93</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row>
    <row r="29" spans="2:112" ht="18.75" customHeight="1" x14ac:dyDescent="0.2">
      <c r="B29" s="262" t="s">
        <v>27</v>
      </c>
      <c r="C29" s="277">
        <v>0</v>
      </c>
      <c r="D29" s="281">
        <v>0</v>
      </c>
      <c r="E29" s="385">
        <v>0</v>
      </c>
      <c r="F29" s="280">
        <v>0</v>
      </c>
      <c r="G29" s="281">
        <v>836</v>
      </c>
      <c r="H29" s="281">
        <v>912</v>
      </c>
      <c r="I29" s="281">
        <v>1212</v>
      </c>
      <c r="J29" s="281">
        <v>1443</v>
      </c>
      <c r="K29" s="281">
        <v>1163</v>
      </c>
      <c r="L29" s="282">
        <v>5566</v>
      </c>
      <c r="M29" s="283">
        <v>5566</v>
      </c>
      <c r="N29" s="277">
        <v>0</v>
      </c>
      <c r="O29" s="281">
        <v>0</v>
      </c>
      <c r="P29" s="278">
        <v>0</v>
      </c>
      <c r="Q29" s="280">
        <v>0</v>
      </c>
      <c r="R29" s="281">
        <v>3</v>
      </c>
      <c r="S29" s="281">
        <v>9</v>
      </c>
      <c r="T29" s="281">
        <v>19</v>
      </c>
      <c r="U29" s="281">
        <v>79</v>
      </c>
      <c r="V29" s="281">
        <v>77</v>
      </c>
      <c r="W29" s="278">
        <v>187</v>
      </c>
      <c r="X29" s="283">
        <v>187</v>
      </c>
      <c r="Y29" s="277">
        <v>161</v>
      </c>
      <c r="Z29" s="281">
        <v>263</v>
      </c>
      <c r="AA29" s="278">
        <v>424</v>
      </c>
      <c r="AB29" s="280">
        <v>0</v>
      </c>
      <c r="AC29" s="281">
        <v>210</v>
      </c>
      <c r="AD29" s="281">
        <v>326</v>
      </c>
      <c r="AE29" s="281">
        <v>304</v>
      </c>
      <c r="AF29" s="281">
        <v>342</v>
      </c>
      <c r="AG29" s="281">
        <v>317</v>
      </c>
      <c r="AH29" s="278">
        <v>1499</v>
      </c>
      <c r="AI29" s="283">
        <v>1923</v>
      </c>
      <c r="AJ29" s="277">
        <v>0</v>
      </c>
      <c r="AK29" s="281">
        <v>37</v>
      </c>
      <c r="AL29" s="278">
        <v>37</v>
      </c>
      <c r="AM29" s="280">
        <v>0</v>
      </c>
      <c r="AN29" s="281">
        <v>0</v>
      </c>
      <c r="AO29" s="281">
        <v>0</v>
      </c>
      <c r="AP29" s="281">
        <v>0</v>
      </c>
      <c r="AQ29" s="281">
        <v>0</v>
      </c>
      <c r="AR29" s="281">
        <v>2</v>
      </c>
      <c r="AS29" s="278">
        <v>2</v>
      </c>
      <c r="AT29" s="283">
        <v>39</v>
      </c>
      <c r="AU29" s="277">
        <v>0</v>
      </c>
      <c r="AV29" s="281">
        <v>0</v>
      </c>
      <c r="AW29" s="278">
        <v>0</v>
      </c>
      <c r="AX29" s="280">
        <v>0</v>
      </c>
      <c r="AY29" s="281">
        <v>878</v>
      </c>
      <c r="AZ29" s="281">
        <v>771</v>
      </c>
      <c r="BA29" s="281">
        <v>450</v>
      </c>
      <c r="BB29" s="281">
        <v>303</v>
      </c>
      <c r="BC29" s="281">
        <v>138</v>
      </c>
      <c r="BD29" s="282">
        <v>2540</v>
      </c>
      <c r="BE29" s="283">
        <v>2540</v>
      </c>
      <c r="BF29" s="277">
        <v>0</v>
      </c>
      <c r="BG29" s="281">
        <v>0</v>
      </c>
      <c r="BH29" s="278">
        <v>0</v>
      </c>
      <c r="BI29" s="280">
        <v>0</v>
      </c>
      <c r="BJ29" s="281">
        <v>151</v>
      </c>
      <c r="BK29" s="281">
        <v>221</v>
      </c>
      <c r="BL29" s="281">
        <v>91</v>
      </c>
      <c r="BM29" s="281">
        <v>31</v>
      </c>
      <c r="BN29" s="281">
        <v>31</v>
      </c>
      <c r="BO29" s="278">
        <v>525</v>
      </c>
      <c r="BP29" s="283">
        <v>525</v>
      </c>
      <c r="BQ29" s="277">
        <v>0</v>
      </c>
      <c r="BR29" s="281">
        <v>6</v>
      </c>
      <c r="BS29" s="278">
        <v>6</v>
      </c>
      <c r="BT29" s="280">
        <v>0</v>
      </c>
      <c r="BU29" s="281">
        <v>64</v>
      </c>
      <c r="BV29" s="281">
        <v>75</v>
      </c>
      <c r="BW29" s="281">
        <v>106</v>
      </c>
      <c r="BX29" s="281">
        <v>148</v>
      </c>
      <c r="BY29" s="281">
        <v>73</v>
      </c>
      <c r="BZ29" s="278">
        <v>466</v>
      </c>
      <c r="CA29" s="283">
        <v>472</v>
      </c>
      <c r="CB29" s="277">
        <v>0</v>
      </c>
      <c r="CC29" s="281">
        <v>0</v>
      </c>
      <c r="CD29" s="278">
        <v>0</v>
      </c>
      <c r="CE29" s="280">
        <v>0</v>
      </c>
      <c r="CF29" s="281">
        <v>48</v>
      </c>
      <c r="CG29" s="281">
        <v>6</v>
      </c>
      <c r="CH29" s="281">
        <v>7</v>
      </c>
      <c r="CI29" s="281">
        <v>22</v>
      </c>
      <c r="CJ29" s="281">
        <v>14</v>
      </c>
      <c r="CK29" s="278">
        <v>97</v>
      </c>
      <c r="CL29" s="283">
        <v>97</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row>
    <row r="30" spans="2:112" ht="18.75" customHeight="1" x14ac:dyDescent="0.2">
      <c r="B30" s="262" t="s">
        <v>28</v>
      </c>
      <c r="C30" s="277">
        <v>0</v>
      </c>
      <c r="D30" s="281">
        <v>0</v>
      </c>
      <c r="E30" s="385">
        <v>0</v>
      </c>
      <c r="F30" s="280">
        <v>0</v>
      </c>
      <c r="G30" s="281">
        <v>157</v>
      </c>
      <c r="H30" s="281">
        <v>273</v>
      </c>
      <c r="I30" s="281">
        <v>118</v>
      </c>
      <c r="J30" s="281">
        <v>67</v>
      </c>
      <c r="K30" s="281">
        <v>323</v>
      </c>
      <c r="L30" s="282">
        <v>938</v>
      </c>
      <c r="M30" s="283">
        <v>938</v>
      </c>
      <c r="N30" s="277">
        <v>0</v>
      </c>
      <c r="O30" s="281">
        <v>0</v>
      </c>
      <c r="P30" s="278">
        <v>0</v>
      </c>
      <c r="Q30" s="280">
        <v>0</v>
      </c>
      <c r="R30" s="281">
        <v>0</v>
      </c>
      <c r="S30" s="281">
        <v>0</v>
      </c>
      <c r="T30" s="281">
        <v>5</v>
      </c>
      <c r="U30" s="281">
        <v>11</v>
      </c>
      <c r="V30" s="281">
        <v>11</v>
      </c>
      <c r="W30" s="278">
        <v>27</v>
      </c>
      <c r="X30" s="283">
        <v>27</v>
      </c>
      <c r="Y30" s="277">
        <v>8</v>
      </c>
      <c r="Z30" s="281">
        <v>12</v>
      </c>
      <c r="AA30" s="278">
        <v>20</v>
      </c>
      <c r="AB30" s="280">
        <v>0</v>
      </c>
      <c r="AC30" s="281">
        <v>43</v>
      </c>
      <c r="AD30" s="281">
        <v>131</v>
      </c>
      <c r="AE30" s="281">
        <v>83</v>
      </c>
      <c r="AF30" s="281">
        <v>84</v>
      </c>
      <c r="AG30" s="281">
        <v>112</v>
      </c>
      <c r="AH30" s="278">
        <v>453</v>
      </c>
      <c r="AI30" s="283">
        <v>473</v>
      </c>
      <c r="AJ30" s="277">
        <v>0</v>
      </c>
      <c r="AK30" s="281">
        <v>0</v>
      </c>
      <c r="AL30" s="278">
        <v>0</v>
      </c>
      <c r="AM30" s="280">
        <v>0</v>
      </c>
      <c r="AN30" s="281">
        <v>55</v>
      </c>
      <c r="AO30" s="281">
        <v>3</v>
      </c>
      <c r="AP30" s="281">
        <v>0</v>
      </c>
      <c r="AQ30" s="281">
        <v>0</v>
      </c>
      <c r="AR30" s="281">
        <v>12</v>
      </c>
      <c r="AS30" s="278">
        <v>70</v>
      </c>
      <c r="AT30" s="283">
        <v>70</v>
      </c>
      <c r="AU30" s="277">
        <v>0</v>
      </c>
      <c r="AV30" s="281">
        <v>0</v>
      </c>
      <c r="AW30" s="278">
        <v>0</v>
      </c>
      <c r="AX30" s="280">
        <v>0</v>
      </c>
      <c r="AY30" s="281">
        <v>270</v>
      </c>
      <c r="AZ30" s="281">
        <v>296</v>
      </c>
      <c r="BA30" s="281">
        <v>164</v>
      </c>
      <c r="BB30" s="281">
        <v>219</v>
      </c>
      <c r="BC30" s="281">
        <v>81</v>
      </c>
      <c r="BD30" s="282">
        <v>1030</v>
      </c>
      <c r="BE30" s="283">
        <v>1030</v>
      </c>
      <c r="BF30" s="277">
        <v>0</v>
      </c>
      <c r="BG30" s="281">
        <v>0</v>
      </c>
      <c r="BH30" s="278">
        <v>0</v>
      </c>
      <c r="BI30" s="280">
        <v>0</v>
      </c>
      <c r="BJ30" s="281">
        <v>72</v>
      </c>
      <c r="BK30" s="281">
        <v>95</v>
      </c>
      <c r="BL30" s="281">
        <v>58</v>
      </c>
      <c r="BM30" s="281">
        <v>52</v>
      </c>
      <c r="BN30" s="281">
        <v>38</v>
      </c>
      <c r="BO30" s="278">
        <v>315</v>
      </c>
      <c r="BP30" s="283">
        <v>315</v>
      </c>
      <c r="BQ30" s="277">
        <v>0</v>
      </c>
      <c r="BR30" s="281">
        <v>4</v>
      </c>
      <c r="BS30" s="278">
        <v>4</v>
      </c>
      <c r="BT30" s="280">
        <v>0</v>
      </c>
      <c r="BU30" s="281">
        <v>6</v>
      </c>
      <c r="BV30" s="281">
        <v>18</v>
      </c>
      <c r="BW30" s="281">
        <v>102</v>
      </c>
      <c r="BX30" s="281">
        <v>76</v>
      </c>
      <c r="BY30" s="281">
        <v>28</v>
      </c>
      <c r="BZ30" s="278">
        <v>230</v>
      </c>
      <c r="CA30" s="283">
        <v>234</v>
      </c>
      <c r="CB30" s="277">
        <v>0</v>
      </c>
      <c r="CC30" s="281">
        <v>0</v>
      </c>
      <c r="CD30" s="278">
        <v>0</v>
      </c>
      <c r="CE30" s="280">
        <v>0</v>
      </c>
      <c r="CF30" s="281">
        <v>4</v>
      </c>
      <c r="CG30" s="281">
        <v>6</v>
      </c>
      <c r="CH30" s="281">
        <v>4</v>
      </c>
      <c r="CI30" s="281">
        <v>10</v>
      </c>
      <c r="CJ30" s="281">
        <v>3</v>
      </c>
      <c r="CK30" s="278">
        <v>27</v>
      </c>
      <c r="CL30" s="283">
        <v>27</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row>
    <row r="31" spans="2:112" ht="18.75" customHeight="1" x14ac:dyDescent="0.2">
      <c r="B31" s="262" t="s">
        <v>29</v>
      </c>
      <c r="C31" s="277">
        <v>0</v>
      </c>
      <c r="D31" s="281">
        <v>0</v>
      </c>
      <c r="E31" s="385">
        <v>0</v>
      </c>
      <c r="F31" s="280">
        <v>0</v>
      </c>
      <c r="G31" s="281">
        <v>183</v>
      </c>
      <c r="H31" s="281">
        <v>454</v>
      </c>
      <c r="I31" s="281">
        <v>249</v>
      </c>
      <c r="J31" s="281">
        <v>873</v>
      </c>
      <c r="K31" s="281">
        <v>453</v>
      </c>
      <c r="L31" s="282">
        <v>2212</v>
      </c>
      <c r="M31" s="283">
        <v>2212</v>
      </c>
      <c r="N31" s="277">
        <v>0</v>
      </c>
      <c r="O31" s="281">
        <v>0</v>
      </c>
      <c r="P31" s="278">
        <v>0</v>
      </c>
      <c r="Q31" s="280">
        <v>0</v>
      </c>
      <c r="R31" s="281">
        <v>4</v>
      </c>
      <c r="S31" s="281">
        <v>14</v>
      </c>
      <c r="T31" s="281">
        <v>5</v>
      </c>
      <c r="U31" s="281">
        <v>18</v>
      </c>
      <c r="V31" s="281">
        <v>22</v>
      </c>
      <c r="W31" s="278">
        <v>63</v>
      </c>
      <c r="X31" s="283">
        <v>63</v>
      </c>
      <c r="Y31" s="277">
        <v>6</v>
      </c>
      <c r="Z31" s="281">
        <v>36</v>
      </c>
      <c r="AA31" s="278">
        <v>42</v>
      </c>
      <c r="AB31" s="280">
        <v>0</v>
      </c>
      <c r="AC31" s="281">
        <v>117</v>
      </c>
      <c r="AD31" s="281">
        <v>165</v>
      </c>
      <c r="AE31" s="281">
        <v>122</v>
      </c>
      <c r="AF31" s="281">
        <v>125</v>
      </c>
      <c r="AG31" s="281">
        <v>71</v>
      </c>
      <c r="AH31" s="278">
        <v>600</v>
      </c>
      <c r="AI31" s="283">
        <v>642</v>
      </c>
      <c r="AJ31" s="277">
        <v>0</v>
      </c>
      <c r="AK31" s="281">
        <v>15</v>
      </c>
      <c r="AL31" s="278">
        <v>15</v>
      </c>
      <c r="AM31" s="280">
        <v>0</v>
      </c>
      <c r="AN31" s="281">
        <v>15</v>
      </c>
      <c r="AO31" s="281">
        <v>27</v>
      </c>
      <c r="AP31" s="281">
        <v>0</v>
      </c>
      <c r="AQ31" s="281">
        <v>24</v>
      </c>
      <c r="AR31" s="281">
        <v>0</v>
      </c>
      <c r="AS31" s="278">
        <v>66</v>
      </c>
      <c r="AT31" s="283">
        <v>81</v>
      </c>
      <c r="AU31" s="277">
        <v>0</v>
      </c>
      <c r="AV31" s="281">
        <v>0</v>
      </c>
      <c r="AW31" s="278">
        <v>0</v>
      </c>
      <c r="AX31" s="280">
        <v>0</v>
      </c>
      <c r="AY31" s="281">
        <v>331</v>
      </c>
      <c r="AZ31" s="281">
        <v>347</v>
      </c>
      <c r="BA31" s="281">
        <v>236</v>
      </c>
      <c r="BB31" s="281">
        <v>196</v>
      </c>
      <c r="BC31" s="281">
        <v>63</v>
      </c>
      <c r="BD31" s="282">
        <v>1173</v>
      </c>
      <c r="BE31" s="283">
        <v>1173</v>
      </c>
      <c r="BF31" s="277">
        <v>0</v>
      </c>
      <c r="BG31" s="281">
        <v>0</v>
      </c>
      <c r="BH31" s="278">
        <v>0</v>
      </c>
      <c r="BI31" s="280">
        <v>0</v>
      </c>
      <c r="BJ31" s="281">
        <v>112</v>
      </c>
      <c r="BK31" s="281">
        <v>110</v>
      </c>
      <c r="BL31" s="281">
        <v>60</v>
      </c>
      <c r="BM31" s="281">
        <v>53</v>
      </c>
      <c r="BN31" s="281">
        <v>25</v>
      </c>
      <c r="BO31" s="278">
        <v>360</v>
      </c>
      <c r="BP31" s="283">
        <v>360</v>
      </c>
      <c r="BQ31" s="277">
        <v>0</v>
      </c>
      <c r="BR31" s="281">
        <v>0</v>
      </c>
      <c r="BS31" s="278">
        <v>0</v>
      </c>
      <c r="BT31" s="280">
        <v>0</v>
      </c>
      <c r="BU31" s="281">
        <v>8</v>
      </c>
      <c r="BV31" s="281">
        <v>94</v>
      </c>
      <c r="BW31" s="281">
        <v>205</v>
      </c>
      <c r="BX31" s="281">
        <v>65</v>
      </c>
      <c r="BY31" s="281">
        <v>71</v>
      </c>
      <c r="BZ31" s="278">
        <v>443</v>
      </c>
      <c r="CA31" s="283">
        <v>443</v>
      </c>
      <c r="CB31" s="277">
        <v>0</v>
      </c>
      <c r="CC31" s="281">
        <v>3</v>
      </c>
      <c r="CD31" s="278">
        <v>3</v>
      </c>
      <c r="CE31" s="280">
        <v>0</v>
      </c>
      <c r="CF31" s="281">
        <v>0</v>
      </c>
      <c r="CG31" s="281">
        <v>6</v>
      </c>
      <c r="CH31" s="281">
        <v>6</v>
      </c>
      <c r="CI31" s="281">
        <v>2</v>
      </c>
      <c r="CJ31" s="281">
        <v>16</v>
      </c>
      <c r="CK31" s="278">
        <v>30</v>
      </c>
      <c r="CL31" s="283">
        <v>33</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row>
    <row r="32" spans="2:112" ht="18.75" customHeight="1" x14ac:dyDescent="0.2">
      <c r="B32" s="262" t="s">
        <v>30</v>
      </c>
      <c r="C32" s="277">
        <v>0</v>
      </c>
      <c r="D32" s="281">
        <v>0</v>
      </c>
      <c r="E32" s="385">
        <v>0</v>
      </c>
      <c r="F32" s="280">
        <v>0</v>
      </c>
      <c r="G32" s="281">
        <v>172</v>
      </c>
      <c r="H32" s="281">
        <v>330</v>
      </c>
      <c r="I32" s="281">
        <v>713</v>
      </c>
      <c r="J32" s="281">
        <v>638</v>
      </c>
      <c r="K32" s="281">
        <v>434</v>
      </c>
      <c r="L32" s="282">
        <v>2287</v>
      </c>
      <c r="M32" s="283">
        <v>2287</v>
      </c>
      <c r="N32" s="277">
        <v>0</v>
      </c>
      <c r="O32" s="281">
        <v>0</v>
      </c>
      <c r="P32" s="278">
        <v>0</v>
      </c>
      <c r="Q32" s="280">
        <v>0</v>
      </c>
      <c r="R32" s="281">
        <v>4</v>
      </c>
      <c r="S32" s="281">
        <v>4</v>
      </c>
      <c r="T32" s="281">
        <v>11</v>
      </c>
      <c r="U32" s="281">
        <v>45</v>
      </c>
      <c r="V32" s="281">
        <v>36</v>
      </c>
      <c r="W32" s="278">
        <v>100</v>
      </c>
      <c r="X32" s="283">
        <v>100</v>
      </c>
      <c r="Y32" s="277">
        <v>4</v>
      </c>
      <c r="Z32" s="281">
        <v>46</v>
      </c>
      <c r="AA32" s="278">
        <v>50</v>
      </c>
      <c r="AB32" s="280">
        <v>0</v>
      </c>
      <c r="AC32" s="281">
        <v>168</v>
      </c>
      <c r="AD32" s="281">
        <v>157</v>
      </c>
      <c r="AE32" s="281">
        <v>160</v>
      </c>
      <c r="AF32" s="281">
        <v>142</v>
      </c>
      <c r="AG32" s="281">
        <v>48</v>
      </c>
      <c r="AH32" s="278">
        <v>675</v>
      </c>
      <c r="AI32" s="283">
        <v>725</v>
      </c>
      <c r="AJ32" s="277">
        <v>0</v>
      </c>
      <c r="AK32" s="281">
        <v>0</v>
      </c>
      <c r="AL32" s="278">
        <v>0</v>
      </c>
      <c r="AM32" s="280">
        <v>0</v>
      </c>
      <c r="AN32" s="281">
        <v>28</v>
      </c>
      <c r="AO32" s="281">
        <v>0</v>
      </c>
      <c r="AP32" s="281">
        <v>24</v>
      </c>
      <c r="AQ32" s="281">
        <v>18</v>
      </c>
      <c r="AR32" s="281">
        <v>0</v>
      </c>
      <c r="AS32" s="278">
        <v>70</v>
      </c>
      <c r="AT32" s="283">
        <v>70</v>
      </c>
      <c r="AU32" s="277">
        <v>0</v>
      </c>
      <c r="AV32" s="281">
        <v>0</v>
      </c>
      <c r="AW32" s="278">
        <v>0</v>
      </c>
      <c r="AX32" s="280">
        <v>0</v>
      </c>
      <c r="AY32" s="281">
        <v>344</v>
      </c>
      <c r="AZ32" s="281">
        <v>213</v>
      </c>
      <c r="BA32" s="281">
        <v>260</v>
      </c>
      <c r="BB32" s="281">
        <v>120</v>
      </c>
      <c r="BC32" s="281">
        <v>8</v>
      </c>
      <c r="BD32" s="282">
        <v>945</v>
      </c>
      <c r="BE32" s="283">
        <v>945</v>
      </c>
      <c r="BF32" s="277">
        <v>0</v>
      </c>
      <c r="BG32" s="281">
        <v>0</v>
      </c>
      <c r="BH32" s="278">
        <v>0</v>
      </c>
      <c r="BI32" s="280">
        <v>0</v>
      </c>
      <c r="BJ32" s="281">
        <v>60</v>
      </c>
      <c r="BK32" s="281">
        <v>78</v>
      </c>
      <c r="BL32" s="281">
        <v>35</v>
      </c>
      <c r="BM32" s="281">
        <v>49</v>
      </c>
      <c r="BN32" s="281">
        <v>0</v>
      </c>
      <c r="BO32" s="278">
        <v>222</v>
      </c>
      <c r="BP32" s="283">
        <v>222</v>
      </c>
      <c r="BQ32" s="277">
        <v>0</v>
      </c>
      <c r="BR32" s="281">
        <v>0</v>
      </c>
      <c r="BS32" s="278">
        <v>0</v>
      </c>
      <c r="BT32" s="280">
        <v>0</v>
      </c>
      <c r="BU32" s="281">
        <v>36</v>
      </c>
      <c r="BV32" s="281">
        <v>23</v>
      </c>
      <c r="BW32" s="281">
        <v>113</v>
      </c>
      <c r="BX32" s="281">
        <v>112</v>
      </c>
      <c r="BY32" s="281">
        <v>114</v>
      </c>
      <c r="BZ32" s="278">
        <v>398</v>
      </c>
      <c r="CA32" s="283">
        <v>398</v>
      </c>
      <c r="CB32" s="277">
        <v>0</v>
      </c>
      <c r="CC32" s="281">
        <v>0</v>
      </c>
      <c r="CD32" s="278">
        <v>0</v>
      </c>
      <c r="CE32" s="280">
        <v>0</v>
      </c>
      <c r="CF32" s="281">
        <v>0</v>
      </c>
      <c r="CG32" s="281">
        <v>7</v>
      </c>
      <c r="CH32" s="281">
        <v>2</v>
      </c>
      <c r="CI32" s="281">
        <v>22</v>
      </c>
      <c r="CJ32" s="281">
        <v>6</v>
      </c>
      <c r="CK32" s="278">
        <v>37</v>
      </c>
      <c r="CL32" s="283">
        <v>37</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row>
    <row r="33" spans="2:112" ht="18.75" customHeight="1" x14ac:dyDescent="0.2">
      <c r="B33" s="262" t="s">
        <v>31</v>
      </c>
      <c r="C33" s="277">
        <v>0</v>
      </c>
      <c r="D33" s="281">
        <v>0</v>
      </c>
      <c r="E33" s="385">
        <v>0</v>
      </c>
      <c r="F33" s="280">
        <v>0</v>
      </c>
      <c r="G33" s="281">
        <v>228</v>
      </c>
      <c r="H33" s="281">
        <v>219</v>
      </c>
      <c r="I33" s="281">
        <v>50</v>
      </c>
      <c r="J33" s="281">
        <v>41</v>
      </c>
      <c r="K33" s="281">
        <v>284</v>
      </c>
      <c r="L33" s="282">
        <v>822</v>
      </c>
      <c r="M33" s="283">
        <v>822</v>
      </c>
      <c r="N33" s="277">
        <v>0</v>
      </c>
      <c r="O33" s="281">
        <v>0</v>
      </c>
      <c r="P33" s="278">
        <v>0</v>
      </c>
      <c r="Q33" s="280">
        <v>0</v>
      </c>
      <c r="R33" s="281">
        <v>0</v>
      </c>
      <c r="S33" s="281">
        <v>11</v>
      </c>
      <c r="T33" s="281">
        <v>25</v>
      </c>
      <c r="U33" s="281">
        <v>26</v>
      </c>
      <c r="V33" s="281">
        <v>8</v>
      </c>
      <c r="W33" s="278">
        <v>70</v>
      </c>
      <c r="X33" s="283">
        <v>70</v>
      </c>
      <c r="Y33" s="277">
        <v>11</v>
      </c>
      <c r="Z33" s="281">
        <v>17</v>
      </c>
      <c r="AA33" s="278">
        <v>28</v>
      </c>
      <c r="AB33" s="280">
        <v>0</v>
      </c>
      <c r="AC33" s="281">
        <v>69</v>
      </c>
      <c r="AD33" s="281">
        <v>110</v>
      </c>
      <c r="AE33" s="281">
        <v>99</v>
      </c>
      <c r="AF33" s="281">
        <v>53</v>
      </c>
      <c r="AG33" s="281">
        <v>40</v>
      </c>
      <c r="AH33" s="278">
        <v>371</v>
      </c>
      <c r="AI33" s="283">
        <v>399</v>
      </c>
      <c r="AJ33" s="277">
        <v>0</v>
      </c>
      <c r="AK33" s="281">
        <v>15</v>
      </c>
      <c r="AL33" s="278">
        <v>15</v>
      </c>
      <c r="AM33" s="280">
        <v>0</v>
      </c>
      <c r="AN33" s="281">
        <v>32</v>
      </c>
      <c r="AO33" s="281">
        <v>66</v>
      </c>
      <c r="AP33" s="281">
        <v>65</v>
      </c>
      <c r="AQ33" s="281">
        <v>66</v>
      </c>
      <c r="AR33" s="281">
        <v>32</v>
      </c>
      <c r="AS33" s="278">
        <v>261</v>
      </c>
      <c r="AT33" s="283">
        <v>276</v>
      </c>
      <c r="AU33" s="277">
        <v>0</v>
      </c>
      <c r="AV33" s="281">
        <v>0</v>
      </c>
      <c r="AW33" s="278">
        <v>0</v>
      </c>
      <c r="AX33" s="280">
        <v>0</v>
      </c>
      <c r="AY33" s="281">
        <v>284</v>
      </c>
      <c r="AZ33" s="281">
        <v>463</v>
      </c>
      <c r="BA33" s="281">
        <v>239</v>
      </c>
      <c r="BB33" s="281">
        <v>233</v>
      </c>
      <c r="BC33" s="281">
        <v>44</v>
      </c>
      <c r="BD33" s="282">
        <v>1263</v>
      </c>
      <c r="BE33" s="283">
        <v>1263</v>
      </c>
      <c r="BF33" s="277">
        <v>0</v>
      </c>
      <c r="BG33" s="281">
        <v>0</v>
      </c>
      <c r="BH33" s="278">
        <v>0</v>
      </c>
      <c r="BI33" s="280">
        <v>0</v>
      </c>
      <c r="BJ33" s="281">
        <v>25</v>
      </c>
      <c r="BK33" s="281">
        <v>71</v>
      </c>
      <c r="BL33" s="281">
        <v>49</v>
      </c>
      <c r="BM33" s="281">
        <v>27</v>
      </c>
      <c r="BN33" s="281">
        <v>16</v>
      </c>
      <c r="BO33" s="278">
        <v>188</v>
      </c>
      <c r="BP33" s="283">
        <v>188</v>
      </c>
      <c r="BQ33" s="277">
        <v>0</v>
      </c>
      <c r="BR33" s="281">
        <v>0</v>
      </c>
      <c r="BS33" s="278">
        <v>0</v>
      </c>
      <c r="BT33" s="280">
        <v>0</v>
      </c>
      <c r="BU33" s="281">
        <v>36</v>
      </c>
      <c r="BV33" s="281">
        <v>115</v>
      </c>
      <c r="BW33" s="281">
        <v>229</v>
      </c>
      <c r="BX33" s="281">
        <v>36</v>
      </c>
      <c r="BY33" s="281">
        <v>12</v>
      </c>
      <c r="BZ33" s="278">
        <v>428</v>
      </c>
      <c r="CA33" s="283">
        <v>428</v>
      </c>
      <c r="CB33" s="277">
        <v>0</v>
      </c>
      <c r="CC33" s="281">
        <v>0</v>
      </c>
      <c r="CD33" s="278">
        <v>0</v>
      </c>
      <c r="CE33" s="280">
        <v>0</v>
      </c>
      <c r="CF33" s="281">
        <v>2</v>
      </c>
      <c r="CG33" s="281">
        <v>33</v>
      </c>
      <c r="CH33" s="281">
        <v>0</v>
      </c>
      <c r="CI33" s="281">
        <v>0</v>
      </c>
      <c r="CJ33" s="281">
        <v>5</v>
      </c>
      <c r="CK33" s="278">
        <v>40</v>
      </c>
      <c r="CL33" s="283">
        <v>40</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row>
    <row r="34" spans="2:112" ht="18.75" customHeight="1" x14ac:dyDescent="0.2">
      <c r="B34" s="262" t="s">
        <v>32</v>
      </c>
      <c r="C34" s="277">
        <v>0</v>
      </c>
      <c r="D34" s="281">
        <v>0</v>
      </c>
      <c r="E34" s="385">
        <v>0</v>
      </c>
      <c r="F34" s="280">
        <v>0</v>
      </c>
      <c r="G34" s="281">
        <v>427</v>
      </c>
      <c r="H34" s="281">
        <v>295</v>
      </c>
      <c r="I34" s="281">
        <v>601</v>
      </c>
      <c r="J34" s="281">
        <v>641</v>
      </c>
      <c r="K34" s="281">
        <v>560</v>
      </c>
      <c r="L34" s="282">
        <v>2524</v>
      </c>
      <c r="M34" s="283">
        <v>2524</v>
      </c>
      <c r="N34" s="277">
        <v>0</v>
      </c>
      <c r="O34" s="281">
        <v>0</v>
      </c>
      <c r="P34" s="278">
        <v>0</v>
      </c>
      <c r="Q34" s="280">
        <v>0</v>
      </c>
      <c r="R34" s="281">
        <v>2</v>
      </c>
      <c r="S34" s="281">
        <v>6</v>
      </c>
      <c r="T34" s="281">
        <v>1</v>
      </c>
      <c r="U34" s="281">
        <v>8</v>
      </c>
      <c r="V34" s="281">
        <v>60</v>
      </c>
      <c r="W34" s="278">
        <v>77</v>
      </c>
      <c r="X34" s="283">
        <v>77</v>
      </c>
      <c r="Y34" s="277">
        <v>22</v>
      </c>
      <c r="Z34" s="281">
        <v>51</v>
      </c>
      <c r="AA34" s="278">
        <v>73</v>
      </c>
      <c r="AB34" s="280">
        <v>0</v>
      </c>
      <c r="AC34" s="281">
        <v>180</v>
      </c>
      <c r="AD34" s="281">
        <v>193</v>
      </c>
      <c r="AE34" s="281">
        <v>144</v>
      </c>
      <c r="AF34" s="281">
        <v>140</v>
      </c>
      <c r="AG34" s="281">
        <v>58</v>
      </c>
      <c r="AH34" s="278">
        <v>715</v>
      </c>
      <c r="AI34" s="283">
        <v>788</v>
      </c>
      <c r="AJ34" s="277">
        <v>8</v>
      </c>
      <c r="AK34" s="281">
        <v>0</v>
      </c>
      <c r="AL34" s="278">
        <v>8</v>
      </c>
      <c r="AM34" s="280">
        <v>0</v>
      </c>
      <c r="AN34" s="281">
        <v>80</v>
      </c>
      <c r="AO34" s="281">
        <v>12</v>
      </c>
      <c r="AP34" s="281">
        <v>27</v>
      </c>
      <c r="AQ34" s="281">
        <v>6</v>
      </c>
      <c r="AR34" s="281">
        <v>46</v>
      </c>
      <c r="AS34" s="278">
        <v>171</v>
      </c>
      <c r="AT34" s="283">
        <v>179</v>
      </c>
      <c r="AU34" s="277">
        <v>0</v>
      </c>
      <c r="AV34" s="281">
        <v>0</v>
      </c>
      <c r="AW34" s="278">
        <v>0</v>
      </c>
      <c r="AX34" s="280">
        <v>0</v>
      </c>
      <c r="AY34" s="281">
        <v>516</v>
      </c>
      <c r="AZ34" s="281">
        <v>488</v>
      </c>
      <c r="BA34" s="281">
        <v>267</v>
      </c>
      <c r="BB34" s="281">
        <v>228</v>
      </c>
      <c r="BC34" s="281">
        <v>29</v>
      </c>
      <c r="BD34" s="282">
        <v>1528</v>
      </c>
      <c r="BE34" s="283">
        <v>1528</v>
      </c>
      <c r="BF34" s="277">
        <v>0</v>
      </c>
      <c r="BG34" s="281">
        <v>0</v>
      </c>
      <c r="BH34" s="278">
        <v>0</v>
      </c>
      <c r="BI34" s="280">
        <v>0</v>
      </c>
      <c r="BJ34" s="281">
        <v>84</v>
      </c>
      <c r="BK34" s="281">
        <v>101</v>
      </c>
      <c r="BL34" s="281">
        <v>59</v>
      </c>
      <c r="BM34" s="281">
        <v>30</v>
      </c>
      <c r="BN34" s="281">
        <v>30</v>
      </c>
      <c r="BO34" s="278">
        <v>304</v>
      </c>
      <c r="BP34" s="283">
        <v>304</v>
      </c>
      <c r="BQ34" s="277">
        <v>15</v>
      </c>
      <c r="BR34" s="281">
        <v>0</v>
      </c>
      <c r="BS34" s="278">
        <v>15</v>
      </c>
      <c r="BT34" s="280">
        <v>0</v>
      </c>
      <c r="BU34" s="281">
        <v>32</v>
      </c>
      <c r="BV34" s="281">
        <v>62</v>
      </c>
      <c r="BW34" s="281">
        <v>150</v>
      </c>
      <c r="BX34" s="281">
        <v>47</v>
      </c>
      <c r="BY34" s="281">
        <v>6</v>
      </c>
      <c r="BZ34" s="278">
        <v>297</v>
      </c>
      <c r="CA34" s="283">
        <v>312</v>
      </c>
      <c r="CB34" s="277">
        <v>0</v>
      </c>
      <c r="CC34" s="281">
        <v>0</v>
      </c>
      <c r="CD34" s="278">
        <v>0</v>
      </c>
      <c r="CE34" s="280">
        <v>0</v>
      </c>
      <c r="CF34" s="281">
        <v>0</v>
      </c>
      <c r="CG34" s="281">
        <v>0</v>
      </c>
      <c r="CH34" s="281">
        <v>46</v>
      </c>
      <c r="CI34" s="281">
        <v>14</v>
      </c>
      <c r="CJ34" s="281">
        <v>22</v>
      </c>
      <c r="CK34" s="278">
        <v>82</v>
      </c>
      <c r="CL34" s="283">
        <v>82</v>
      </c>
      <c r="CM34" s="277">
        <v>0</v>
      </c>
      <c r="CN34" s="281">
        <v>0</v>
      </c>
      <c r="CO34" s="278">
        <v>0</v>
      </c>
      <c r="CP34" s="280">
        <v>0</v>
      </c>
      <c r="CQ34" s="281">
        <v>0</v>
      </c>
      <c r="CR34" s="281">
        <v>0</v>
      </c>
      <c r="CS34" s="281">
        <v>0</v>
      </c>
      <c r="CT34" s="281">
        <v>0</v>
      </c>
      <c r="CU34" s="281">
        <v>0</v>
      </c>
      <c r="CV34" s="278">
        <v>0</v>
      </c>
      <c r="CW34" s="283">
        <v>0</v>
      </c>
      <c r="CX34" s="277">
        <v>0</v>
      </c>
      <c r="CY34" s="281">
        <v>0</v>
      </c>
      <c r="CZ34" s="278">
        <v>0</v>
      </c>
      <c r="DA34" s="280">
        <v>0</v>
      </c>
      <c r="DB34" s="281">
        <v>0</v>
      </c>
      <c r="DC34" s="281">
        <v>0</v>
      </c>
      <c r="DD34" s="281">
        <v>0</v>
      </c>
      <c r="DE34" s="281">
        <v>0</v>
      </c>
      <c r="DF34" s="281">
        <v>0</v>
      </c>
      <c r="DG34" s="278">
        <v>0</v>
      </c>
      <c r="DH34" s="283">
        <v>0</v>
      </c>
    </row>
    <row r="35" spans="2:112" ht="18.75" customHeight="1" x14ac:dyDescent="0.2">
      <c r="B35" s="262" t="s">
        <v>33</v>
      </c>
      <c r="C35" s="277">
        <v>0</v>
      </c>
      <c r="D35" s="281">
        <v>0</v>
      </c>
      <c r="E35" s="385">
        <v>0</v>
      </c>
      <c r="F35" s="280">
        <v>0</v>
      </c>
      <c r="G35" s="281">
        <v>260</v>
      </c>
      <c r="H35" s="281">
        <v>324</v>
      </c>
      <c r="I35" s="281">
        <v>448</v>
      </c>
      <c r="J35" s="281">
        <v>514</v>
      </c>
      <c r="K35" s="281">
        <v>663</v>
      </c>
      <c r="L35" s="282">
        <v>2209</v>
      </c>
      <c r="M35" s="283">
        <v>2209</v>
      </c>
      <c r="N35" s="277">
        <v>0</v>
      </c>
      <c r="O35" s="281">
        <v>0</v>
      </c>
      <c r="P35" s="278">
        <v>0</v>
      </c>
      <c r="Q35" s="280">
        <v>0</v>
      </c>
      <c r="R35" s="281">
        <v>1</v>
      </c>
      <c r="S35" s="281">
        <v>5</v>
      </c>
      <c r="T35" s="281">
        <v>9</v>
      </c>
      <c r="U35" s="281">
        <v>12</v>
      </c>
      <c r="V35" s="281">
        <v>28</v>
      </c>
      <c r="W35" s="278">
        <v>55</v>
      </c>
      <c r="X35" s="283">
        <v>55</v>
      </c>
      <c r="Y35" s="277">
        <v>9</v>
      </c>
      <c r="Z35" s="281">
        <v>6</v>
      </c>
      <c r="AA35" s="278">
        <v>15</v>
      </c>
      <c r="AB35" s="280">
        <v>0</v>
      </c>
      <c r="AC35" s="281">
        <v>67</v>
      </c>
      <c r="AD35" s="281">
        <v>62</v>
      </c>
      <c r="AE35" s="281">
        <v>59</v>
      </c>
      <c r="AF35" s="281">
        <v>55</v>
      </c>
      <c r="AG35" s="281">
        <v>51</v>
      </c>
      <c r="AH35" s="278">
        <v>294</v>
      </c>
      <c r="AI35" s="283">
        <v>309</v>
      </c>
      <c r="AJ35" s="277">
        <v>118</v>
      </c>
      <c r="AK35" s="281">
        <v>297</v>
      </c>
      <c r="AL35" s="278">
        <v>415</v>
      </c>
      <c r="AM35" s="280">
        <v>0</v>
      </c>
      <c r="AN35" s="281">
        <v>354</v>
      </c>
      <c r="AO35" s="281">
        <v>188</v>
      </c>
      <c r="AP35" s="281">
        <v>60</v>
      </c>
      <c r="AQ35" s="281">
        <v>102</v>
      </c>
      <c r="AR35" s="281">
        <v>39</v>
      </c>
      <c r="AS35" s="278">
        <v>743</v>
      </c>
      <c r="AT35" s="283">
        <v>1158</v>
      </c>
      <c r="AU35" s="277">
        <v>0</v>
      </c>
      <c r="AV35" s="281">
        <v>0</v>
      </c>
      <c r="AW35" s="278">
        <v>0</v>
      </c>
      <c r="AX35" s="280">
        <v>0</v>
      </c>
      <c r="AY35" s="281">
        <v>100</v>
      </c>
      <c r="AZ35" s="281">
        <v>64</v>
      </c>
      <c r="BA35" s="281">
        <v>30</v>
      </c>
      <c r="BB35" s="281">
        <v>58</v>
      </c>
      <c r="BC35" s="281">
        <v>28</v>
      </c>
      <c r="BD35" s="282">
        <v>280</v>
      </c>
      <c r="BE35" s="283">
        <v>280</v>
      </c>
      <c r="BF35" s="277">
        <v>0</v>
      </c>
      <c r="BG35" s="281">
        <v>0</v>
      </c>
      <c r="BH35" s="278">
        <v>0</v>
      </c>
      <c r="BI35" s="280">
        <v>0</v>
      </c>
      <c r="BJ35" s="281">
        <v>101</v>
      </c>
      <c r="BK35" s="281">
        <v>97</v>
      </c>
      <c r="BL35" s="281">
        <v>29</v>
      </c>
      <c r="BM35" s="281">
        <v>20</v>
      </c>
      <c r="BN35" s="281">
        <v>8</v>
      </c>
      <c r="BO35" s="278">
        <v>255</v>
      </c>
      <c r="BP35" s="283">
        <v>255</v>
      </c>
      <c r="BQ35" s="277">
        <v>0</v>
      </c>
      <c r="BR35" s="281">
        <v>0</v>
      </c>
      <c r="BS35" s="278">
        <v>0</v>
      </c>
      <c r="BT35" s="280">
        <v>0</v>
      </c>
      <c r="BU35" s="281">
        <v>8</v>
      </c>
      <c r="BV35" s="281">
        <v>44</v>
      </c>
      <c r="BW35" s="281">
        <v>80</v>
      </c>
      <c r="BX35" s="281">
        <v>77</v>
      </c>
      <c r="BY35" s="281">
        <v>20</v>
      </c>
      <c r="BZ35" s="278">
        <v>229</v>
      </c>
      <c r="CA35" s="283">
        <v>229</v>
      </c>
      <c r="CB35" s="277">
        <v>0</v>
      </c>
      <c r="CC35" s="281">
        <v>0</v>
      </c>
      <c r="CD35" s="278">
        <v>0</v>
      </c>
      <c r="CE35" s="280">
        <v>0</v>
      </c>
      <c r="CF35" s="281">
        <v>6</v>
      </c>
      <c r="CG35" s="281">
        <v>23</v>
      </c>
      <c r="CH35" s="281">
        <v>16</v>
      </c>
      <c r="CI35" s="281">
        <v>17</v>
      </c>
      <c r="CJ35" s="281">
        <v>0</v>
      </c>
      <c r="CK35" s="278">
        <v>62</v>
      </c>
      <c r="CL35" s="283">
        <v>62</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6</v>
      </c>
      <c r="DE35" s="281">
        <v>0</v>
      </c>
      <c r="DF35" s="281">
        <v>0</v>
      </c>
      <c r="DG35" s="278">
        <v>6</v>
      </c>
      <c r="DH35" s="283">
        <v>6</v>
      </c>
    </row>
    <row r="36" spans="2:112" ht="18.75" customHeight="1" x14ac:dyDescent="0.2">
      <c r="B36" s="262" t="s">
        <v>34</v>
      </c>
      <c r="C36" s="277">
        <v>0</v>
      </c>
      <c r="D36" s="281">
        <v>0</v>
      </c>
      <c r="E36" s="385">
        <v>0</v>
      </c>
      <c r="F36" s="280">
        <v>0</v>
      </c>
      <c r="G36" s="281">
        <v>192</v>
      </c>
      <c r="H36" s="281">
        <v>101</v>
      </c>
      <c r="I36" s="281">
        <v>318</v>
      </c>
      <c r="J36" s="281">
        <v>161</v>
      </c>
      <c r="K36" s="281">
        <v>129</v>
      </c>
      <c r="L36" s="282">
        <v>901</v>
      </c>
      <c r="M36" s="283">
        <v>901</v>
      </c>
      <c r="N36" s="277">
        <v>0</v>
      </c>
      <c r="O36" s="281">
        <v>0</v>
      </c>
      <c r="P36" s="278">
        <v>0</v>
      </c>
      <c r="Q36" s="280">
        <v>0</v>
      </c>
      <c r="R36" s="281">
        <v>0</v>
      </c>
      <c r="S36" s="281">
        <v>5</v>
      </c>
      <c r="T36" s="281">
        <v>0</v>
      </c>
      <c r="U36" s="281">
        <v>3</v>
      </c>
      <c r="V36" s="281">
        <v>35</v>
      </c>
      <c r="W36" s="278">
        <v>43</v>
      </c>
      <c r="X36" s="283">
        <v>43</v>
      </c>
      <c r="Y36" s="277">
        <v>7</v>
      </c>
      <c r="Z36" s="281">
        <v>36</v>
      </c>
      <c r="AA36" s="278">
        <v>43</v>
      </c>
      <c r="AB36" s="280">
        <v>0</v>
      </c>
      <c r="AC36" s="281">
        <v>80</v>
      </c>
      <c r="AD36" s="281">
        <v>41</v>
      </c>
      <c r="AE36" s="281">
        <v>57</v>
      </c>
      <c r="AF36" s="281">
        <v>1</v>
      </c>
      <c r="AG36" s="281">
        <v>42</v>
      </c>
      <c r="AH36" s="278">
        <v>221</v>
      </c>
      <c r="AI36" s="283">
        <v>264</v>
      </c>
      <c r="AJ36" s="277">
        <v>0</v>
      </c>
      <c r="AK36" s="281">
        <v>8</v>
      </c>
      <c r="AL36" s="278">
        <v>8</v>
      </c>
      <c r="AM36" s="280">
        <v>0</v>
      </c>
      <c r="AN36" s="281">
        <v>70</v>
      </c>
      <c r="AO36" s="281">
        <v>55</v>
      </c>
      <c r="AP36" s="281">
        <v>35</v>
      </c>
      <c r="AQ36" s="281">
        <v>12</v>
      </c>
      <c r="AR36" s="281">
        <v>16</v>
      </c>
      <c r="AS36" s="278">
        <v>188</v>
      </c>
      <c r="AT36" s="283">
        <v>196</v>
      </c>
      <c r="AU36" s="277">
        <v>0</v>
      </c>
      <c r="AV36" s="281">
        <v>0</v>
      </c>
      <c r="AW36" s="278">
        <v>0</v>
      </c>
      <c r="AX36" s="280">
        <v>0</v>
      </c>
      <c r="AY36" s="281">
        <v>290</v>
      </c>
      <c r="AZ36" s="281">
        <v>221</v>
      </c>
      <c r="BA36" s="281">
        <v>209</v>
      </c>
      <c r="BB36" s="281">
        <v>83</v>
      </c>
      <c r="BC36" s="281">
        <v>24</v>
      </c>
      <c r="BD36" s="282">
        <v>827</v>
      </c>
      <c r="BE36" s="283">
        <v>827</v>
      </c>
      <c r="BF36" s="277">
        <v>0</v>
      </c>
      <c r="BG36" s="281">
        <v>0</v>
      </c>
      <c r="BH36" s="278">
        <v>0</v>
      </c>
      <c r="BI36" s="280">
        <v>0</v>
      </c>
      <c r="BJ36" s="281">
        <v>85</v>
      </c>
      <c r="BK36" s="281">
        <v>38</v>
      </c>
      <c r="BL36" s="281">
        <v>9</v>
      </c>
      <c r="BM36" s="281">
        <v>30</v>
      </c>
      <c r="BN36" s="281">
        <v>0</v>
      </c>
      <c r="BO36" s="278">
        <v>162</v>
      </c>
      <c r="BP36" s="283">
        <v>162</v>
      </c>
      <c r="BQ36" s="277">
        <v>0</v>
      </c>
      <c r="BR36" s="281">
        <v>0</v>
      </c>
      <c r="BS36" s="278">
        <v>0</v>
      </c>
      <c r="BT36" s="280">
        <v>0</v>
      </c>
      <c r="BU36" s="281">
        <v>32</v>
      </c>
      <c r="BV36" s="281">
        <v>0</v>
      </c>
      <c r="BW36" s="281">
        <v>20</v>
      </c>
      <c r="BX36" s="281">
        <v>88</v>
      </c>
      <c r="BY36" s="281">
        <v>0</v>
      </c>
      <c r="BZ36" s="278">
        <v>140</v>
      </c>
      <c r="CA36" s="283">
        <v>140</v>
      </c>
      <c r="CB36" s="277">
        <v>0</v>
      </c>
      <c r="CC36" s="281">
        <v>0</v>
      </c>
      <c r="CD36" s="278">
        <v>0</v>
      </c>
      <c r="CE36" s="280">
        <v>0</v>
      </c>
      <c r="CF36" s="281">
        <v>3</v>
      </c>
      <c r="CG36" s="281">
        <v>0</v>
      </c>
      <c r="CH36" s="281">
        <v>0</v>
      </c>
      <c r="CI36" s="281">
        <v>9</v>
      </c>
      <c r="CJ36" s="281">
        <v>0</v>
      </c>
      <c r="CK36" s="278">
        <v>12</v>
      </c>
      <c r="CL36" s="283">
        <v>12</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row>
    <row r="37" spans="2:112" ht="18.75" customHeight="1" x14ac:dyDescent="0.2">
      <c r="B37" s="262" t="s">
        <v>35</v>
      </c>
      <c r="C37" s="277">
        <v>0</v>
      </c>
      <c r="D37" s="281">
        <v>0</v>
      </c>
      <c r="E37" s="385">
        <v>0</v>
      </c>
      <c r="F37" s="280">
        <v>0</v>
      </c>
      <c r="G37" s="281">
        <v>997</v>
      </c>
      <c r="H37" s="281">
        <v>1060</v>
      </c>
      <c r="I37" s="281">
        <v>1170</v>
      </c>
      <c r="J37" s="281">
        <v>1380</v>
      </c>
      <c r="K37" s="281">
        <v>1118</v>
      </c>
      <c r="L37" s="282">
        <v>5725</v>
      </c>
      <c r="M37" s="283">
        <v>5725</v>
      </c>
      <c r="N37" s="277">
        <v>0</v>
      </c>
      <c r="O37" s="281">
        <v>0</v>
      </c>
      <c r="P37" s="278">
        <v>0</v>
      </c>
      <c r="Q37" s="280">
        <v>0</v>
      </c>
      <c r="R37" s="281">
        <v>0</v>
      </c>
      <c r="S37" s="281">
        <v>31</v>
      </c>
      <c r="T37" s="281">
        <v>21</v>
      </c>
      <c r="U37" s="281">
        <v>41</v>
      </c>
      <c r="V37" s="281">
        <v>94</v>
      </c>
      <c r="W37" s="278">
        <v>187</v>
      </c>
      <c r="X37" s="283">
        <v>187</v>
      </c>
      <c r="Y37" s="277">
        <v>6</v>
      </c>
      <c r="Z37" s="281">
        <v>33</v>
      </c>
      <c r="AA37" s="278">
        <v>39</v>
      </c>
      <c r="AB37" s="280">
        <v>0</v>
      </c>
      <c r="AC37" s="281">
        <v>269</v>
      </c>
      <c r="AD37" s="281">
        <v>269</v>
      </c>
      <c r="AE37" s="281">
        <v>147</v>
      </c>
      <c r="AF37" s="281">
        <v>156</v>
      </c>
      <c r="AG37" s="281">
        <v>130</v>
      </c>
      <c r="AH37" s="278">
        <v>971</v>
      </c>
      <c r="AI37" s="283">
        <v>1010</v>
      </c>
      <c r="AJ37" s="277">
        <v>8</v>
      </c>
      <c r="AK37" s="281">
        <v>17</v>
      </c>
      <c r="AL37" s="278">
        <v>25</v>
      </c>
      <c r="AM37" s="280">
        <v>0</v>
      </c>
      <c r="AN37" s="281">
        <v>195</v>
      </c>
      <c r="AO37" s="281">
        <v>137</v>
      </c>
      <c r="AP37" s="281">
        <v>100</v>
      </c>
      <c r="AQ37" s="281">
        <v>53</v>
      </c>
      <c r="AR37" s="281">
        <v>28</v>
      </c>
      <c r="AS37" s="278">
        <v>513</v>
      </c>
      <c r="AT37" s="283">
        <v>538</v>
      </c>
      <c r="AU37" s="277">
        <v>0</v>
      </c>
      <c r="AV37" s="281">
        <v>0</v>
      </c>
      <c r="AW37" s="278">
        <v>0</v>
      </c>
      <c r="AX37" s="280">
        <v>0</v>
      </c>
      <c r="AY37" s="281">
        <v>1239</v>
      </c>
      <c r="AZ37" s="281">
        <v>1067</v>
      </c>
      <c r="BA37" s="281">
        <v>754</v>
      </c>
      <c r="BB37" s="281">
        <v>346</v>
      </c>
      <c r="BC37" s="281">
        <v>194</v>
      </c>
      <c r="BD37" s="282">
        <v>3600</v>
      </c>
      <c r="BE37" s="283">
        <v>3600</v>
      </c>
      <c r="BF37" s="277">
        <v>0</v>
      </c>
      <c r="BG37" s="281">
        <v>0</v>
      </c>
      <c r="BH37" s="278">
        <v>0</v>
      </c>
      <c r="BI37" s="280">
        <v>0</v>
      </c>
      <c r="BJ37" s="281">
        <v>403</v>
      </c>
      <c r="BK37" s="281">
        <v>229</v>
      </c>
      <c r="BL37" s="281">
        <v>112</v>
      </c>
      <c r="BM37" s="281">
        <v>128</v>
      </c>
      <c r="BN37" s="281">
        <v>2</v>
      </c>
      <c r="BO37" s="278">
        <v>874</v>
      </c>
      <c r="BP37" s="283">
        <v>874</v>
      </c>
      <c r="BQ37" s="277">
        <v>0</v>
      </c>
      <c r="BR37" s="281">
        <v>0</v>
      </c>
      <c r="BS37" s="278">
        <v>0</v>
      </c>
      <c r="BT37" s="280">
        <v>0</v>
      </c>
      <c r="BU37" s="281">
        <v>22</v>
      </c>
      <c r="BV37" s="281">
        <v>107</v>
      </c>
      <c r="BW37" s="281">
        <v>185</v>
      </c>
      <c r="BX37" s="281">
        <v>167</v>
      </c>
      <c r="BY37" s="281">
        <v>16</v>
      </c>
      <c r="BZ37" s="278">
        <v>497</v>
      </c>
      <c r="CA37" s="283">
        <v>497</v>
      </c>
      <c r="CB37" s="277">
        <v>0</v>
      </c>
      <c r="CC37" s="281">
        <v>0</v>
      </c>
      <c r="CD37" s="278">
        <v>0</v>
      </c>
      <c r="CE37" s="280">
        <v>0</v>
      </c>
      <c r="CF37" s="281">
        <v>20</v>
      </c>
      <c r="CG37" s="281">
        <v>10</v>
      </c>
      <c r="CH37" s="281">
        <v>23</v>
      </c>
      <c r="CI37" s="281">
        <v>5</v>
      </c>
      <c r="CJ37" s="281">
        <v>0</v>
      </c>
      <c r="CK37" s="278">
        <v>58</v>
      </c>
      <c r="CL37" s="283">
        <v>58</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row>
    <row r="38" spans="2:112" ht="18.75" customHeight="1" x14ac:dyDescent="0.2">
      <c r="B38" s="262" t="s">
        <v>36</v>
      </c>
      <c r="C38" s="277">
        <v>0</v>
      </c>
      <c r="D38" s="281">
        <v>0</v>
      </c>
      <c r="E38" s="385">
        <v>0</v>
      </c>
      <c r="F38" s="280">
        <v>0</v>
      </c>
      <c r="G38" s="281">
        <v>879</v>
      </c>
      <c r="H38" s="281">
        <v>1238</v>
      </c>
      <c r="I38" s="281">
        <v>1792</v>
      </c>
      <c r="J38" s="281">
        <v>1869</v>
      </c>
      <c r="K38" s="281">
        <v>1478</v>
      </c>
      <c r="L38" s="282">
        <v>7256</v>
      </c>
      <c r="M38" s="283">
        <v>7256</v>
      </c>
      <c r="N38" s="277">
        <v>0</v>
      </c>
      <c r="O38" s="281">
        <v>0</v>
      </c>
      <c r="P38" s="278">
        <v>0</v>
      </c>
      <c r="Q38" s="280">
        <v>0</v>
      </c>
      <c r="R38" s="281">
        <v>13</v>
      </c>
      <c r="S38" s="281">
        <v>42</v>
      </c>
      <c r="T38" s="281">
        <v>9</v>
      </c>
      <c r="U38" s="281">
        <v>50</v>
      </c>
      <c r="V38" s="281">
        <v>46</v>
      </c>
      <c r="W38" s="278">
        <v>160</v>
      </c>
      <c r="X38" s="283">
        <v>160</v>
      </c>
      <c r="Y38" s="277">
        <v>75</v>
      </c>
      <c r="Z38" s="281">
        <v>106</v>
      </c>
      <c r="AA38" s="278">
        <v>181</v>
      </c>
      <c r="AB38" s="280">
        <v>0</v>
      </c>
      <c r="AC38" s="281">
        <v>583</v>
      </c>
      <c r="AD38" s="281">
        <v>510</v>
      </c>
      <c r="AE38" s="281">
        <v>322</v>
      </c>
      <c r="AF38" s="281">
        <v>338</v>
      </c>
      <c r="AG38" s="281">
        <v>335</v>
      </c>
      <c r="AH38" s="278">
        <v>2088</v>
      </c>
      <c r="AI38" s="283">
        <v>2269</v>
      </c>
      <c r="AJ38" s="277">
        <v>34</v>
      </c>
      <c r="AK38" s="281">
        <v>26</v>
      </c>
      <c r="AL38" s="278">
        <v>60</v>
      </c>
      <c r="AM38" s="280">
        <v>0</v>
      </c>
      <c r="AN38" s="281">
        <v>85</v>
      </c>
      <c r="AO38" s="281">
        <v>80</v>
      </c>
      <c r="AP38" s="281">
        <v>93</v>
      </c>
      <c r="AQ38" s="281">
        <v>58</v>
      </c>
      <c r="AR38" s="281">
        <v>59</v>
      </c>
      <c r="AS38" s="278">
        <v>375</v>
      </c>
      <c r="AT38" s="283">
        <v>435</v>
      </c>
      <c r="AU38" s="277">
        <v>0</v>
      </c>
      <c r="AV38" s="281">
        <v>0</v>
      </c>
      <c r="AW38" s="278">
        <v>0</v>
      </c>
      <c r="AX38" s="280">
        <v>0</v>
      </c>
      <c r="AY38" s="281">
        <v>802</v>
      </c>
      <c r="AZ38" s="281">
        <v>926</v>
      </c>
      <c r="BA38" s="281">
        <v>614</v>
      </c>
      <c r="BB38" s="281">
        <v>311</v>
      </c>
      <c r="BC38" s="281">
        <v>240</v>
      </c>
      <c r="BD38" s="282">
        <v>2893</v>
      </c>
      <c r="BE38" s="283">
        <v>2893</v>
      </c>
      <c r="BF38" s="277">
        <v>0</v>
      </c>
      <c r="BG38" s="281">
        <v>0</v>
      </c>
      <c r="BH38" s="278">
        <v>0</v>
      </c>
      <c r="BI38" s="280">
        <v>0</v>
      </c>
      <c r="BJ38" s="281">
        <v>229</v>
      </c>
      <c r="BK38" s="281">
        <v>179</v>
      </c>
      <c r="BL38" s="281">
        <v>115</v>
      </c>
      <c r="BM38" s="281">
        <v>4</v>
      </c>
      <c r="BN38" s="281">
        <v>2</v>
      </c>
      <c r="BO38" s="278">
        <v>529</v>
      </c>
      <c r="BP38" s="283">
        <v>529</v>
      </c>
      <c r="BQ38" s="277">
        <v>0</v>
      </c>
      <c r="BR38" s="281">
        <v>6</v>
      </c>
      <c r="BS38" s="278">
        <v>6</v>
      </c>
      <c r="BT38" s="280">
        <v>0</v>
      </c>
      <c r="BU38" s="281">
        <v>127</v>
      </c>
      <c r="BV38" s="281">
        <v>164</v>
      </c>
      <c r="BW38" s="281">
        <v>280</v>
      </c>
      <c r="BX38" s="281">
        <v>191</v>
      </c>
      <c r="BY38" s="281">
        <v>158</v>
      </c>
      <c r="BZ38" s="278">
        <v>920</v>
      </c>
      <c r="CA38" s="283">
        <v>926</v>
      </c>
      <c r="CB38" s="277">
        <v>0</v>
      </c>
      <c r="CC38" s="281">
        <v>0</v>
      </c>
      <c r="CD38" s="278">
        <v>0</v>
      </c>
      <c r="CE38" s="280">
        <v>0</v>
      </c>
      <c r="CF38" s="281">
        <v>3</v>
      </c>
      <c r="CG38" s="281">
        <v>6</v>
      </c>
      <c r="CH38" s="281">
        <v>3</v>
      </c>
      <c r="CI38" s="281">
        <v>0</v>
      </c>
      <c r="CJ38" s="281">
        <v>0</v>
      </c>
      <c r="CK38" s="278">
        <v>12</v>
      </c>
      <c r="CL38" s="283">
        <v>12</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row>
    <row r="39" spans="2:112" ht="18.75" customHeight="1" thickBot="1" x14ac:dyDescent="0.25">
      <c r="B39" s="263" t="s">
        <v>37</v>
      </c>
      <c r="C39" s="284">
        <v>0</v>
      </c>
      <c r="D39" s="288">
        <v>0</v>
      </c>
      <c r="E39" s="386">
        <v>0</v>
      </c>
      <c r="F39" s="287">
        <v>0</v>
      </c>
      <c r="G39" s="288">
        <v>30</v>
      </c>
      <c r="H39" s="288">
        <v>63</v>
      </c>
      <c r="I39" s="288">
        <v>59</v>
      </c>
      <c r="J39" s="288">
        <v>22</v>
      </c>
      <c r="K39" s="288">
        <v>126</v>
      </c>
      <c r="L39" s="289">
        <v>300</v>
      </c>
      <c r="M39" s="290">
        <v>300</v>
      </c>
      <c r="N39" s="284">
        <v>0</v>
      </c>
      <c r="O39" s="288">
        <v>0</v>
      </c>
      <c r="P39" s="285">
        <v>0</v>
      </c>
      <c r="Q39" s="287">
        <v>0</v>
      </c>
      <c r="R39" s="288">
        <v>0</v>
      </c>
      <c r="S39" s="288">
        <v>0</v>
      </c>
      <c r="T39" s="288">
        <v>8</v>
      </c>
      <c r="U39" s="288">
        <v>0</v>
      </c>
      <c r="V39" s="288">
        <v>0</v>
      </c>
      <c r="W39" s="285">
        <v>8</v>
      </c>
      <c r="X39" s="290">
        <v>8</v>
      </c>
      <c r="Y39" s="284">
        <v>4</v>
      </c>
      <c r="Z39" s="288">
        <v>6</v>
      </c>
      <c r="AA39" s="285">
        <v>10</v>
      </c>
      <c r="AB39" s="287">
        <v>0</v>
      </c>
      <c r="AC39" s="288">
        <v>24</v>
      </c>
      <c r="AD39" s="288">
        <v>27</v>
      </c>
      <c r="AE39" s="288">
        <v>7</v>
      </c>
      <c r="AF39" s="288">
        <v>36</v>
      </c>
      <c r="AG39" s="288">
        <v>5</v>
      </c>
      <c r="AH39" s="285">
        <v>99</v>
      </c>
      <c r="AI39" s="290">
        <v>109</v>
      </c>
      <c r="AJ39" s="284">
        <v>0</v>
      </c>
      <c r="AK39" s="288">
        <v>0</v>
      </c>
      <c r="AL39" s="285">
        <v>0</v>
      </c>
      <c r="AM39" s="287">
        <v>0</v>
      </c>
      <c r="AN39" s="288">
        <v>46</v>
      </c>
      <c r="AO39" s="288">
        <v>18</v>
      </c>
      <c r="AP39" s="288">
        <v>28</v>
      </c>
      <c r="AQ39" s="288">
        <v>6</v>
      </c>
      <c r="AR39" s="288">
        <v>0</v>
      </c>
      <c r="AS39" s="285">
        <v>98</v>
      </c>
      <c r="AT39" s="290">
        <v>98</v>
      </c>
      <c r="AU39" s="284">
        <v>0</v>
      </c>
      <c r="AV39" s="288">
        <v>0</v>
      </c>
      <c r="AW39" s="285">
        <v>0</v>
      </c>
      <c r="AX39" s="287">
        <v>0</v>
      </c>
      <c r="AY39" s="288">
        <v>59</v>
      </c>
      <c r="AZ39" s="288">
        <v>29</v>
      </c>
      <c r="BA39" s="288">
        <v>24</v>
      </c>
      <c r="BB39" s="288">
        <v>45</v>
      </c>
      <c r="BC39" s="288">
        <v>4</v>
      </c>
      <c r="BD39" s="289">
        <v>161</v>
      </c>
      <c r="BE39" s="290">
        <v>161</v>
      </c>
      <c r="BF39" s="284">
        <v>0</v>
      </c>
      <c r="BG39" s="288">
        <v>0</v>
      </c>
      <c r="BH39" s="285">
        <v>0</v>
      </c>
      <c r="BI39" s="287">
        <v>0</v>
      </c>
      <c r="BJ39" s="288">
        <v>63</v>
      </c>
      <c r="BK39" s="288">
        <v>15</v>
      </c>
      <c r="BL39" s="288">
        <v>38</v>
      </c>
      <c r="BM39" s="288">
        <v>18</v>
      </c>
      <c r="BN39" s="288">
        <v>0</v>
      </c>
      <c r="BO39" s="285">
        <v>134</v>
      </c>
      <c r="BP39" s="290">
        <v>134</v>
      </c>
      <c r="BQ39" s="284">
        <v>0</v>
      </c>
      <c r="BR39" s="288">
        <v>0</v>
      </c>
      <c r="BS39" s="285">
        <v>0</v>
      </c>
      <c r="BT39" s="287">
        <v>0</v>
      </c>
      <c r="BU39" s="288">
        <v>7</v>
      </c>
      <c r="BV39" s="288">
        <v>3</v>
      </c>
      <c r="BW39" s="288">
        <v>29</v>
      </c>
      <c r="BX39" s="288">
        <v>2</v>
      </c>
      <c r="BY39" s="288">
        <v>10</v>
      </c>
      <c r="BZ39" s="285">
        <v>51</v>
      </c>
      <c r="CA39" s="290">
        <v>51</v>
      </c>
      <c r="CB39" s="284">
        <v>0</v>
      </c>
      <c r="CC39" s="288">
        <v>0</v>
      </c>
      <c r="CD39" s="285">
        <v>0</v>
      </c>
      <c r="CE39" s="287">
        <v>0</v>
      </c>
      <c r="CF39" s="288">
        <v>2</v>
      </c>
      <c r="CG39" s="288">
        <v>0</v>
      </c>
      <c r="CH39" s="288">
        <v>0</v>
      </c>
      <c r="CI39" s="288">
        <v>4</v>
      </c>
      <c r="CJ39" s="288">
        <v>0</v>
      </c>
      <c r="CK39" s="285">
        <v>6</v>
      </c>
      <c r="CL39" s="290">
        <v>6</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row>
    <row r="40" spans="2:112" ht="27" customHeight="1" x14ac:dyDescent="0.2">
      <c r="C40" s="256" t="s">
        <v>127</v>
      </c>
    </row>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2-10-20T01:48:36Z</dcterms:modified>
</cp:coreProperties>
</file>